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drawings/drawing2.xml" ContentType="application/vnd.openxmlformats-officedocument.drawing+xml"/>
  <Override PartName="/xl/drawings/drawing3.xml" ContentType="application/vnd.openxmlformats-officedocument.drawing+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drawings/drawing4.xml" ContentType="application/vnd.openxmlformats-officedocument.drawing+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drawings/drawing5.xml" ContentType="application/vnd.openxmlformats-officedocument.drawing+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drawings/drawing6.xml" ContentType="application/vnd.openxmlformats-officedocument.drawing+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029"/>
  <workbookPr codeName="ThisWorkbook" defaultThemeVersion="124226"/>
  <mc:AlternateContent xmlns:mc="http://schemas.openxmlformats.org/markup-compatibility/2006">
    <mc:Choice Requires="x15">
      <x15ac:absPath xmlns:x15ac="http://schemas.microsoft.com/office/spreadsheetml/2010/11/ac" url="C:\Users\s004623\Desktop\"/>
    </mc:Choice>
  </mc:AlternateContent>
  <xr:revisionPtr revIDLastSave="0" documentId="8_{71A8A971-F4AB-45A9-A19D-9EBFAB15AA3A}" xr6:coauthVersionLast="47" xr6:coauthVersionMax="47" xr10:uidLastSave="{00000000-0000-0000-0000-000000000000}"/>
  <bookViews>
    <workbookView xWindow="-110" yWindow="-110" windowWidth="25820" windowHeight="13900" tabRatio="854" xr2:uid="{00000000-000D-0000-FFFF-FFFF00000000}"/>
  </bookViews>
  <sheets>
    <sheet name="別紙－１施工体制台帳（写）提出時のチェックリスト " sheetId="27" r:id="rId1"/>
    <sheet name="別紙－１ー②元請業者が行うこと" sheetId="43" r:id="rId2"/>
    <sheet name="別紙－１ー③チェックリスト (つづき）" sheetId="21" r:id="rId3"/>
    <sheet name="別紙－２下請負契約書記載事項のチェックリスト" sheetId="19" r:id="rId4"/>
    <sheet name="別紙－３再下請負通知書チェックリスト" sheetId="33" r:id="rId5"/>
    <sheet name="別紙－４作業員名簿等チェックリスト " sheetId="35" r:id="rId6"/>
    <sheet name="別紙－５特定専門工事の合意内容チェックリスト" sheetId="34" r:id="rId7"/>
    <sheet name="（参考）発注者に提出する書類（事例1～3）" sheetId="46" r:id="rId8"/>
    <sheet name="（参考）発注者に提出する書類（事例4）" sheetId="47" r:id="rId9"/>
    <sheet name="様式12_施工体制台帳" sheetId="36" r:id="rId10"/>
    <sheet name="様式13_再下請通知書" sheetId="38" r:id="rId11"/>
    <sheet name="様式14_施工体系図" sheetId="37" r:id="rId12"/>
    <sheet name="様式15工事担当技術者台帳" sheetId="26" r:id="rId13"/>
    <sheet name="作業員名簿（新規　国交省建設業課Ver）" sheetId="41" r:id="rId14"/>
    <sheet name="作業員名簿（新規　建設ｷｬﾘｱｱｯﾌﾟｼｽﾃﾑVer）" sheetId="40" r:id="rId15"/>
  </sheets>
  <definedNames>
    <definedName name="_xlnm.Print_Area" localSheetId="14">'作業員名簿（新規　建設ｷｬﾘｱｱｯﾌﾟｼｽﾃﾑVer）'!$A$1:$CG$78</definedName>
    <definedName name="_xlnm.Print_Area" localSheetId="13">'作業員名簿（新規　国交省建設業課Ver）'!$A$1:$Y$82</definedName>
    <definedName name="_xlnm.Print_Area" localSheetId="1">'別紙－１ー②元請業者が行うこと'!$B$2:$AK$48</definedName>
    <definedName name="_xlnm.Print_Area" localSheetId="2">'別紙－１ー③チェックリスト (つづき）'!$B$2:$AK$34</definedName>
    <definedName name="_xlnm.Print_Area" localSheetId="0">'別紙－１施工体制台帳（写）提出時のチェックリスト '!$B$2:$AK$39</definedName>
    <definedName name="_xlnm.Print_Area" localSheetId="3">'別紙－２下請負契約書記載事項のチェックリスト'!$B$2:$V$43</definedName>
    <definedName name="_xlnm.Print_Area" localSheetId="4">'別紙－３再下請負通知書チェックリスト'!$F$2:$V$40</definedName>
    <definedName name="_xlnm.Print_Area" localSheetId="5">'別紙－４作業員名簿等チェックリスト '!$B$2:$V$41</definedName>
    <definedName name="_xlnm.Print_Area" localSheetId="6">'別紙－５特定専門工事の合意内容チェックリスト'!$B$2:$W$54</definedName>
    <definedName name="_xlnm.Print_Area" localSheetId="9">様式12_施工体制台帳!$A$1:$CE$64</definedName>
    <definedName name="_xlnm.Print_Area" localSheetId="10">様式13_再下請通知書!$A$1:$CF$63</definedName>
    <definedName name="_xlnm.Print_Area" localSheetId="12">様式15工事担当技術者台帳!$A$2:$Z$48</definedName>
    <definedName name="技能講習名" localSheetId="14">#REF!</definedName>
    <definedName name="技能講習名" localSheetId="13">#REF!</definedName>
    <definedName name="技能講習名">#REF!</definedName>
    <definedName name="許可業種" localSheetId="14">#REF!</definedName>
    <definedName name="許可業種" localSheetId="13">#REF!</definedName>
    <definedName name="許可業種">#REF!</definedName>
    <definedName name="血液型" localSheetId="14">#REF!</definedName>
    <definedName name="血液型" localSheetId="13">#REF!</definedName>
    <definedName name="血液型">#REF!</definedName>
    <definedName name="職種名" localSheetId="14">#REF!</definedName>
    <definedName name="職種名" localSheetId="13">#REF!</definedName>
    <definedName name="職種名">#REF!</definedName>
    <definedName name="特殊健康診断名" localSheetId="14">#REF!</definedName>
    <definedName name="特殊健康診断名" localSheetId="13">#REF!</definedName>
    <definedName name="特殊健康診断名">#REF!</definedName>
    <definedName name="特別教育名" localSheetId="14">#REF!</definedName>
    <definedName name="特別教育名" localSheetId="13">#REF!</definedName>
    <definedName name="特別教育名">#REF!</definedName>
    <definedName name="免許資格名" localSheetId="14">#REF!</definedName>
    <definedName name="免許資格名" localSheetId="13">#REF!</definedName>
    <definedName name="免許資格名">#REF!</definedName>
  </definedNames>
  <calcPr calcId="152511"/>
</workbook>
</file>

<file path=xl/sharedStrings.xml><?xml version="1.0" encoding="utf-8"?>
<sst xmlns="http://schemas.openxmlformats.org/spreadsheetml/2006/main" count="1190" uniqueCount="414">
  <si>
    <t>【再下請負通知書等の作成イメージ】</t>
    <rPh sb="1" eb="3">
      <t>サイシタ</t>
    </rPh>
    <rPh sb="3" eb="5">
      <t>ウケオイ</t>
    </rPh>
    <rPh sb="5" eb="8">
      <t>ツウチショ</t>
    </rPh>
    <rPh sb="8" eb="9">
      <t>トウ</t>
    </rPh>
    <rPh sb="10" eb="12">
      <t>サクセイ</t>
    </rPh>
    <phoneticPr fontId="2"/>
  </si>
  <si>
    <t>注文者名：</t>
    <rPh sb="0" eb="3">
      <t>チュウモンシャ</t>
    </rPh>
    <rPh sb="3" eb="4">
      <t>メイ</t>
    </rPh>
    <phoneticPr fontId="2"/>
  </si>
  <si>
    <t>受注者名：</t>
    <rPh sb="0" eb="3">
      <t>ジュチュウシャ</t>
    </rPh>
    <rPh sb="3" eb="4">
      <t>メイ</t>
    </rPh>
    <phoneticPr fontId="2"/>
  </si>
  <si>
    <t>自社(元請)名：</t>
    <rPh sb="0" eb="2">
      <t>ジシャ</t>
    </rPh>
    <rPh sb="3" eb="5">
      <t>モトウ</t>
    </rPh>
    <rPh sb="6" eb="7">
      <t>メイ</t>
    </rPh>
    <phoneticPr fontId="2"/>
  </si>
  <si>
    <t>特定 ・ 一般 ・ 許可無し</t>
    <rPh sb="0" eb="2">
      <t>トクテイ</t>
    </rPh>
    <rPh sb="5" eb="7">
      <t>イッパン</t>
    </rPh>
    <rPh sb="10" eb="12">
      <t>キョカ</t>
    </rPh>
    <rPh sb="12" eb="13">
      <t>ナ</t>
    </rPh>
    <phoneticPr fontId="2"/>
  </si>
  <si>
    <t>下請負契約金額(税込)：</t>
    <rPh sb="0" eb="1">
      <t>シタ</t>
    </rPh>
    <rPh sb="1" eb="3">
      <t>ウケオイ</t>
    </rPh>
    <rPh sb="3" eb="6">
      <t>ケイヤクキン</t>
    </rPh>
    <rPh sb="6" eb="7">
      <t>ガク</t>
    </rPh>
    <rPh sb="8" eb="10">
      <t>ゼイコ</t>
    </rPh>
    <phoneticPr fontId="2"/>
  </si>
  <si>
    <r>
      <t xml:space="preserve">下請負契約金額(税込)：
</t>
    </r>
    <r>
      <rPr>
        <sz val="9"/>
        <rFont val="ＭＳ Ｐゴシック"/>
        <family val="3"/>
        <charset val="128"/>
      </rPr>
      <t xml:space="preserve">（以下に記載する金額の計） </t>
    </r>
    <rPh sb="0" eb="1">
      <t>シタ</t>
    </rPh>
    <rPh sb="1" eb="3">
      <t>ウケオイ</t>
    </rPh>
    <rPh sb="3" eb="6">
      <t>ケイヤクキン</t>
    </rPh>
    <rPh sb="6" eb="7">
      <t>ガク</t>
    </rPh>
    <rPh sb="8" eb="10">
      <t>ゼイコ</t>
    </rPh>
    <rPh sb="14" eb="16">
      <t>イカ</t>
    </rPh>
    <rPh sb="17" eb="19">
      <t>キサイ</t>
    </rPh>
    <rPh sb="21" eb="23">
      <t>キンガク</t>
    </rPh>
    <rPh sb="24" eb="25">
      <t>ケイ</t>
    </rPh>
    <phoneticPr fontId="2"/>
  </si>
  <si>
    <t>確認事項</t>
    <rPh sb="0" eb="2">
      <t>カクニン</t>
    </rPh>
    <rPh sb="2" eb="4">
      <t>ジコウ</t>
    </rPh>
    <phoneticPr fontId="2"/>
  </si>
  <si>
    <t>発注者に提出する書類</t>
    <rPh sb="0" eb="3">
      <t>ハッチュウシャ</t>
    </rPh>
    <rPh sb="4" eb="6">
      <t>テイシュツ</t>
    </rPh>
    <rPh sb="8" eb="10">
      <t>ショルイ</t>
    </rPh>
    <phoneticPr fontId="2"/>
  </si>
  <si>
    <t>１件の契約額が500万円以上（建築工事の場合1,500万円以上、又は延べ面積150㎡以上の木造住宅工事）の場合。</t>
    <phoneticPr fontId="2"/>
  </si>
  <si>
    <t>※注文者が材料を提供する場合においては、その市場価格又は市場価格及び運送賃を当該請負契約の請負代金の額に加えたものを上記の額とする。（建設業法施行令）</t>
    <rPh sb="58" eb="60">
      <t>ジョウキ</t>
    </rPh>
    <rPh sb="61" eb="62">
      <t>ガク</t>
    </rPh>
    <rPh sb="67" eb="70">
      <t>ケンセツギョウ</t>
    </rPh>
    <rPh sb="70" eb="71">
      <t>ホウ</t>
    </rPh>
    <rPh sb="71" eb="74">
      <t>シコウレイ</t>
    </rPh>
    <phoneticPr fontId="2"/>
  </si>
  <si>
    <t>【下請負契約書記載事項のチェックリスト】</t>
    <rPh sb="1" eb="3">
      <t>シタウ</t>
    </rPh>
    <rPh sb="3" eb="4">
      <t>オ</t>
    </rPh>
    <rPh sb="4" eb="7">
      <t>ケイヤクショ</t>
    </rPh>
    <rPh sb="7" eb="9">
      <t>キサイ</t>
    </rPh>
    <rPh sb="9" eb="11">
      <t>ジコウ</t>
    </rPh>
    <phoneticPr fontId="2"/>
  </si>
  <si>
    <t>②</t>
    <phoneticPr fontId="2"/>
  </si>
  <si>
    <t>請負代金の額</t>
    <phoneticPr fontId="2"/>
  </si>
  <si>
    <t>当事者の一方から設計変更又は工事着手の延期若しくは工事の全部若しくは一部の中止の申出があった場合における工期の変更、請負代金の額の変更又は損害の負担及びそれらの額の算定方法に関する定め</t>
    <phoneticPr fontId="2"/>
  </si>
  <si>
    <t>⑥</t>
    <phoneticPr fontId="2"/>
  </si>
  <si>
    <t>⑧</t>
    <phoneticPr fontId="2"/>
  </si>
  <si>
    <t>工事の目的物の瑕疵を担保すべき責任又は当該責任の履行に関して講ずべき保証保険契約の締結その他の措置に関する定めをするときは、その内容</t>
    <rPh sb="0" eb="2">
      <t>コウジ</t>
    </rPh>
    <rPh sb="3" eb="6">
      <t>モクテキブツ</t>
    </rPh>
    <rPh sb="7" eb="9">
      <t>カシ</t>
    </rPh>
    <rPh sb="10" eb="12">
      <t>タンポ</t>
    </rPh>
    <rPh sb="15" eb="17">
      <t>セキニン</t>
    </rPh>
    <rPh sb="17" eb="18">
      <t>マタ</t>
    </rPh>
    <rPh sb="19" eb="21">
      <t>トウガイ</t>
    </rPh>
    <rPh sb="21" eb="23">
      <t>セキニン</t>
    </rPh>
    <rPh sb="24" eb="26">
      <t>リコウ</t>
    </rPh>
    <rPh sb="27" eb="28">
      <t>カン</t>
    </rPh>
    <rPh sb="30" eb="31">
      <t>コウ</t>
    </rPh>
    <rPh sb="34" eb="36">
      <t>ホショウ</t>
    </rPh>
    <rPh sb="36" eb="38">
      <t>ホケン</t>
    </rPh>
    <rPh sb="38" eb="40">
      <t>ケイヤク</t>
    </rPh>
    <rPh sb="41" eb="43">
      <t>テイケツ</t>
    </rPh>
    <rPh sb="45" eb="46">
      <t>タ</t>
    </rPh>
    <rPh sb="47" eb="49">
      <t>ソチ</t>
    </rPh>
    <rPh sb="50" eb="51">
      <t>カン</t>
    </rPh>
    <rPh sb="53" eb="54">
      <t>サダ</t>
    </rPh>
    <rPh sb="64" eb="66">
      <t>ナイヨウ</t>
    </rPh>
    <phoneticPr fontId="2"/>
  </si>
  <si>
    <t>支払いはできる限り現金払い。少なくとも労務費相当分は現金払い。手形期間は120日以内で、できる限り短い期間（※１）。</t>
    <rPh sb="0" eb="2">
      <t>シハラ</t>
    </rPh>
    <rPh sb="7" eb="8">
      <t>カギ</t>
    </rPh>
    <rPh sb="9" eb="11">
      <t>ゲンキン</t>
    </rPh>
    <rPh sb="11" eb="12">
      <t>バラ</t>
    </rPh>
    <rPh sb="14" eb="15">
      <t>スク</t>
    </rPh>
    <rPh sb="19" eb="22">
      <t>ロウムヒ</t>
    </rPh>
    <rPh sb="22" eb="25">
      <t>ソウトウブン</t>
    </rPh>
    <rPh sb="26" eb="28">
      <t>ゲンキン</t>
    </rPh>
    <rPh sb="28" eb="29">
      <t>バラ</t>
    </rPh>
    <rPh sb="31" eb="33">
      <t>テガタ</t>
    </rPh>
    <rPh sb="33" eb="35">
      <t>キカン</t>
    </rPh>
    <rPh sb="39" eb="40">
      <t>ニチ</t>
    </rPh>
    <rPh sb="40" eb="42">
      <t>イナイ</t>
    </rPh>
    <rPh sb="47" eb="48">
      <t>カギ</t>
    </rPh>
    <rPh sb="49" eb="50">
      <t>ミジカ</t>
    </rPh>
    <rPh sb="51" eb="53">
      <t>キカン</t>
    </rPh>
    <phoneticPr fontId="2"/>
  </si>
  <si>
    <t>建設業法第２４条の４</t>
    <rPh sb="0" eb="3">
      <t>ケンセツギョウ</t>
    </rPh>
    <rPh sb="3" eb="4">
      <t>ホウ</t>
    </rPh>
    <rPh sb="4" eb="5">
      <t>ダイ</t>
    </rPh>
    <rPh sb="7" eb="8">
      <t>ジョウ</t>
    </rPh>
    <phoneticPr fontId="2"/>
  </si>
  <si>
    <t>建設業法第２４条の３</t>
    <rPh sb="0" eb="3">
      <t>ケンセツギョウ</t>
    </rPh>
    <rPh sb="3" eb="4">
      <t>ホウ</t>
    </rPh>
    <rPh sb="4" eb="5">
      <t>ダイ</t>
    </rPh>
    <rPh sb="7" eb="8">
      <t>ジョウ</t>
    </rPh>
    <phoneticPr fontId="2"/>
  </si>
  <si>
    <t>元請負人の場合、完成通知を受けてから、検査完了まで20日以内。引渡しの申し出があった場合はただちに引渡しを受ける（※２）。</t>
    <rPh sb="0" eb="4">
      <t>モトウケオイニン</t>
    </rPh>
    <rPh sb="5" eb="7">
      <t>バアイ</t>
    </rPh>
    <rPh sb="8" eb="10">
      <t>カンセイ</t>
    </rPh>
    <rPh sb="10" eb="12">
      <t>ツウチ</t>
    </rPh>
    <rPh sb="13" eb="14">
      <t>ウ</t>
    </rPh>
    <rPh sb="19" eb="21">
      <t>ケンサ</t>
    </rPh>
    <rPh sb="21" eb="23">
      <t>カンリョウ</t>
    </rPh>
    <rPh sb="27" eb="28">
      <t>ニチ</t>
    </rPh>
    <rPh sb="28" eb="30">
      <t>イナイ</t>
    </rPh>
    <rPh sb="31" eb="32">
      <t>ヒ</t>
    </rPh>
    <rPh sb="32" eb="33">
      <t>ワタ</t>
    </rPh>
    <rPh sb="35" eb="36">
      <t>モウ</t>
    </rPh>
    <rPh sb="37" eb="38">
      <t>デ</t>
    </rPh>
    <rPh sb="42" eb="44">
      <t>バアイ</t>
    </rPh>
    <rPh sb="49" eb="50">
      <t>ヒ</t>
    </rPh>
    <rPh sb="50" eb="51">
      <t>ワタ</t>
    </rPh>
    <rPh sb="53" eb="54">
      <t>ウ</t>
    </rPh>
    <phoneticPr fontId="2"/>
  </si>
  <si>
    <t>建設業法第２４条の５</t>
    <rPh sb="0" eb="3">
      <t>ケンセツギョウ</t>
    </rPh>
    <rPh sb="3" eb="4">
      <t>ホウ</t>
    </rPh>
    <rPh sb="4" eb="5">
      <t>ダイ</t>
    </rPh>
    <rPh sb="7" eb="8">
      <t>ジョウ</t>
    </rPh>
    <phoneticPr fontId="2"/>
  </si>
  <si>
    <t>元請負人の場合、支払いを受けてから下請負人に支払うまで1月以内に支払う（※３）。特定建設業者は、引き渡しの申し出があってから、代金の支払いまで50日以内に支払期日を定める（※４）。手形期間は120日以内で、できる限り短い期間（※１）。</t>
    <rPh sb="8" eb="10">
      <t>シハラ</t>
    </rPh>
    <rPh sb="12" eb="13">
      <t>ウ</t>
    </rPh>
    <rPh sb="17" eb="20">
      <t>シタウケオイ</t>
    </rPh>
    <rPh sb="20" eb="21">
      <t>ヒト</t>
    </rPh>
    <rPh sb="22" eb="24">
      <t>シハラ</t>
    </rPh>
    <rPh sb="28" eb="29">
      <t>ツキ</t>
    </rPh>
    <rPh sb="29" eb="31">
      <t>イナイ</t>
    </rPh>
    <rPh sb="32" eb="34">
      <t>シハラ</t>
    </rPh>
    <rPh sb="40" eb="42">
      <t>トクテイ</t>
    </rPh>
    <rPh sb="42" eb="44">
      <t>ケンセツ</t>
    </rPh>
    <rPh sb="44" eb="46">
      <t>ギョウシャ</t>
    </rPh>
    <rPh sb="48" eb="49">
      <t>ヒ</t>
    </rPh>
    <rPh sb="50" eb="51">
      <t>ワタ</t>
    </rPh>
    <rPh sb="53" eb="54">
      <t>モウ</t>
    </rPh>
    <rPh sb="55" eb="56">
      <t>デ</t>
    </rPh>
    <rPh sb="63" eb="65">
      <t>ダイキン</t>
    </rPh>
    <rPh sb="66" eb="68">
      <t>シハラ</t>
    </rPh>
    <rPh sb="73" eb="74">
      <t>ニチ</t>
    </rPh>
    <rPh sb="74" eb="76">
      <t>イナイ</t>
    </rPh>
    <rPh sb="77" eb="79">
      <t>シハライ</t>
    </rPh>
    <rPh sb="79" eb="81">
      <t>キジツ</t>
    </rPh>
    <rPh sb="82" eb="83">
      <t>サダ</t>
    </rPh>
    <rPh sb="90" eb="92">
      <t>テガタ</t>
    </rPh>
    <rPh sb="92" eb="94">
      <t>キカン</t>
    </rPh>
    <rPh sb="98" eb="99">
      <t>ニチ</t>
    </rPh>
    <rPh sb="99" eb="101">
      <t>イナイ</t>
    </rPh>
    <rPh sb="106" eb="107">
      <t>カギ</t>
    </rPh>
    <rPh sb="108" eb="109">
      <t>ミジカ</t>
    </rPh>
    <rPh sb="110" eb="112">
      <t>キカン</t>
    </rPh>
    <phoneticPr fontId="2"/>
  </si>
  <si>
    <t>　下請負人が建設業許可者である。</t>
    <rPh sb="1" eb="2">
      <t>シタ</t>
    </rPh>
    <rPh sb="2" eb="4">
      <t>ウケオイ</t>
    </rPh>
    <rPh sb="4" eb="5">
      <t>ヒト</t>
    </rPh>
    <rPh sb="6" eb="8">
      <t>ケンセツ</t>
    </rPh>
    <rPh sb="9" eb="11">
      <t>キョカ</t>
    </rPh>
    <rPh sb="11" eb="12">
      <t>シャ</t>
    </rPh>
    <phoneticPr fontId="2"/>
  </si>
  <si>
    <t>　元請負人は特定建設業許可業者であり、「現場代理人及び技術者通知書」により監理技術者が通知されている。</t>
    <rPh sb="1" eb="2">
      <t>モト</t>
    </rPh>
    <rPh sb="2" eb="4">
      <t>ウケオイ</t>
    </rPh>
    <rPh sb="4" eb="5">
      <t>ニン</t>
    </rPh>
    <rPh sb="6" eb="8">
      <t>トクテイ</t>
    </rPh>
    <rPh sb="8" eb="11">
      <t>ケンセツギョウ</t>
    </rPh>
    <rPh sb="11" eb="13">
      <t>キョカ</t>
    </rPh>
    <rPh sb="13" eb="15">
      <t>ギョウシャ</t>
    </rPh>
    <rPh sb="37" eb="39">
      <t>カンリ</t>
    </rPh>
    <rPh sb="39" eb="42">
      <t>ギジュツシャ</t>
    </rPh>
    <rPh sb="43" eb="45">
      <t>ツウチ</t>
    </rPh>
    <phoneticPr fontId="2"/>
  </si>
  <si>
    <t>項　　　　　　　　　　目</t>
    <rPh sb="0" eb="1">
      <t>コウ</t>
    </rPh>
    <rPh sb="11" eb="12">
      <t>メ</t>
    </rPh>
    <phoneticPr fontId="2"/>
  </si>
  <si>
    <t>備　　　　　　　　　　考</t>
    <rPh sb="0" eb="1">
      <t>ソナエ</t>
    </rPh>
    <rPh sb="11" eb="12">
      <t>コウ</t>
    </rPh>
    <phoneticPr fontId="2"/>
  </si>
  <si>
    <t>③</t>
    <phoneticPr fontId="2"/>
  </si>
  <si>
    <t>工事着手の時期及び工事完成の時期</t>
    <phoneticPr fontId="2"/>
  </si>
  <si>
    <t>⑤</t>
    <phoneticPr fontId="2"/>
  </si>
  <si>
    <t>天災その他不可抗力による工期の変更又は損害の負担及びその額の算定方法に関する定め</t>
    <phoneticPr fontId="2"/>
  </si>
  <si>
    <t>⑦</t>
    <phoneticPr fontId="2"/>
  </si>
  <si>
    <t>価格等の変動若しくは変更に基づく請負代金の額又は工事内容の変更</t>
    <phoneticPr fontId="2"/>
  </si>
  <si>
    <t>⑨</t>
    <phoneticPr fontId="2"/>
  </si>
  <si>
    <t>建設業法第１９条に掲げる次の内容が契約書に記載されているか。</t>
    <rPh sb="0" eb="3">
      <t>ケンセツギョウ</t>
    </rPh>
    <rPh sb="3" eb="4">
      <t>ホウ</t>
    </rPh>
    <rPh sb="4" eb="5">
      <t>ダイ</t>
    </rPh>
    <rPh sb="7" eb="8">
      <t>ジョウ</t>
    </rPh>
    <rPh sb="9" eb="10">
      <t>カカ</t>
    </rPh>
    <rPh sb="12" eb="13">
      <t>ツギ</t>
    </rPh>
    <rPh sb="14" eb="16">
      <t>ナイヨウ</t>
    </rPh>
    <rPh sb="17" eb="20">
      <t>ケイヤクショ</t>
    </rPh>
    <rPh sb="21" eb="23">
      <t>キサイ</t>
    </rPh>
    <phoneticPr fontId="2"/>
  </si>
  <si>
    <t>【施工体制台帳（写し）提出時のチェックリスト】</t>
    <rPh sb="1" eb="3">
      <t>セコウ</t>
    </rPh>
    <rPh sb="3" eb="5">
      <t>タイセイ</t>
    </rPh>
    <rPh sb="5" eb="7">
      <t>ダイチョウ</t>
    </rPh>
    <rPh sb="8" eb="9">
      <t>ウツ</t>
    </rPh>
    <rPh sb="11" eb="13">
      <t>テイシュツ</t>
    </rPh>
    <rPh sb="13" eb="14">
      <t>ジ</t>
    </rPh>
    <phoneticPr fontId="2"/>
  </si>
  <si>
    <t>【再下請負通知書のチェックリスト（元請業者確認用）】</t>
    <rPh sb="1" eb="3">
      <t>サイシタ</t>
    </rPh>
    <rPh sb="3" eb="5">
      <t>ウケオイ</t>
    </rPh>
    <rPh sb="5" eb="8">
      <t>ツウチショ</t>
    </rPh>
    <rPh sb="17" eb="19">
      <t>モトウ</t>
    </rPh>
    <rPh sb="19" eb="21">
      <t>ギョウシャ</t>
    </rPh>
    <rPh sb="21" eb="23">
      <t>カクニン</t>
    </rPh>
    <rPh sb="23" eb="24">
      <t>ヨウ</t>
    </rPh>
    <phoneticPr fontId="2"/>
  </si>
  <si>
    <t>（第　　次下請）</t>
    <rPh sb="1" eb="2">
      <t>ダイ</t>
    </rPh>
    <rPh sb="4" eb="5">
      <t>ツギ</t>
    </rPh>
    <rPh sb="5" eb="7">
      <t>シタウケ</t>
    </rPh>
    <phoneticPr fontId="2"/>
  </si>
  <si>
    <t>下請負契約書の写しが添付されている。</t>
    <rPh sb="0" eb="1">
      <t>シタ</t>
    </rPh>
    <rPh sb="1" eb="3">
      <t>ウケオイ</t>
    </rPh>
    <rPh sb="3" eb="6">
      <t>ケイヤクショ</t>
    </rPh>
    <rPh sb="7" eb="8">
      <t>ウツ</t>
    </rPh>
    <rPh sb="10" eb="12">
      <t>テンプ</t>
    </rPh>
    <phoneticPr fontId="2"/>
  </si>
  <si>
    <t>受注者の技術者に関する技術者資格者証等の写し（建設業許可業者の場合）が添付されている。</t>
    <rPh sb="0" eb="3">
      <t>ジュチュウシャ</t>
    </rPh>
    <rPh sb="4" eb="7">
      <t>ギジュツシャ</t>
    </rPh>
    <rPh sb="8" eb="9">
      <t>カン</t>
    </rPh>
    <rPh sb="11" eb="14">
      <t>ギジュツシャ</t>
    </rPh>
    <rPh sb="14" eb="17">
      <t>シカクシャ</t>
    </rPh>
    <rPh sb="17" eb="19">
      <t>アカシナド</t>
    </rPh>
    <rPh sb="20" eb="21">
      <t>ウツ</t>
    </rPh>
    <rPh sb="23" eb="26">
      <t>ケンセツギョウ</t>
    </rPh>
    <rPh sb="26" eb="28">
      <t>キョカ</t>
    </rPh>
    <rPh sb="28" eb="30">
      <t>ギョウシャ</t>
    </rPh>
    <rPh sb="31" eb="33">
      <t>バアイ</t>
    </rPh>
    <rPh sb="35" eb="37">
      <t>テンプ</t>
    </rPh>
    <phoneticPr fontId="2"/>
  </si>
  <si>
    <t>①</t>
    <phoneticPr fontId="2"/>
  </si>
  <si>
    <t>工事内容</t>
    <phoneticPr fontId="2"/>
  </si>
  <si>
    <t>④</t>
    <phoneticPr fontId="2"/>
  </si>
  <si>
    <t>請負代金の全部又は一部の前金払又は出来形部分に対する支払の定めをするときはその支払の時期及び方法</t>
    <phoneticPr fontId="2"/>
  </si>
  <si>
    <t>工事の施工により第三者が損害を受けた場合における賠償金の負担に関する定め</t>
    <phoneticPr fontId="2"/>
  </si>
  <si>
    <t>注文者が工事に使用する資材を提供し、又は建設機械その他の機械を貸与するときは、その内容及び方法に関する定め</t>
    <phoneticPr fontId="2"/>
  </si>
  <si>
    <t>⑩</t>
    <phoneticPr fontId="2"/>
  </si>
  <si>
    <t>注文者が工事の全部又は一部の完成を確認するための検査の時期及び方法並びに引渡しの時期</t>
    <phoneticPr fontId="2"/>
  </si>
  <si>
    <t>⑪</t>
    <phoneticPr fontId="2"/>
  </si>
  <si>
    <t>工事完成後における請負代金の支払いの時期及び方法</t>
    <phoneticPr fontId="2"/>
  </si>
  <si>
    <t>⑫</t>
    <phoneticPr fontId="2"/>
  </si>
  <si>
    <t>⑬</t>
    <phoneticPr fontId="2"/>
  </si>
  <si>
    <t>各当事者の履行の遅滞その他債務の不履行の場合における遅延利息、違約金その他の損害金</t>
    <phoneticPr fontId="2"/>
  </si>
  <si>
    <t>⑭</t>
    <phoneticPr fontId="2"/>
  </si>
  <si>
    <t>契約に関する紛争の解決方法</t>
    <phoneticPr fontId="2"/>
  </si>
  <si>
    <t>※１</t>
    <phoneticPr fontId="2"/>
  </si>
  <si>
    <t>建設産業における生産システム合理化指針 第４</t>
    <phoneticPr fontId="2"/>
  </si>
  <si>
    <t>※２</t>
    <phoneticPr fontId="2"/>
  </si>
  <si>
    <t>※３</t>
    <phoneticPr fontId="2"/>
  </si>
  <si>
    <t>※４</t>
    <phoneticPr fontId="2"/>
  </si>
  <si>
    <t>○下請負契約書の例（次のいずれかの書面で作成する）
　　　・個別契約書
       ・注文書・請書　＋　基本契約書
     　・注文書・請書　＋　基本契約約款</t>
    <rPh sb="1" eb="2">
      <t>シタ</t>
    </rPh>
    <rPh sb="2" eb="4">
      <t>ウケオイ</t>
    </rPh>
    <rPh sb="4" eb="7">
      <t>ケイヤクショ</t>
    </rPh>
    <rPh sb="8" eb="9">
      <t>レイ</t>
    </rPh>
    <rPh sb="10" eb="11">
      <t>ツギ</t>
    </rPh>
    <rPh sb="17" eb="19">
      <t>ショメン</t>
    </rPh>
    <rPh sb="20" eb="22">
      <t>サクセイ</t>
    </rPh>
    <rPh sb="30" eb="32">
      <t>コベツ</t>
    </rPh>
    <rPh sb="32" eb="35">
      <t>ケイヤクショ</t>
    </rPh>
    <rPh sb="44" eb="47">
      <t>チュウモンショ</t>
    </rPh>
    <rPh sb="48" eb="49">
      <t>ウ</t>
    </rPh>
    <rPh sb="49" eb="50">
      <t>ショ</t>
    </rPh>
    <rPh sb="53" eb="55">
      <t>キホン</t>
    </rPh>
    <rPh sb="55" eb="58">
      <t>ケイヤクショ</t>
    </rPh>
    <rPh sb="66" eb="69">
      <t>チュウモンショ</t>
    </rPh>
    <rPh sb="70" eb="72">
      <t>ウケショ</t>
    </rPh>
    <rPh sb="75" eb="77">
      <t>キホン</t>
    </rPh>
    <rPh sb="77" eb="79">
      <t>ケイヤク</t>
    </rPh>
    <rPh sb="79" eb="81">
      <t>ヤッカン</t>
    </rPh>
    <phoneticPr fontId="2"/>
  </si>
  <si>
    <t>１次下請負業者名7：</t>
    <rPh sb="1" eb="2">
      <t>ジ</t>
    </rPh>
    <rPh sb="2" eb="4">
      <t>シタウ</t>
    </rPh>
    <rPh sb="4" eb="5">
      <t>オ</t>
    </rPh>
    <rPh sb="5" eb="8">
      <t>ギョウシャメイ</t>
    </rPh>
    <phoneticPr fontId="2"/>
  </si>
  <si>
    <t>１次下請負業者名８：</t>
    <rPh sb="1" eb="2">
      <t>ジ</t>
    </rPh>
    <rPh sb="2" eb="4">
      <t>シタウ</t>
    </rPh>
    <rPh sb="4" eb="5">
      <t>オ</t>
    </rPh>
    <rPh sb="5" eb="8">
      <t>ギョウシャメイ</t>
    </rPh>
    <phoneticPr fontId="2"/>
  </si>
  <si>
    <t>１次下請負業者名６：</t>
    <rPh sb="1" eb="2">
      <t>ジ</t>
    </rPh>
    <rPh sb="2" eb="4">
      <t>シタウ</t>
    </rPh>
    <rPh sb="4" eb="5">
      <t>オ</t>
    </rPh>
    <rPh sb="5" eb="8">
      <t>ギョウシャメイ</t>
    </rPh>
    <phoneticPr fontId="2"/>
  </si>
  <si>
    <t>１次下請負業者名１：</t>
    <rPh sb="1" eb="2">
      <t>ジ</t>
    </rPh>
    <rPh sb="2" eb="4">
      <t>シタウ</t>
    </rPh>
    <rPh sb="4" eb="5">
      <t>オ</t>
    </rPh>
    <rPh sb="5" eb="8">
      <t>ギョウシャメイ</t>
    </rPh>
    <phoneticPr fontId="2"/>
  </si>
  <si>
    <t>１次下請負業者名２：</t>
    <rPh sb="1" eb="2">
      <t>ジ</t>
    </rPh>
    <rPh sb="2" eb="4">
      <t>シタウ</t>
    </rPh>
    <rPh sb="4" eb="5">
      <t>オ</t>
    </rPh>
    <rPh sb="5" eb="8">
      <t>ギョウシャメイ</t>
    </rPh>
    <phoneticPr fontId="2"/>
  </si>
  <si>
    <t>１次下請負業者名３：</t>
    <rPh sb="1" eb="2">
      <t>ジ</t>
    </rPh>
    <rPh sb="2" eb="4">
      <t>シタウ</t>
    </rPh>
    <rPh sb="4" eb="5">
      <t>オ</t>
    </rPh>
    <rPh sb="5" eb="8">
      <t>ギョウシャメイ</t>
    </rPh>
    <phoneticPr fontId="2"/>
  </si>
  <si>
    <t>１次下請負業者名４：</t>
    <rPh sb="1" eb="2">
      <t>ジ</t>
    </rPh>
    <rPh sb="2" eb="4">
      <t>シタウ</t>
    </rPh>
    <rPh sb="4" eb="5">
      <t>オ</t>
    </rPh>
    <rPh sb="5" eb="8">
      <t>ギョウシャメイ</t>
    </rPh>
    <phoneticPr fontId="2"/>
  </si>
  <si>
    <t>１次下請負業者名５：</t>
    <rPh sb="1" eb="2">
      <t>ジ</t>
    </rPh>
    <rPh sb="2" eb="4">
      <t>シタウ</t>
    </rPh>
    <rPh sb="4" eb="5">
      <t>オ</t>
    </rPh>
    <rPh sb="5" eb="8">
      <t>ギョウシャメイ</t>
    </rPh>
    <phoneticPr fontId="2"/>
  </si>
  <si>
    <t>１次下請負業者名９：</t>
    <rPh sb="1" eb="2">
      <t>ジ</t>
    </rPh>
    <rPh sb="2" eb="4">
      <t>シタウ</t>
    </rPh>
    <rPh sb="4" eb="5">
      <t>オ</t>
    </rPh>
    <rPh sb="5" eb="8">
      <t>ギョウシャメイ</t>
    </rPh>
    <phoneticPr fontId="2"/>
  </si>
  <si>
    <t>１次下請負業者名１０：</t>
    <rPh sb="1" eb="2">
      <t>ジ</t>
    </rPh>
    <rPh sb="2" eb="4">
      <t>シタウ</t>
    </rPh>
    <rPh sb="4" eb="5">
      <t>オ</t>
    </rPh>
    <rPh sb="5" eb="8">
      <t>ギョウシャメイ</t>
    </rPh>
    <phoneticPr fontId="2"/>
  </si>
  <si>
    <t>１次下請負業者名１１：</t>
    <rPh sb="1" eb="2">
      <t>ジ</t>
    </rPh>
    <rPh sb="2" eb="4">
      <t>シタウ</t>
    </rPh>
    <rPh sb="4" eb="5">
      <t>オ</t>
    </rPh>
    <rPh sb="5" eb="8">
      <t>ギョウシャメイ</t>
    </rPh>
    <phoneticPr fontId="2"/>
  </si>
  <si>
    <t>１次下請負業者名１２：</t>
    <rPh sb="1" eb="2">
      <t>ジ</t>
    </rPh>
    <rPh sb="2" eb="4">
      <t>シタウ</t>
    </rPh>
    <rPh sb="4" eb="5">
      <t>オ</t>
    </rPh>
    <rPh sb="5" eb="8">
      <t>ギョウシャメイ</t>
    </rPh>
    <phoneticPr fontId="2"/>
  </si>
  <si>
    <t>１次下請負業者名１３：</t>
    <rPh sb="1" eb="2">
      <t>ジ</t>
    </rPh>
    <rPh sb="2" eb="4">
      <t>シタウ</t>
    </rPh>
    <rPh sb="4" eb="5">
      <t>オ</t>
    </rPh>
    <rPh sb="5" eb="8">
      <t>ギョウシャメイ</t>
    </rPh>
    <phoneticPr fontId="2"/>
  </si>
  <si>
    <t>１次下請負業者名１４：</t>
    <rPh sb="1" eb="2">
      <t>ジ</t>
    </rPh>
    <rPh sb="2" eb="4">
      <t>シタウ</t>
    </rPh>
    <rPh sb="4" eb="5">
      <t>オ</t>
    </rPh>
    <rPh sb="5" eb="8">
      <t>ギョウシャメイ</t>
    </rPh>
    <phoneticPr fontId="2"/>
  </si>
  <si>
    <t>１次下請負業者名１５：</t>
    <rPh sb="1" eb="2">
      <t>ジ</t>
    </rPh>
    <rPh sb="2" eb="4">
      <t>シタウ</t>
    </rPh>
    <rPh sb="4" eb="5">
      <t>オ</t>
    </rPh>
    <rPh sb="5" eb="8">
      <t>ギョウシャメイ</t>
    </rPh>
    <phoneticPr fontId="2"/>
  </si>
  <si>
    <t>１次下請負業者名１６：</t>
    <rPh sb="1" eb="2">
      <t>ジ</t>
    </rPh>
    <rPh sb="2" eb="4">
      <t>シタウ</t>
    </rPh>
    <rPh sb="4" eb="5">
      <t>オ</t>
    </rPh>
    <rPh sb="5" eb="8">
      <t>ギョウシャメイ</t>
    </rPh>
    <phoneticPr fontId="2"/>
  </si>
  <si>
    <t>１次下請負業者名１７：</t>
    <rPh sb="1" eb="2">
      <t>ジ</t>
    </rPh>
    <rPh sb="2" eb="4">
      <t>シタウ</t>
    </rPh>
    <rPh sb="4" eb="5">
      <t>オ</t>
    </rPh>
    <rPh sb="5" eb="8">
      <t>ギョウシャメイ</t>
    </rPh>
    <phoneticPr fontId="2"/>
  </si>
  <si>
    <t>１次下請負業者名１８：</t>
    <rPh sb="1" eb="2">
      <t>ジ</t>
    </rPh>
    <rPh sb="2" eb="4">
      <t>シタウ</t>
    </rPh>
    <rPh sb="4" eb="5">
      <t>オ</t>
    </rPh>
    <rPh sb="5" eb="8">
      <t>ギョウシャメイ</t>
    </rPh>
    <phoneticPr fontId="2"/>
  </si>
  <si>
    <t>１次下請負業者名１９：</t>
    <rPh sb="1" eb="2">
      <t>ジ</t>
    </rPh>
    <rPh sb="2" eb="4">
      <t>シタウ</t>
    </rPh>
    <rPh sb="4" eb="5">
      <t>オ</t>
    </rPh>
    <rPh sb="5" eb="8">
      <t>ギョウシャメイ</t>
    </rPh>
    <phoneticPr fontId="2"/>
  </si>
  <si>
    <t>１次下請負業者名２０：</t>
    <rPh sb="1" eb="2">
      <t>ジ</t>
    </rPh>
    <rPh sb="2" eb="4">
      <t>シタウ</t>
    </rPh>
    <rPh sb="4" eb="5">
      <t>オ</t>
    </rPh>
    <rPh sb="5" eb="8">
      <t>ギョウシャメイ</t>
    </rPh>
    <phoneticPr fontId="2"/>
  </si>
  <si>
    <t>１次下請負業者名２１：</t>
    <rPh sb="1" eb="2">
      <t>ジ</t>
    </rPh>
    <rPh sb="2" eb="4">
      <t>シタウ</t>
    </rPh>
    <rPh sb="4" eb="5">
      <t>オ</t>
    </rPh>
    <rPh sb="5" eb="8">
      <t>ギョウシャメイ</t>
    </rPh>
    <phoneticPr fontId="2"/>
  </si>
  <si>
    <t>１次下請負業者名２２：</t>
    <rPh sb="1" eb="2">
      <t>ジ</t>
    </rPh>
    <rPh sb="2" eb="4">
      <t>シタウ</t>
    </rPh>
    <rPh sb="4" eb="5">
      <t>オ</t>
    </rPh>
    <rPh sb="5" eb="8">
      <t>ギョウシャメイ</t>
    </rPh>
    <phoneticPr fontId="2"/>
  </si>
  <si>
    <t>１次下請負業者名２３：</t>
    <rPh sb="1" eb="2">
      <t>ジ</t>
    </rPh>
    <rPh sb="2" eb="4">
      <t>シタウ</t>
    </rPh>
    <rPh sb="4" eb="5">
      <t>オ</t>
    </rPh>
    <rPh sb="5" eb="8">
      <t>ギョウシャメイ</t>
    </rPh>
    <phoneticPr fontId="2"/>
  </si>
  <si>
    <t>１次下請負業者名２４：</t>
    <rPh sb="1" eb="2">
      <t>ジ</t>
    </rPh>
    <rPh sb="2" eb="4">
      <t>シタウ</t>
    </rPh>
    <rPh sb="4" eb="5">
      <t>オ</t>
    </rPh>
    <rPh sb="5" eb="8">
      <t>ギョウシャメイ</t>
    </rPh>
    <phoneticPr fontId="2"/>
  </si>
  <si>
    <t>１次下請負業者名２５：</t>
    <rPh sb="1" eb="2">
      <t>ジ</t>
    </rPh>
    <rPh sb="2" eb="4">
      <t>シタウ</t>
    </rPh>
    <rPh sb="4" eb="5">
      <t>オ</t>
    </rPh>
    <rPh sb="5" eb="8">
      <t>ギョウシャメイ</t>
    </rPh>
    <phoneticPr fontId="2"/>
  </si>
  <si>
    <t>再下請負通知書必要事項が誤りなく記載され、定められた書式により提出されている。</t>
    <rPh sb="0" eb="1">
      <t>サイ</t>
    </rPh>
    <rPh sb="1" eb="3">
      <t>シタウ</t>
    </rPh>
    <rPh sb="3" eb="4">
      <t>オ</t>
    </rPh>
    <rPh sb="4" eb="7">
      <t>ツウチショ</t>
    </rPh>
    <rPh sb="7" eb="9">
      <t>ヒツヨウ</t>
    </rPh>
    <rPh sb="9" eb="11">
      <t>ジコウ</t>
    </rPh>
    <rPh sb="12" eb="13">
      <t>アヤマ</t>
    </rPh>
    <rPh sb="16" eb="18">
      <t>キサイ</t>
    </rPh>
    <rPh sb="21" eb="22">
      <t>サダ</t>
    </rPh>
    <rPh sb="26" eb="28">
      <t>ショシキ</t>
    </rPh>
    <rPh sb="31" eb="33">
      <t>テイシュツ</t>
    </rPh>
    <phoneticPr fontId="2"/>
  </si>
  <si>
    <t>年</t>
    <rPh sb="0" eb="1">
      <t>ネン</t>
    </rPh>
    <phoneticPr fontId="2"/>
  </si>
  <si>
    <t>月</t>
    <rPh sb="0" eb="1">
      <t>ガツ</t>
    </rPh>
    <phoneticPr fontId="2"/>
  </si>
  <si>
    <t>日</t>
    <rPh sb="0" eb="1">
      <t>ニチ</t>
    </rPh>
    <phoneticPr fontId="2"/>
  </si>
  <si>
    <t>施工体制台帳</t>
    <rPh sb="0" eb="1">
      <t>シ</t>
    </rPh>
    <rPh sb="1" eb="2">
      <t>コウ</t>
    </rPh>
    <rPh sb="2" eb="3">
      <t>カラダ</t>
    </rPh>
    <rPh sb="3" eb="4">
      <t>セイ</t>
    </rPh>
    <rPh sb="4" eb="6">
      <t>ダイチョウ</t>
    </rPh>
    <phoneticPr fontId="2"/>
  </si>
  <si>
    <t>《下請負人に関する事項》</t>
    <rPh sb="1" eb="2">
      <t>シタ</t>
    </rPh>
    <rPh sb="2" eb="4">
      <t>ウケオ</t>
    </rPh>
    <rPh sb="4" eb="5">
      <t>ヒト</t>
    </rPh>
    <rPh sb="6" eb="7">
      <t>カン</t>
    </rPh>
    <rPh sb="9" eb="11">
      <t>ジコウ</t>
    </rPh>
    <phoneticPr fontId="2"/>
  </si>
  <si>
    <t>代表者名</t>
    <rPh sb="0" eb="2">
      <t>ダイヒョウ</t>
    </rPh>
    <rPh sb="2" eb="3">
      <t>シャ</t>
    </rPh>
    <rPh sb="3" eb="4">
      <t>メイ</t>
    </rPh>
    <phoneticPr fontId="2"/>
  </si>
  <si>
    <t>建設業の
許可</t>
    <rPh sb="0" eb="3">
      <t>ケンセツギョウ</t>
    </rPh>
    <rPh sb="5" eb="7">
      <t>キョカ</t>
    </rPh>
    <phoneticPr fontId="2"/>
  </si>
  <si>
    <t>許　可　業　種</t>
    <rPh sb="0" eb="1">
      <t>モト</t>
    </rPh>
    <rPh sb="2" eb="3">
      <t>カ</t>
    </rPh>
    <rPh sb="4" eb="5">
      <t>ギョウ</t>
    </rPh>
    <rPh sb="6" eb="7">
      <t>シュ</t>
    </rPh>
    <phoneticPr fontId="2"/>
  </si>
  <si>
    <t>許　可　番　号</t>
    <rPh sb="0" eb="3">
      <t>キョカ</t>
    </rPh>
    <rPh sb="4" eb="7">
      <t>バンゴウ</t>
    </rPh>
    <phoneticPr fontId="2"/>
  </si>
  <si>
    <t>許可（更新）年月日</t>
    <rPh sb="0" eb="2">
      <t>キョカ</t>
    </rPh>
    <rPh sb="3" eb="5">
      <t>コウシン</t>
    </rPh>
    <rPh sb="6" eb="9">
      <t>ネンガッピ</t>
    </rPh>
    <phoneticPr fontId="2"/>
  </si>
  <si>
    <t>工事名称
及び
工事内容</t>
    <rPh sb="0" eb="2">
      <t>コウジ</t>
    </rPh>
    <rPh sb="2" eb="4">
      <t>メイショウ</t>
    </rPh>
    <rPh sb="5" eb="6">
      <t>オヨ</t>
    </rPh>
    <rPh sb="8" eb="10">
      <t>コウジ</t>
    </rPh>
    <rPh sb="10" eb="12">
      <t>ナイヨウ</t>
    </rPh>
    <phoneticPr fontId="2"/>
  </si>
  <si>
    <t>工事業</t>
    <rPh sb="0" eb="2">
      <t>コウジ</t>
    </rPh>
    <rPh sb="2" eb="3">
      <t>ギョウ</t>
    </rPh>
    <phoneticPr fontId="2"/>
  </si>
  <si>
    <t>大臣　特定</t>
    <rPh sb="0" eb="2">
      <t>ダイジン</t>
    </rPh>
    <rPh sb="3" eb="5">
      <t>トクテイ</t>
    </rPh>
    <phoneticPr fontId="2"/>
  </si>
  <si>
    <t xml:space="preserve">        第　　　　号</t>
    <rPh sb="8" eb="9">
      <t>ダイ</t>
    </rPh>
    <rPh sb="13" eb="14">
      <t>ゴウ</t>
    </rPh>
    <phoneticPr fontId="2"/>
  </si>
  <si>
    <t>　　年　　月　　日</t>
    <rPh sb="2" eb="3">
      <t>ネン</t>
    </rPh>
    <rPh sb="5" eb="6">
      <t>ガツ</t>
    </rPh>
    <rPh sb="8" eb="9">
      <t>ニチ</t>
    </rPh>
    <phoneticPr fontId="2"/>
  </si>
  <si>
    <t>知事　一般</t>
    <rPh sb="0" eb="2">
      <t>チジ</t>
    </rPh>
    <rPh sb="3" eb="5">
      <t>イッパン</t>
    </rPh>
    <phoneticPr fontId="2"/>
  </si>
  <si>
    <t>工期</t>
    <rPh sb="0" eb="2">
      <t>コウキ</t>
    </rPh>
    <phoneticPr fontId="2"/>
  </si>
  <si>
    <t>契約日</t>
    <rPh sb="0" eb="3">
      <t>ケイヤクビ</t>
    </rPh>
    <phoneticPr fontId="2"/>
  </si>
  <si>
    <t>年　　　月　　　日　</t>
    <rPh sb="0" eb="1">
      <t>ネン</t>
    </rPh>
    <rPh sb="4" eb="5">
      <t>ガツ</t>
    </rPh>
    <rPh sb="8" eb="9">
      <t>ニチ</t>
    </rPh>
    <phoneticPr fontId="2"/>
  </si>
  <si>
    <t>施工に必要な許可業種</t>
    <rPh sb="0" eb="2">
      <t>セコウ</t>
    </rPh>
    <rPh sb="3" eb="5">
      <t>ヒツヨウ</t>
    </rPh>
    <rPh sb="6" eb="8">
      <t>キョカ</t>
    </rPh>
    <rPh sb="8" eb="10">
      <t>ギョウシュ</t>
    </rPh>
    <phoneticPr fontId="2"/>
  </si>
  <si>
    <t>発注者名
及び
住所</t>
    <rPh sb="0" eb="2">
      <t>ハッチュウ</t>
    </rPh>
    <rPh sb="2" eb="3">
      <t>シャ</t>
    </rPh>
    <rPh sb="3" eb="4">
      <t>メイ</t>
    </rPh>
    <rPh sb="5" eb="6">
      <t>オヨ</t>
    </rPh>
    <rPh sb="8" eb="10">
      <t>ジュウショ</t>
    </rPh>
    <phoneticPr fontId="2"/>
  </si>
  <si>
    <t>健康保険等の加入状況</t>
    <rPh sb="0" eb="2">
      <t>ケンコウ</t>
    </rPh>
    <rPh sb="2" eb="4">
      <t>ホケン</t>
    </rPh>
    <rPh sb="4" eb="5">
      <t>トウ</t>
    </rPh>
    <rPh sb="6" eb="8">
      <t>カニュウ</t>
    </rPh>
    <rPh sb="8" eb="10">
      <t>ジョウキョウ</t>
    </rPh>
    <phoneticPr fontId="2"/>
  </si>
  <si>
    <t>保険加入の有無</t>
    <rPh sb="0" eb="2">
      <t>ホケン</t>
    </rPh>
    <rPh sb="2" eb="4">
      <t>カニュウ</t>
    </rPh>
    <rPh sb="5" eb="7">
      <t>ウム</t>
    </rPh>
    <phoneticPr fontId="2"/>
  </si>
  <si>
    <t>健康保険</t>
    <rPh sb="0" eb="2">
      <t>ケンコウ</t>
    </rPh>
    <rPh sb="2" eb="4">
      <t>ホケン</t>
    </rPh>
    <phoneticPr fontId="2"/>
  </si>
  <si>
    <t>厚生年金保険</t>
    <rPh sb="0" eb="2">
      <t>コウセイ</t>
    </rPh>
    <rPh sb="2" eb="4">
      <t>ネンキン</t>
    </rPh>
    <rPh sb="4" eb="6">
      <t>ホケン</t>
    </rPh>
    <phoneticPr fontId="2"/>
  </si>
  <si>
    <t>雇用保険</t>
    <rPh sb="0" eb="2">
      <t>コヨウ</t>
    </rPh>
    <rPh sb="2" eb="4">
      <t>ホケン</t>
    </rPh>
    <phoneticPr fontId="2"/>
  </si>
  <si>
    <t>契約
営業所</t>
    <rPh sb="0" eb="2">
      <t>ケイヤク</t>
    </rPh>
    <rPh sb="3" eb="6">
      <t>エイギョウショ</t>
    </rPh>
    <phoneticPr fontId="2"/>
  </si>
  <si>
    <t>区分</t>
    <rPh sb="0" eb="2">
      <t>クブン</t>
    </rPh>
    <phoneticPr fontId="2"/>
  </si>
  <si>
    <t>名　　　　　　　　　称</t>
    <rPh sb="0" eb="11">
      <t>メイショウ</t>
    </rPh>
    <phoneticPr fontId="2"/>
  </si>
  <si>
    <t>住　　　　　　　　　所</t>
    <rPh sb="0" eb="11">
      <t>ジュウショ</t>
    </rPh>
    <phoneticPr fontId="2"/>
  </si>
  <si>
    <t>加入　　未加入
適用除外</t>
    <rPh sb="0" eb="2">
      <t>カニュウ</t>
    </rPh>
    <rPh sb="4" eb="7">
      <t>ミカニュウ</t>
    </rPh>
    <rPh sb="8" eb="10">
      <t>テキヨウ</t>
    </rPh>
    <rPh sb="10" eb="12">
      <t>ジョガイ</t>
    </rPh>
    <phoneticPr fontId="2"/>
  </si>
  <si>
    <t>元請契約</t>
    <rPh sb="0" eb="2">
      <t>モトウケ</t>
    </rPh>
    <rPh sb="2" eb="4">
      <t>ケイヤク</t>
    </rPh>
    <phoneticPr fontId="2"/>
  </si>
  <si>
    <t>営業所の名称</t>
    <rPh sb="0" eb="3">
      <t>エイギョウショ</t>
    </rPh>
    <rPh sb="4" eb="6">
      <t>メイショウ</t>
    </rPh>
    <phoneticPr fontId="2"/>
  </si>
  <si>
    <t>下請契約</t>
    <rPh sb="0" eb="2">
      <t>シタウケ</t>
    </rPh>
    <rPh sb="2" eb="4">
      <t>ケイヤク</t>
    </rPh>
    <phoneticPr fontId="2"/>
  </si>
  <si>
    <t>現場代理人名</t>
    <rPh sb="0" eb="2">
      <t>ゲンバ</t>
    </rPh>
    <rPh sb="2" eb="4">
      <t>ダイリ</t>
    </rPh>
    <rPh sb="4" eb="5">
      <t>ニン</t>
    </rPh>
    <rPh sb="5" eb="6">
      <t>メイ</t>
    </rPh>
    <phoneticPr fontId="2"/>
  </si>
  <si>
    <t>安全衛生責任者名</t>
    <rPh sb="0" eb="2">
      <t>アンゼン</t>
    </rPh>
    <rPh sb="2" eb="4">
      <t>エイセイ</t>
    </rPh>
    <rPh sb="4" eb="7">
      <t>セキニンシャ</t>
    </rPh>
    <rPh sb="7" eb="8">
      <t>メイ</t>
    </rPh>
    <phoneticPr fontId="2"/>
  </si>
  <si>
    <t>権限及び
意見申出方法</t>
    <rPh sb="0" eb="2">
      <t>ケンゲン</t>
    </rPh>
    <rPh sb="2" eb="3">
      <t>オヨ</t>
    </rPh>
    <rPh sb="5" eb="7">
      <t>イケン</t>
    </rPh>
    <rPh sb="7" eb="9">
      <t>モウシデ</t>
    </rPh>
    <rPh sb="9" eb="11">
      <t>ホウホウ</t>
    </rPh>
    <phoneticPr fontId="2"/>
  </si>
  <si>
    <t>安全衛生推進者名</t>
    <rPh sb="0" eb="2">
      <t>アンゼン</t>
    </rPh>
    <rPh sb="2" eb="4">
      <t>エイセイ</t>
    </rPh>
    <rPh sb="4" eb="6">
      <t>スイシン</t>
    </rPh>
    <rPh sb="6" eb="7">
      <t>セキニンシャ</t>
    </rPh>
    <rPh sb="7" eb="8">
      <t>メイ</t>
    </rPh>
    <phoneticPr fontId="2"/>
  </si>
  <si>
    <t>主任技術者名</t>
    <rPh sb="0" eb="2">
      <t>シュニン</t>
    </rPh>
    <rPh sb="2" eb="5">
      <t>ギジュツシャ</t>
    </rPh>
    <rPh sb="5" eb="6">
      <t>メイ</t>
    </rPh>
    <phoneticPr fontId="2"/>
  </si>
  <si>
    <t>専　任
非専任</t>
    <rPh sb="0" eb="3">
      <t>センニン</t>
    </rPh>
    <rPh sb="4" eb="5">
      <t>ヒ</t>
    </rPh>
    <rPh sb="5" eb="7">
      <t>センニン</t>
    </rPh>
    <phoneticPr fontId="2"/>
  </si>
  <si>
    <t>雇用管理責任者名</t>
    <rPh sb="0" eb="2">
      <t>コヨウ</t>
    </rPh>
    <rPh sb="2" eb="4">
      <t>カンリ</t>
    </rPh>
    <rPh sb="4" eb="7">
      <t>セキニンシャ</t>
    </rPh>
    <rPh sb="7" eb="8">
      <t>メイ</t>
    </rPh>
    <phoneticPr fontId="2"/>
  </si>
  <si>
    <t>資格内容</t>
    <rPh sb="0" eb="2">
      <t>シカク</t>
    </rPh>
    <rPh sb="2" eb="4">
      <t>ナイヨウ</t>
    </rPh>
    <phoneticPr fontId="2"/>
  </si>
  <si>
    <t>専門技術者名</t>
    <rPh sb="0" eb="2">
      <t>センモン</t>
    </rPh>
    <rPh sb="2" eb="5">
      <t>ギジュツシャ</t>
    </rPh>
    <rPh sb="5" eb="6">
      <t>メイ</t>
    </rPh>
    <phoneticPr fontId="2"/>
  </si>
  <si>
    <t>発注者の
監督員名</t>
    <rPh sb="0" eb="3">
      <t>ハッチュウシャ</t>
    </rPh>
    <rPh sb="5" eb="7">
      <t>カントク</t>
    </rPh>
    <rPh sb="7" eb="8">
      <t>イン</t>
    </rPh>
    <rPh sb="8" eb="9">
      <t>メイ</t>
    </rPh>
    <phoneticPr fontId="2"/>
  </si>
  <si>
    <t>権限及び意見申出方法</t>
    <rPh sb="0" eb="2">
      <t>ケンゲン</t>
    </rPh>
    <rPh sb="2" eb="3">
      <t>オヨ</t>
    </rPh>
    <rPh sb="4" eb="6">
      <t>イケン</t>
    </rPh>
    <rPh sb="6" eb="7">
      <t>モウ</t>
    </rPh>
    <rPh sb="7" eb="8">
      <t>デ</t>
    </rPh>
    <rPh sb="8" eb="10">
      <t>ホウホウ</t>
    </rPh>
    <phoneticPr fontId="2"/>
  </si>
  <si>
    <t>監督員名</t>
    <rPh sb="0" eb="2">
      <t>カントク</t>
    </rPh>
    <rPh sb="2" eb="3">
      <t>イン</t>
    </rPh>
    <rPh sb="3" eb="4">
      <t>メイ</t>
    </rPh>
    <phoneticPr fontId="2"/>
  </si>
  <si>
    <t>担当工事内容</t>
    <rPh sb="0" eb="2">
      <t>タントウ</t>
    </rPh>
    <rPh sb="2" eb="4">
      <t>コウジ</t>
    </rPh>
    <rPh sb="4" eb="6">
      <t>ナイヨウ</t>
    </rPh>
    <phoneticPr fontId="2"/>
  </si>
  <si>
    <t>現場
代理人名</t>
    <rPh sb="0" eb="2">
      <t>ゲンバ</t>
    </rPh>
    <rPh sb="3" eb="5">
      <t>ダイリ</t>
    </rPh>
    <rPh sb="5" eb="6">
      <t>ニン</t>
    </rPh>
    <rPh sb="6" eb="7">
      <t>メイ</t>
    </rPh>
    <phoneticPr fontId="2"/>
  </si>
  <si>
    <t>専門
技術者名</t>
    <rPh sb="0" eb="2">
      <t>センモン</t>
    </rPh>
    <rPh sb="3" eb="6">
      <t>ギジュツシャ</t>
    </rPh>
    <rPh sb="6" eb="7">
      <t>メイ</t>
    </rPh>
    <phoneticPr fontId="2"/>
  </si>
  <si>
    <t>担当
工事内容</t>
    <rPh sb="0" eb="2">
      <t>タントウ</t>
    </rPh>
    <rPh sb="3" eb="5">
      <t>コウジ</t>
    </rPh>
    <rPh sb="5" eb="7">
      <t>ナイヨウ</t>
    </rPh>
    <phoneticPr fontId="2"/>
  </si>
  <si>
    <t>再下請負通知書</t>
    <rPh sb="0" eb="1">
      <t>サイ</t>
    </rPh>
    <rPh sb="1" eb="2">
      <t>シタ</t>
    </rPh>
    <rPh sb="2" eb="3">
      <t>ショウ</t>
    </rPh>
    <rPh sb="3" eb="4">
      <t>オ</t>
    </rPh>
    <rPh sb="4" eb="6">
      <t>ツウチ</t>
    </rPh>
    <rPh sb="6" eb="7">
      <t>ショ</t>
    </rPh>
    <phoneticPr fontId="2"/>
  </si>
  <si>
    <t>《再下請負関係》</t>
    <rPh sb="1" eb="2">
      <t>サイ</t>
    </rPh>
    <rPh sb="2" eb="3">
      <t>シタ</t>
    </rPh>
    <rPh sb="3" eb="5">
      <t>ウケオ</t>
    </rPh>
    <rPh sb="5" eb="7">
      <t>カンケイ</t>
    </rPh>
    <phoneticPr fontId="2"/>
  </si>
  <si>
    <t>再下請負業者及び再下請負契約関係について次のとおり報告いたします。</t>
    <rPh sb="0" eb="1">
      <t>サイ</t>
    </rPh>
    <rPh sb="1" eb="2">
      <t>シタ</t>
    </rPh>
    <rPh sb="2" eb="4">
      <t>ウケオ</t>
    </rPh>
    <rPh sb="4" eb="6">
      <t>ギョウシャ</t>
    </rPh>
    <rPh sb="6" eb="7">
      <t>オヨ</t>
    </rPh>
    <rPh sb="8" eb="9">
      <t>サイ</t>
    </rPh>
    <rPh sb="9" eb="11">
      <t>シタウケ</t>
    </rPh>
    <rPh sb="11" eb="12">
      <t>オ</t>
    </rPh>
    <rPh sb="12" eb="14">
      <t>ケイヤク</t>
    </rPh>
    <rPh sb="14" eb="16">
      <t>カンケイ</t>
    </rPh>
    <rPh sb="20" eb="21">
      <t>ツギ</t>
    </rPh>
    <rPh sb="25" eb="27">
      <t>ホウコク</t>
    </rPh>
    <phoneticPr fontId="2"/>
  </si>
  <si>
    <t>直近上位
注文者名</t>
    <rPh sb="0" eb="1">
      <t>チョク</t>
    </rPh>
    <rPh sb="1" eb="2">
      <t>チカ</t>
    </rPh>
    <rPh sb="2" eb="4">
      <t>ジョウイ</t>
    </rPh>
    <rPh sb="5" eb="7">
      <t>チュウモン</t>
    </rPh>
    <rPh sb="7" eb="8">
      <t>シャ</t>
    </rPh>
    <rPh sb="8" eb="9">
      <t>メイ</t>
    </rPh>
    <phoneticPr fontId="2"/>
  </si>
  <si>
    <t>【報告下請負業者】</t>
    <rPh sb="1" eb="3">
      <t>ホウコク</t>
    </rPh>
    <rPh sb="3" eb="4">
      <t>シタ</t>
    </rPh>
    <rPh sb="4" eb="6">
      <t>ウケオ</t>
    </rPh>
    <rPh sb="6" eb="8">
      <t>ギョウシャ</t>
    </rPh>
    <phoneticPr fontId="2"/>
  </si>
  <si>
    <t>住所
電話番号</t>
    <rPh sb="0" eb="2">
      <t>ジュウショ</t>
    </rPh>
    <rPh sb="3" eb="5">
      <t>デンワ</t>
    </rPh>
    <rPh sb="5" eb="7">
      <t>バンゴウ</t>
    </rPh>
    <phoneticPr fontId="2"/>
  </si>
  <si>
    <t>住所</t>
    <rPh sb="0" eb="2">
      <t>ジュウショ</t>
    </rPh>
    <phoneticPr fontId="2"/>
  </si>
  <si>
    <t>代表者名</t>
    <rPh sb="0" eb="3">
      <t>ダイヒョウシャ</t>
    </rPh>
    <rPh sb="3" eb="4">
      <t>メイ</t>
    </rPh>
    <phoneticPr fontId="2"/>
  </si>
  <si>
    <t>《自社に関する事項》</t>
    <rPh sb="1" eb="3">
      <t>ジシャ</t>
    </rPh>
    <phoneticPr fontId="2"/>
  </si>
  <si>
    <t>注文者との
契約日</t>
    <rPh sb="0" eb="2">
      <t>チュウモン</t>
    </rPh>
    <rPh sb="2" eb="3">
      <t>シャ</t>
    </rPh>
    <rPh sb="6" eb="9">
      <t>ケイヤクビ</t>
    </rPh>
    <phoneticPr fontId="2"/>
  </si>
  <si>
    <t>監督員名</t>
    <rPh sb="0" eb="3">
      <t>カントクイン</t>
    </rPh>
    <rPh sb="3" eb="4">
      <t>メイ</t>
    </rPh>
    <phoneticPr fontId="2"/>
  </si>
  <si>
    <t>工事作業所災害防止協議会兼施工体系図</t>
    <phoneticPr fontId="2"/>
  </si>
  <si>
    <t>発注者名</t>
    <rPh sb="0" eb="3">
      <t>ハッチュウシャ</t>
    </rPh>
    <rPh sb="3" eb="4">
      <t>メイ</t>
    </rPh>
    <phoneticPr fontId="2"/>
  </si>
  <si>
    <t>工事名称</t>
    <rPh sb="0" eb="2">
      <t>コウジ</t>
    </rPh>
    <rPh sb="2" eb="4">
      <t>メイショウ</t>
    </rPh>
    <phoneticPr fontId="2"/>
  </si>
  <si>
    <t>工事</t>
    <rPh sb="0" eb="2">
      <t>コウジ</t>
    </rPh>
    <phoneticPr fontId="2"/>
  </si>
  <si>
    <t>安全衛生責任者</t>
    <rPh sb="0" eb="2">
      <t>アンゼン</t>
    </rPh>
    <rPh sb="2" eb="4">
      <t>エイセイ</t>
    </rPh>
    <rPh sb="4" eb="7">
      <t>セキニンシャ</t>
    </rPh>
    <phoneticPr fontId="2"/>
  </si>
  <si>
    <t>主任技術者</t>
    <rPh sb="0" eb="2">
      <t>シュニン</t>
    </rPh>
    <rPh sb="2" eb="5">
      <t>ギジュツシャ</t>
    </rPh>
    <phoneticPr fontId="2"/>
  </si>
  <si>
    <t>専門技術者</t>
    <rPh sb="0" eb="2">
      <t>センモン</t>
    </rPh>
    <rPh sb="2" eb="5">
      <t>ギジュツシャ</t>
    </rPh>
    <phoneticPr fontId="2"/>
  </si>
  <si>
    <t>担当工事　　　　　　　　　　　　　　　　　　　　　　　　　　　　　　　　　　　　　　　　　　　　　　　　　　　　　　　　　　　　　　　　　　　　　　　　　　　　　　内　　　容</t>
    <phoneticPr fontId="2"/>
  </si>
  <si>
    <t>　　年 月 日 ～ 年 月 日</t>
    <rPh sb="2" eb="3">
      <t>ネン</t>
    </rPh>
    <rPh sb="4" eb="5">
      <t>ツキ</t>
    </rPh>
    <rPh sb="6" eb="7">
      <t>ヒ</t>
    </rPh>
    <rPh sb="10" eb="11">
      <t>ネン</t>
    </rPh>
    <rPh sb="12" eb="13">
      <t>ツキ</t>
    </rPh>
    <rPh sb="14" eb="15">
      <t>ヒ</t>
    </rPh>
    <phoneticPr fontId="2"/>
  </si>
  <si>
    <t>元方安全衛生管理者</t>
    <rPh sb="0" eb="1">
      <t>モト</t>
    </rPh>
    <rPh sb="1" eb="2">
      <t>カタ</t>
    </rPh>
    <rPh sb="2" eb="4">
      <t>アンゼン</t>
    </rPh>
    <rPh sb="4" eb="6">
      <t>エイセイ</t>
    </rPh>
    <rPh sb="6" eb="8">
      <t>カンリ</t>
    </rPh>
    <rPh sb="8" eb="9">
      <t>シャ</t>
    </rPh>
    <phoneticPr fontId="2"/>
  </si>
  <si>
    <t>会          長</t>
    <rPh sb="0" eb="12">
      <t>カイチョウ</t>
    </rPh>
    <phoneticPr fontId="2"/>
  </si>
  <si>
    <t>副    会    長</t>
    <rPh sb="0" eb="11">
      <t>フクカイチョウ</t>
    </rPh>
    <phoneticPr fontId="2"/>
  </si>
  <si>
    <t>工事担当技術者台帳</t>
    <rPh sb="0" eb="2">
      <t>コウジ</t>
    </rPh>
    <rPh sb="2" eb="4">
      <t>タントウ</t>
    </rPh>
    <rPh sb="4" eb="6">
      <t>ギジュツ</t>
    </rPh>
    <rPh sb="6" eb="7">
      <t>シャ</t>
    </rPh>
    <rPh sb="7" eb="9">
      <t>ダイチョウ</t>
    </rPh>
    <phoneticPr fontId="22"/>
  </si>
  <si>
    <t>元請会社名</t>
    <rPh sb="0" eb="2">
      <t>モトウケ</t>
    </rPh>
    <rPh sb="2" eb="4">
      <t>カイシャ</t>
    </rPh>
    <rPh sb="4" eb="5">
      <t>メイ</t>
    </rPh>
    <phoneticPr fontId="22"/>
  </si>
  <si>
    <t>会社名</t>
    <rPh sb="0" eb="3">
      <t>カイシャメイ</t>
    </rPh>
    <phoneticPr fontId="22"/>
  </si>
  <si>
    <t>主任技術者名</t>
    <rPh sb="0" eb="2">
      <t>シュニン</t>
    </rPh>
    <rPh sb="2" eb="5">
      <t>ギジュツシャ</t>
    </rPh>
    <rPh sb="5" eb="6">
      <t>メイ</t>
    </rPh>
    <phoneticPr fontId="22"/>
  </si>
  <si>
    <t>生年月日</t>
    <rPh sb="0" eb="2">
      <t>セイネン</t>
    </rPh>
    <rPh sb="2" eb="4">
      <t>ガッピ</t>
    </rPh>
    <phoneticPr fontId="22"/>
  </si>
  <si>
    <t>専任</t>
    <rPh sb="0" eb="2">
      <t>センニン</t>
    </rPh>
    <phoneticPr fontId="22"/>
  </si>
  <si>
    <t>非専任</t>
    <rPh sb="0" eb="1">
      <t>ヒ</t>
    </rPh>
    <rPh sb="1" eb="3">
      <t>センニン</t>
    </rPh>
    <phoneticPr fontId="22"/>
  </si>
  <si>
    <t>【写真添付欄】</t>
    <rPh sb="1" eb="3">
      <t>シャシン</t>
    </rPh>
    <rPh sb="3" eb="5">
      <t>テンプ</t>
    </rPh>
    <rPh sb="5" eb="6">
      <t>ラン</t>
    </rPh>
    <phoneticPr fontId="22"/>
  </si>
  <si>
    <t>【注意事項】</t>
    <rPh sb="1" eb="3">
      <t>チュウイ</t>
    </rPh>
    <rPh sb="3" eb="5">
      <t>ジコウ</t>
    </rPh>
    <phoneticPr fontId="22"/>
  </si>
  <si>
    <t>※添付する写真は、</t>
    <rPh sb="1" eb="3">
      <t>テンプ</t>
    </rPh>
    <rPh sb="5" eb="7">
      <t>シャシン</t>
    </rPh>
    <phoneticPr fontId="22"/>
  </si>
  <si>
    <t>　　縦　　　3cm</t>
    <rPh sb="2" eb="3">
      <t>タテ</t>
    </rPh>
    <phoneticPr fontId="22"/>
  </si>
  <si>
    <t>　　横　　　2.5cm</t>
    <rPh sb="2" eb="3">
      <t>ヨコ</t>
    </rPh>
    <phoneticPr fontId="22"/>
  </si>
  <si>
    <t>　程度の大きさとし、</t>
    <rPh sb="1" eb="3">
      <t>テイド</t>
    </rPh>
    <rPh sb="4" eb="5">
      <t>オオ</t>
    </rPh>
    <phoneticPr fontId="22"/>
  </si>
  <si>
    <t>　顔が判別できるものとする。</t>
    <rPh sb="1" eb="2">
      <t>カオ</t>
    </rPh>
    <rPh sb="3" eb="5">
      <t>ハンベツ</t>
    </rPh>
    <phoneticPr fontId="22"/>
  </si>
  <si>
    <t>※本様式は、２部作成し、</t>
    <rPh sb="1" eb="2">
      <t>ホン</t>
    </rPh>
    <rPh sb="2" eb="4">
      <t>ヨウシキ</t>
    </rPh>
    <rPh sb="7" eb="8">
      <t>ブ</t>
    </rPh>
    <rPh sb="8" eb="10">
      <t>サクセイ</t>
    </rPh>
    <phoneticPr fontId="22"/>
  </si>
  <si>
    <t>　１部保管し、１部提出する。</t>
    <rPh sb="2" eb="3">
      <t>ブ</t>
    </rPh>
    <rPh sb="3" eb="5">
      <t>ホカン</t>
    </rPh>
    <rPh sb="8" eb="9">
      <t>ブ</t>
    </rPh>
    <rPh sb="9" eb="11">
      <t>テイシュツ</t>
    </rPh>
    <phoneticPr fontId="22"/>
  </si>
  <si>
    <t>　ただし、カラーコピーもしくは</t>
    <phoneticPr fontId="22"/>
  </si>
  <si>
    <t>　デジタルカメラ写真を印刷し</t>
    <rPh sb="8" eb="10">
      <t>シャシン</t>
    </rPh>
    <rPh sb="11" eb="13">
      <t>インサツ</t>
    </rPh>
    <phoneticPr fontId="22"/>
  </si>
  <si>
    <t>　たものを提出してもよい。</t>
    <rPh sb="5" eb="7">
      <t>テイシュツ</t>
    </rPh>
    <phoneticPr fontId="22"/>
  </si>
  <si>
    <t>　下請負人の社会保険加入の有無を確認している。</t>
    <rPh sb="1" eb="2">
      <t>シタ</t>
    </rPh>
    <rPh sb="2" eb="4">
      <t>ウケオイ</t>
    </rPh>
    <rPh sb="4" eb="5">
      <t>ヒト</t>
    </rPh>
    <rPh sb="6" eb="8">
      <t>シャカイ</t>
    </rPh>
    <rPh sb="8" eb="10">
      <t>ホケン</t>
    </rPh>
    <rPh sb="10" eb="12">
      <t>カニュウ</t>
    </rPh>
    <rPh sb="13" eb="15">
      <t>ウム</t>
    </rPh>
    <rPh sb="16" eb="18">
      <t>カクニン</t>
    </rPh>
    <phoneticPr fontId="2"/>
  </si>
  <si>
    <t>有　　無</t>
  </si>
  <si>
    <t>外国人建設就労者の従事の状況(有無)</t>
    <phoneticPr fontId="2"/>
  </si>
  <si>
    <t>一号特定技能外国人の従事の状況（有無）</t>
    <rPh sb="0" eb="2">
      <t>イチゴウ</t>
    </rPh>
    <rPh sb="2" eb="4">
      <t>トクテイ</t>
    </rPh>
    <rPh sb="4" eb="6">
      <t>ギノウ</t>
    </rPh>
    <rPh sb="6" eb="9">
      <t>ガイコクジン</t>
    </rPh>
    <rPh sb="10" eb="12">
      <t>ジュウジ</t>
    </rPh>
    <rPh sb="13" eb="15">
      <t>ジョウキョウ</t>
    </rPh>
    <rPh sb="16" eb="18">
      <t>ウム</t>
    </rPh>
    <phoneticPr fontId="2"/>
  </si>
  <si>
    <t>　</t>
    <phoneticPr fontId="2"/>
  </si>
  <si>
    <t>有　　無</t>
    <phoneticPr fontId="2"/>
  </si>
  <si>
    <t>外国人技能実習生の従事の状況(有無)</t>
    <phoneticPr fontId="2"/>
  </si>
  <si>
    <t>受注者の社会保険加入の有無を確認している。</t>
    <rPh sb="0" eb="3">
      <t>ジュチュウシャ</t>
    </rPh>
    <rPh sb="4" eb="6">
      <t>シャカイ</t>
    </rPh>
    <rPh sb="6" eb="8">
      <t>ホケン</t>
    </rPh>
    <rPh sb="8" eb="10">
      <t>カニュウ</t>
    </rPh>
    <rPh sb="11" eb="13">
      <t>ウム</t>
    </rPh>
    <rPh sb="14" eb="16">
      <t>カクニン</t>
    </rPh>
    <phoneticPr fontId="2"/>
  </si>
  <si>
    <t>監理技術者補佐名</t>
    <rPh sb="0" eb="2">
      <t>カンリ</t>
    </rPh>
    <rPh sb="2" eb="5">
      <t>ギジュツシャ</t>
    </rPh>
    <rPh sb="5" eb="7">
      <t>ホサ</t>
    </rPh>
    <rPh sb="7" eb="8">
      <t>メイ</t>
    </rPh>
    <phoneticPr fontId="2"/>
  </si>
  <si>
    <t>※建設業法第26条の３第６項第一号</t>
    <rPh sb="1" eb="4">
      <t>ケンセツギョウ</t>
    </rPh>
    <rPh sb="4" eb="5">
      <t>ホウ</t>
    </rPh>
    <rPh sb="5" eb="6">
      <t>ダイ</t>
    </rPh>
    <rPh sb="8" eb="9">
      <t>ジョウ</t>
    </rPh>
    <rPh sb="11" eb="12">
      <t>ダイ</t>
    </rPh>
    <rPh sb="13" eb="14">
      <t>コウ</t>
    </rPh>
    <rPh sb="14" eb="15">
      <t>ダイ</t>
    </rPh>
    <rPh sb="15" eb="17">
      <t>イチゴウ</t>
    </rPh>
    <phoneticPr fontId="2"/>
  </si>
  <si>
    <t>「指導監督的な実務の経験」とは、工事現場主任者、工事現場監督者、職長などの立場で、部下や下請業者等に対して工事の技術面を総合的に指導・監督した経験が対象となる。（監理技術者マニュアルより）</t>
    <rPh sb="81" eb="83">
      <t>カンリ</t>
    </rPh>
    <rPh sb="83" eb="86">
      <t>ギジュツシャ</t>
    </rPh>
    <phoneticPr fontId="2"/>
  </si>
  <si>
    <t>当該下請けに主任技術者を配置しないこともできる。主任技術者を配置しないこととした下請負人は、その下請けに係わる建設工事を再下請けすることはできない。</t>
    <phoneticPr fontId="2"/>
  </si>
  <si>
    <t>書面により合意した場合は、当該下請けに主任技術者を配置しないこともできる。</t>
    <phoneticPr fontId="2"/>
  </si>
  <si>
    <t>建設業法施工規則第１７条の６に掲げる次の内容が合意書に記載、添付されているか。</t>
    <rPh sb="0" eb="3">
      <t>ケンセツギョウ</t>
    </rPh>
    <rPh sb="3" eb="4">
      <t>ホウ</t>
    </rPh>
    <rPh sb="4" eb="6">
      <t>セコウ</t>
    </rPh>
    <rPh sb="6" eb="8">
      <t>キソク</t>
    </rPh>
    <rPh sb="8" eb="9">
      <t>ダイ</t>
    </rPh>
    <rPh sb="11" eb="12">
      <t>ジョウ</t>
    </rPh>
    <rPh sb="15" eb="16">
      <t>カカ</t>
    </rPh>
    <rPh sb="18" eb="19">
      <t>ツギ</t>
    </rPh>
    <rPh sb="20" eb="22">
      <t>ナイヨウ</t>
    </rPh>
    <rPh sb="23" eb="26">
      <t>ゴウイショ</t>
    </rPh>
    <rPh sb="27" eb="29">
      <t>キサイ</t>
    </rPh>
    <rPh sb="30" eb="32">
      <t>テンプ</t>
    </rPh>
    <phoneticPr fontId="2"/>
  </si>
  <si>
    <t>元請負人（上位下請）が置く主任技術者の氏名及びその者が有する資格の写しが添付されている。</t>
    <rPh sb="5" eb="7">
      <t>ジョウイ</t>
    </rPh>
    <rPh sb="7" eb="9">
      <t>シタウ</t>
    </rPh>
    <rPh sb="33" eb="34">
      <t>ウツ</t>
    </rPh>
    <rPh sb="36" eb="38">
      <t>テンプ</t>
    </rPh>
    <phoneticPr fontId="2"/>
  </si>
  <si>
    <t>当該下請け契約が2件以上あるときは、それらの総額。</t>
    <rPh sb="0" eb="2">
      <t>トウガイ</t>
    </rPh>
    <rPh sb="2" eb="4">
      <t>シタウ</t>
    </rPh>
    <rPh sb="5" eb="7">
      <t>ケイヤク</t>
    </rPh>
    <rPh sb="9" eb="10">
      <t>ケン</t>
    </rPh>
    <rPh sb="10" eb="12">
      <t>イジョウ</t>
    </rPh>
    <rPh sb="22" eb="24">
      <t>ソウガク</t>
    </rPh>
    <phoneticPr fontId="2"/>
  </si>
  <si>
    <t>主任技術者を配置しないこととした下請負人は、その下請けに係わる建設工事を再下請けすることはできない。</t>
    <phoneticPr fontId="2"/>
  </si>
  <si>
    <t>※１　大工工事又はとび・土工・コンクリート工事のうち、コンクリートの打設に用いる型枠の組立てに関する工事</t>
    <rPh sb="3" eb="5">
      <t>ダイク</t>
    </rPh>
    <rPh sb="5" eb="7">
      <t>コウジ</t>
    </rPh>
    <rPh sb="7" eb="8">
      <t>マタ</t>
    </rPh>
    <rPh sb="12" eb="14">
      <t>ドコウ</t>
    </rPh>
    <rPh sb="21" eb="23">
      <t>コウジ</t>
    </rPh>
    <rPh sb="34" eb="36">
      <t>ダセツ</t>
    </rPh>
    <rPh sb="37" eb="38">
      <t>モチ</t>
    </rPh>
    <rPh sb="40" eb="42">
      <t>カタワク</t>
    </rPh>
    <rPh sb="43" eb="45">
      <t>クミタテ</t>
    </rPh>
    <rPh sb="47" eb="48">
      <t>カン</t>
    </rPh>
    <rPh sb="50" eb="52">
      <t>コウジ</t>
    </rPh>
    <phoneticPr fontId="2"/>
  </si>
  <si>
    <t>元請負人が特定専門工事を下請契約した場合、監理技術者の配置義務があるときは、一次下請けは主任技術者の配置をしなければならない。（図-1参照）</t>
    <rPh sb="1" eb="4">
      <t>ウケオイニン</t>
    </rPh>
    <rPh sb="5" eb="7">
      <t>トクテイ</t>
    </rPh>
    <rPh sb="7" eb="9">
      <t>センモン</t>
    </rPh>
    <rPh sb="9" eb="11">
      <t>コウジ</t>
    </rPh>
    <rPh sb="12" eb="14">
      <t>シタウ</t>
    </rPh>
    <rPh sb="14" eb="16">
      <t>ケイヤク</t>
    </rPh>
    <rPh sb="18" eb="20">
      <t>バアイ</t>
    </rPh>
    <rPh sb="64" eb="65">
      <t>ズ</t>
    </rPh>
    <rPh sb="67" eb="69">
      <t>サンショウ</t>
    </rPh>
    <phoneticPr fontId="2"/>
  </si>
  <si>
    <t>特定専門工事の内容が型枠工事（※１）または、鉄筋工事である。</t>
    <rPh sb="0" eb="2">
      <t>トクテイ</t>
    </rPh>
    <rPh sb="2" eb="4">
      <t>センモン</t>
    </rPh>
    <rPh sb="4" eb="6">
      <t>コウジ</t>
    </rPh>
    <rPh sb="7" eb="9">
      <t>ナイヨウ</t>
    </rPh>
    <phoneticPr fontId="2"/>
  </si>
  <si>
    <t>元請負人（上位下請）が置く主任技術者の氏名及びその者が有する資格が記載されている。</t>
    <rPh sb="5" eb="7">
      <t>ジョウイ</t>
    </rPh>
    <rPh sb="7" eb="9">
      <t>シタウ</t>
    </rPh>
    <rPh sb="33" eb="35">
      <t>キサイ</t>
    </rPh>
    <phoneticPr fontId="2"/>
  </si>
  <si>
    <t>元請負人（上位下請）が置く主任技術者が工事現場に専任で配置されており、そのことを元請負人（上位下請）が誓約する書面の写しが添付されている。</t>
    <rPh sb="0" eb="1">
      <t>モト</t>
    </rPh>
    <rPh sb="1" eb="3">
      <t>ウケオイ</t>
    </rPh>
    <rPh sb="3" eb="4">
      <t>ニン</t>
    </rPh>
    <rPh sb="5" eb="7">
      <t>ジョウイ</t>
    </rPh>
    <rPh sb="7" eb="9">
      <t>シタウケ</t>
    </rPh>
    <rPh sb="11" eb="12">
      <t>オ</t>
    </rPh>
    <rPh sb="13" eb="15">
      <t>シュニン</t>
    </rPh>
    <rPh sb="15" eb="18">
      <t>ギジュツシャ</t>
    </rPh>
    <rPh sb="27" eb="29">
      <t>ハイチ</t>
    </rPh>
    <rPh sb="45" eb="47">
      <t>ジョウイ</t>
    </rPh>
    <rPh sb="47" eb="49">
      <t>シタウ</t>
    </rPh>
    <rPh sb="58" eb="59">
      <t>ウツ</t>
    </rPh>
    <rPh sb="61" eb="63">
      <t>テンプ</t>
    </rPh>
    <phoneticPr fontId="2"/>
  </si>
  <si>
    <t>元請負人（上位下請）が置く主任技術者は、当該特定専門工事と同一の種類の建設工事に関し１年以上指導監督的な実務経験を有しており、そのことを証する書面の写しが添付されている。</t>
    <rPh sb="20" eb="22">
      <t>トウガイ</t>
    </rPh>
    <rPh sb="22" eb="24">
      <t>トクテイ</t>
    </rPh>
    <rPh sb="24" eb="26">
      <t>センモン</t>
    </rPh>
    <rPh sb="26" eb="28">
      <t>コウジ</t>
    </rPh>
    <rPh sb="29" eb="31">
      <t>ドウイツ</t>
    </rPh>
    <rPh sb="32" eb="34">
      <t>シュルイ</t>
    </rPh>
    <rPh sb="35" eb="37">
      <t>ケンセツ</t>
    </rPh>
    <rPh sb="37" eb="39">
      <t>コウジ</t>
    </rPh>
    <rPh sb="40" eb="41">
      <t>カン</t>
    </rPh>
    <rPh sb="43" eb="44">
      <t>ネン</t>
    </rPh>
    <rPh sb="44" eb="46">
      <t>イジョウ</t>
    </rPh>
    <rPh sb="46" eb="48">
      <t>シドウ</t>
    </rPh>
    <rPh sb="48" eb="50">
      <t>カントク</t>
    </rPh>
    <rPh sb="50" eb="51">
      <t>テキ</t>
    </rPh>
    <rPh sb="52" eb="54">
      <t>ジツム</t>
    </rPh>
    <rPh sb="54" eb="56">
      <t>ケイケン</t>
    </rPh>
    <rPh sb="57" eb="58">
      <t>ユウ</t>
    </rPh>
    <rPh sb="68" eb="69">
      <t>ショウ</t>
    </rPh>
    <rPh sb="71" eb="73">
      <t>ショメン</t>
    </rPh>
    <rPh sb="74" eb="75">
      <t>ウツ</t>
    </rPh>
    <rPh sb="77" eb="79">
      <t>テンプ</t>
    </rPh>
    <phoneticPr fontId="2"/>
  </si>
  <si>
    <t>【特定専門工事の合意内容チェックリスト（元請業者確認用）】</t>
    <rPh sb="1" eb="3">
      <t>トクテイ</t>
    </rPh>
    <rPh sb="3" eb="5">
      <t>センモン</t>
    </rPh>
    <rPh sb="5" eb="7">
      <t>コウジ</t>
    </rPh>
    <rPh sb="8" eb="10">
      <t>ゴウイ</t>
    </rPh>
    <rPh sb="10" eb="12">
      <t>ナイヨウ</t>
    </rPh>
    <phoneticPr fontId="2"/>
  </si>
  <si>
    <t>【建設工事の従事者に関する事項（作業員名簿等記載事項）のチェックリスト（元請業者確認用）】</t>
    <rPh sb="1" eb="3">
      <t>ケンセツ</t>
    </rPh>
    <rPh sb="3" eb="5">
      <t>コウジ</t>
    </rPh>
    <rPh sb="6" eb="9">
      <t>ジュウジシャ</t>
    </rPh>
    <rPh sb="10" eb="11">
      <t>カン</t>
    </rPh>
    <rPh sb="13" eb="15">
      <t>ジコウ</t>
    </rPh>
    <rPh sb="16" eb="19">
      <t>サギョウイン</t>
    </rPh>
    <rPh sb="19" eb="21">
      <t>メイボ</t>
    </rPh>
    <rPh sb="21" eb="22">
      <t>トウ</t>
    </rPh>
    <rPh sb="22" eb="24">
      <t>キサイ</t>
    </rPh>
    <rPh sb="24" eb="26">
      <t>ジコウ</t>
    </rPh>
    <phoneticPr fontId="2"/>
  </si>
  <si>
    <t>職種</t>
    <rPh sb="0" eb="2">
      <t>ショクシュ</t>
    </rPh>
    <phoneticPr fontId="2"/>
  </si>
  <si>
    <t>社会保険の加入等の状況</t>
    <rPh sb="0" eb="2">
      <t>シャカイ</t>
    </rPh>
    <rPh sb="2" eb="4">
      <t>ホケン</t>
    </rPh>
    <rPh sb="5" eb="7">
      <t>カニュウ</t>
    </rPh>
    <rPh sb="7" eb="8">
      <t>トウ</t>
    </rPh>
    <rPh sb="9" eb="11">
      <t>ジョウキョウ</t>
    </rPh>
    <phoneticPr fontId="2"/>
  </si>
  <si>
    <t>建設工事に係る知識及び技術又は技能に関する資格</t>
    <rPh sb="0" eb="2">
      <t>ケンセツ</t>
    </rPh>
    <rPh sb="2" eb="4">
      <t>コウジ</t>
    </rPh>
    <rPh sb="5" eb="6">
      <t>カカ</t>
    </rPh>
    <rPh sb="7" eb="9">
      <t>チシキ</t>
    </rPh>
    <rPh sb="9" eb="10">
      <t>オヨ</t>
    </rPh>
    <rPh sb="11" eb="13">
      <t>ギジュツ</t>
    </rPh>
    <rPh sb="13" eb="14">
      <t>マタ</t>
    </rPh>
    <rPh sb="15" eb="17">
      <t>ギノウ</t>
    </rPh>
    <rPh sb="18" eb="19">
      <t>カン</t>
    </rPh>
    <rPh sb="21" eb="23">
      <t>シカク</t>
    </rPh>
    <phoneticPr fontId="2"/>
  </si>
  <si>
    <t>建設業法施工規則第１４条の２に掲げる次の内容が記載されているか。</t>
    <rPh sb="0" eb="3">
      <t>ケンセツギョウ</t>
    </rPh>
    <rPh sb="3" eb="4">
      <t>ホウ</t>
    </rPh>
    <rPh sb="4" eb="6">
      <t>セコウ</t>
    </rPh>
    <rPh sb="6" eb="8">
      <t>キソク</t>
    </rPh>
    <rPh sb="8" eb="9">
      <t>ダイ</t>
    </rPh>
    <rPh sb="11" eb="12">
      <t>ジョウ</t>
    </rPh>
    <rPh sb="15" eb="16">
      <t>カカ</t>
    </rPh>
    <rPh sb="18" eb="19">
      <t>ツギ</t>
    </rPh>
    <rPh sb="20" eb="22">
      <t>ナイヨウ</t>
    </rPh>
    <rPh sb="23" eb="25">
      <t>キサイ</t>
    </rPh>
    <phoneticPr fontId="2"/>
  </si>
  <si>
    <t>当該現場に従事する者の氏名、生年月日及び年齢</t>
    <rPh sb="0" eb="2">
      <t>トウガイ</t>
    </rPh>
    <rPh sb="2" eb="4">
      <t>ゲンバ</t>
    </rPh>
    <rPh sb="5" eb="7">
      <t>ジュウジ</t>
    </rPh>
    <rPh sb="9" eb="10">
      <t>モノ</t>
    </rPh>
    <rPh sb="11" eb="13">
      <t>シメイ</t>
    </rPh>
    <rPh sb="14" eb="16">
      <t>セイネン</t>
    </rPh>
    <rPh sb="16" eb="18">
      <t>ガッピ</t>
    </rPh>
    <rPh sb="18" eb="19">
      <t>オヨ</t>
    </rPh>
    <rPh sb="20" eb="22">
      <t>ネンレイ</t>
    </rPh>
    <phoneticPr fontId="2"/>
  </si>
  <si>
    <t>健康保険、年金保険、雇用保険の加入状況を記載</t>
    <rPh sb="0" eb="2">
      <t>ケンコウ</t>
    </rPh>
    <rPh sb="2" eb="4">
      <t>ホケン</t>
    </rPh>
    <rPh sb="5" eb="7">
      <t>ネンキン</t>
    </rPh>
    <rPh sb="7" eb="9">
      <t>ホケン</t>
    </rPh>
    <rPh sb="10" eb="12">
      <t>コヨウ</t>
    </rPh>
    <rPh sb="12" eb="14">
      <t>ホケン</t>
    </rPh>
    <rPh sb="15" eb="17">
      <t>カニュウ</t>
    </rPh>
    <rPh sb="17" eb="19">
      <t>ジョウキョウ</t>
    </rPh>
    <rPh sb="20" eb="22">
      <t>キサイ</t>
    </rPh>
    <phoneticPr fontId="2"/>
  </si>
  <si>
    <t>建退共など退職金制度の被共済者に該当する者であるか否か</t>
    <rPh sb="0" eb="2">
      <t>ケンタイ</t>
    </rPh>
    <rPh sb="2" eb="3">
      <t>キョウ</t>
    </rPh>
    <rPh sb="5" eb="8">
      <t>タイショクキン</t>
    </rPh>
    <rPh sb="8" eb="10">
      <t>セイド</t>
    </rPh>
    <rPh sb="11" eb="12">
      <t>ヒ</t>
    </rPh>
    <rPh sb="12" eb="14">
      <t>キョウサイ</t>
    </rPh>
    <rPh sb="14" eb="15">
      <t>シャ</t>
    </rPh>
    <rPh sb="16" eb="18">
      <t>ガイトウ</t>
    </rPh>
    <rPh sb="20" eb="21">
      <t>モノ</t>
    </rPh>
    <rPh sb="25" eb="26">
      <t>イナ</t>
    </rPh>
    <phoneticPr fontId="2"/>
  </si>
  <si>
    <t>主な作業に関する職種を記載（【例】とび工、型枠工、圧接工など）</t>
    <rPh sb="0" eb="1">
      <t>オモ</t>
    </rPh>
    <rPh sb="2" eb="4">
      <t>サギョウ</t>
    </rPh>
    <rPh sb="5" eb="6">
      <t>カン</t>
    </rPh>
    <rPh sb="8" eb="10">
      <t>ショクシュ</t>
    </rPh>
    <rPh sb="11" eb="13">
      <t>キサイ</t>
    </rPh>
    <rPh sb="15" eb="16">
      <t>レイ</t>
    </rPh>
    <rPh sb="19" eb="20">
      <t>コウ</t>
    </rPh>
    <rPh sb="21" eb="23">
      <t>カタワク</t>
    </rPh>
    <rPh sb="23" eb="24">
      <t>コウ</t>
    </rPh>
    <rPh sb="25" eb="27">
      <t>アッセツ</t>
    </rPh>
    <rPh sb="27" eb="28">
      <t>コウ</t>
    </rPh>
    <phoneticPr fontId="2"/>
  </si>
  <si>
    <t>安全衛生に関する教育を受けている場合は、その内容</t>
    <rPh sb="0" eb="2">
      <t>アンゼン</t>
    </rPh>
    <rPh sb="2" eb="4">
      <t>エイセイ</t>
    </rPh>
    <rPh sb="5" eb="6">
      <t>カン</t>
    </rPh>
    <rPh sb="8" eb="10">
      <t>キョウイク</t>
    </rPh>
    <rPh sb="11" eb="12">
      <t>ウ</t>
    </rPh>
    <rPh sb="16" eb="18">
      <t>バアイ</t>
    </rPh>
    <rPh sb="22" eb="24">
      <t>ナイヨウ</t>
    </rPh>
    <phoneticPr fontId="2"/>
  </si>
  <si>
    <t>業者名：</t>
    <rPh sb="0" eb="2">
      <t>ギョウシャ</t>
    </rPh>
    <rPh sb="2" eb="3">
      <t>メイ</t>
    </rPh>
    <phoneticPr fontId="2"/>
  </si>
  <si>
    <t>（　　元請　　・　　第　　次下請　　）</t>
    <rPh sb="3" eb="5">
      <t>モトウ</t>
    </rPh>
    <rPh sb="10" eb="11">
      <t>ダイ</t>
    </rPh>
    <rPh sb="13" eb="14">
      <t>ジ</t>
    </rPh>
    <rPh sb="14" eb="16">
      <t>シタウ</t>
    </rPh>
    <phoneticPr fontId="2"/>
  </si>
  <si>
    <t>　下請負人が主任技術者を配置している。または、配置していない場合、別紙－５チェックリストをすべて満たしている。</t>
    <rPh sb="1" eb="2">
      <t>シタ</t>
    </rPh>
    <rPh sb="2" eb="4">
      <t>ウケオイ</t>
    </rPh>
    <rPh sb="4" eb="5">
      <t>ヒト</t>
    </rPh>
    <rPh sb="6" eb="8">
      <t>シュニン</t>
    </rPh>
    <rPh sb="8" eb="11">
      <t>ギジュツシャ</t>
    </rPh>
    <rPh sb="12" eb="14">
      <t>ハイチ</t>
    </rPh>
    <rPh sb="23" eb="25">
      <t>ハイチ</t>
    </rPh>
    <rPh sb="30" eb="32">
      <t>バアイ</t>
    </rPh>
    <rPh sb="33" eb="35">
      <t>ベッシ</t>
    </rPh>
    <rPh sb="48" eb="49">
      <t>ミ</t>
    </rPh>
    <phoneticPr fontId="2"/>
  </si>
  <si>
    <t>再下請負人が主任技術者を配置している。または、配置していない場合、別紙－５チェックリストをすべて満たしている。</t>
    <rPh sb="0" eb="1">
      <t>サイ</t>
    </rPh>
    <phoneticPr fontId="2"/>
  </si>
  <si>
    <t>建設工事に従事する者が希望しない場合は記載不要</t>
    <rPh sb="0" eb="2">
      <t>ケンセツ</t>
    </rPh>
    <rPh sb="2" eb="4">
      <t>コウジ</t>
    </rPh>
    <rPh sb="5" eb="7">
      <t>ジュウジ</t>
    </rPh>
    <rPh sb="9" eb="10">
      <t>モノ</t>
    </rPh>
    <rPh sb="11" eb="13">
      <t>キボウ</t>
    </rPh>
    <rPh sb="16" eb="18">
      <t>バアイ</t>
    </rPh>
    <rPh sb="19" eb="21">
      <t>キサイ</t>
    </rPh>
    <rPh sb="21" eb="23">
      <t>フヨウ</t>
    </rPh>
    <phoneticPr fontId="2"/>
  </si>
  <si>
    <t>監理技術者補佐名</t>
    <rPh sb="0" eb="2">
      <t>カンリ</t>
    </rPh>
    <rPh sb="2" eb="5">
      <t>ギジュツシャ</t>
    </rPh>
    <rPh sb="5" eb="7">
      <t>ホサ</t>
    </rPh>
    <rPh sb="7" eb="8">
      <t>ナ</t>
    </rPh>
    <phoneticPr fontId="2"/>
  </si>
  <si>
    <t>監理技術者名　
主任技術者名</t>
    <rPh sb="0" eb="2">
      <t>カンリ</t>
    </rPh>
    <rPh sb="2" eb="5">
      <t>ギジュツシャ</t>
    </rPh>
    <rPh sb="5" eb="6">
      <t>メイ</t>
    </rPh>
    <rPh sb="8" eb="10">
      <t>シュニン</t>
    </rPh>
    <rPh sb="10" eb="13">
      <t>ギジュツシャ</t>
    </rPh>
    <rPh sb="13" eb="14">
      <t>メイ</t>
    </rPh>
    <phoneticPr fontId="2"/>
  </si>
  <si>
    <t>事業所
整理記号等</t>
    <rPh sb="0" eb="3">
      <t>ジギョウショ</t>
    </rPh>
    <rPh sb="4" eb="6">
      <t>セイリ</t>
    </rPh>
    <rPh sb="6" eb="8">
      <t>キゴウ</t>
    </rPh>
    <rPh sb="8" eb="9">
      <t>トウ</t>
    </rPh>
    <phoneticPr fontId="2"/>
  </si>
  <si>
    <t>　</t>
    <phoneticPr fontId="2"/>
  </si>
  <si>
    <t>［事業所名・現場ID］</t>
    <rPh sb="1" eb="4">
      <t>ジギョウショ</t>
    </rPh>
    <rPh sb="4" eb="5">
      <t>カイシャメイ</t>
    </rPh>
    <rPh sb="6" eb="8">
      <t>ゲンバ</t>
    </rPh>
    <phoneticPr fontId="2"/>
  </si>
  <si>
    <t>会社名・
事業者ID</t>
    <rPh sb="0" eb="3">
      <t>カイシャメイ</t>
    </rPh>
    <rPh sb="5" eb="8">
      <t>ジギョウシャ</t>
    </rPh>
    <phoneticPr fontId="2"/>
  </si>
  <si>
    <t>［会社名・事業者ID］</t>
    <rPh sb="1" eb="4">
      <t>カイシャメイ</t>
    </rPh>
    <rPh sb="5" eb="7">
      <t>ジギョウ</t>
    </rPh>
    <rPh sb="7" eb="8">
      <t>シャ</t>
    </rPh>
    <phoneticPr fontId="2"/>
  </si>
  <si>
    <t>　工期</t>
    <rPh sb="1" eb="3">
      <t>コウキ</t>
    </rPh>
    <phoneticPr fontId="2"/>
  </si>
  <si>
    <t>担当工事　　　　　　　　　　　　　　　　　　　　　　　　　　　　　　　　　　　　　　　　　　　　　　　　　　　　　　　　　　　　　　　　　　　　　　　　　　　　　　内　　　容</t>
    <phoneticPr fontId="2"/>
  </si>
  <si>
    <t>有　　　・　　　無</t>
    <rPh sb="0" eb="1">
      <t>ア</t>
    </rPh>
    <rPh sb="8" eb="9">
      <t>ナ</t>
    </rPh>
    <phoneticPr fontId="2"/>
  </si>
  <si>
    <t>特定専門工事の該当</t>
    <rPh sb="0" eb="2">
      <t>トクテイ</t>
    </rPh>
    <rPh sb="2" eb="4">
      <t>センモン</t>
    </rPh>
    <rPh sb="4" eb="6">
      <t>コウジ</t>
    </rPh>
    <rPh sb="7" eb="9">
      <t>ガイトウ</t>
    </rPh>
    <phoneticPr fontId="2"/>
  </si>
  <si>
    <t>一般 / 特定</t>
    <rPh sb="0" eb="2">
      <t>イッパン</t>
    </rPh>
    <rPh sb="5" eb="7">
      <t>トクテイ</t>
    </rPh>
    <phoneticPr fontId="2"/>
  </si>
  <si>
    <t>一般 / 特定の別</t>
    <rPh sb="0" eb="2">
      <t>イッパン</t>
    </rPh>
    <rPh sb="5" eb="7">
      <t>トクテイ</t>
    </rPh>
    <rPh sb="8" eb="9">
      <t>ベツ</t>
    </rPh>
    <phoneticPr fontId="2"/>
  </si>
  <si>
    <t>許可番号</t>
    <rPh sb="0" eb="2">
      <t>キョカ</t>
    </rPh>
    <rPh sb="2" eb="4">
      <t>バンゴウ</t>
    </rPh>
    <phoneticPr fontId="2"/>
  </si>
  <si>
    <t>会社名・事業者ID</t>
    <rPh sb="0" eb="3">
      <t>カイシャメイ</t>
    </rPh>
    <rPh sb="4" eb="7">
      <t>ジギョウシャ</t>
    </rPh>
    <phoneticPr fontId="2"/>
  </si>
  <si>
    <t>担当工事　　　　　　　　　　　　　　　　　　　　　　　　　　　　　　　　　　　　　　　　　　　　　　　　　　　　　　　　　　　　　　　　　　　　　　　　　　　　　　内　　　容</t>
    <phoneticPr fontId="2"/>
  </si>
  <si>
    <t>統括安全衛生責任者</t>
    <rPh sb="0" eb="2">
      <t>トウカツ</t>
    </rPh>
    <rPh sb="2" eb="4">
      <t>アンゼン</t>
    </rPh>
    <rPh sb="4" eb="6">
      <t>エイセイ</t>
    </rPh>
    <rPh sb="6" eb="9">
      <t>セキニンシャ</t>
    </rPh>
    <phoneticPr fontId="2"/>
  </si>
  <si>
    <t>監理技術者名
主任技術者名</t>
    <rPh sb="0" eb="2">
      <t>カンリ</t>
    </rPh>
    <rPh sb="2" eb="5">
      <t>ギジュツシャ</t>
    </rPh>
    <rPh sb="5" eb="6">
      <t>メイ</t>
    </rPh>
    <rPh sb="7" eb="9">
      <t>シュニン</t>
    </rPh>
    <rPh sb="9" eb="12">
      <t>ギジュツシャ</t>
    </rPh>
    <rPh sb="12" eb="13">
      <t>ナ</t>
    </rPh>
    <phoneticPr fontId="2"/>
  </si>
  <si>
    <t>元請名・事業者ID</t>
    <rPh sb="0" eb="1">
      <t>モト</t>
    </rPh>
    <rPh sb="1" eb="2">
      <t>ウ</t>
    </rPh>
    <rPh sb="2" eb="3">
      <t>メイ</t>
    </rPh>
    <rPh sb="4" eb="6">
      <t>ジギョウ</t>
    </rPh>
    <rPh sb="6" eb="7">
      <t>シャ</t>
    </rPh>
    <phoneticPr fontId="2"/>
  </si>
  <si>
    <t>　自　　　　　　　年　    　　 　　月　　  　  　 　日
　至　　　　　　　年　     　　　　月　　　　 　    日</t>
    <phoneticPr fontId="2"/>
  </si>
  <si>
    <t>会社名・事業者ID</t>
    <rPh sb="0" eb="2">
      <t>カイシャ</t>
    </rPh>
    <rPh sb="2" eb="3">
      <t>メイ</t>
    </rPh>
    <rPh sb="4" eb="7">
      <t>ジギョウシャ</t>
    </rPh>
    <phoneticPr fontId="2"/>
  </si>
  <si>
    <t>元請名称・事業者ID</t>
    <rPh sb="0" eb="2">
      <t>モトウケ</t>
    </rPh>
    <rPh sb="2" eb="4">
      <t>メイショウ</t>
    </rPh>
    <rPh sb="5" eb="7">
      <t>ジギョウ</t>
    </rPh>
    <rPh sb="7" eb="8">
      <t>シャ</t>
    </rPh>
    <phoneticPr fontId="2"/>
  </si>
  <si>
    <t>会社名
・事業者ID</t>
    <rPh sb="0" eb="3">
      <t>カイシャメイ</t>
    </rPh>
    <rPh sb="5" eb="8">
      <t>ジギョウシャ</t>
    </rPh>
    <phoneticPr fontId="2"/>
  </si>
  <si>
    <t>（注）２.作業主任者は作業を直接指揮する義務を負うので、同時に施工されている他の現場や、同一現場においても
  他の作業個所との作業主任者を兼務することは、法的に認められていないので、複数の選任としなければならない。</t>
    <rPh sb="5" eb="7">
      <t>サギョウ</t>
    </rPh>
    <rPh sb="7" eb="10">
      <t>シュニンシャ</t>
    </rPh>
    <rPh sb="11" eb="13">
      <t>サギョウ</t>
    </rPh>
    <rPh sb="14" eb="16">
      <t>チョクセツ</t>
    </rPh>
    <rPh sb="16" eb="18">
      <t>シキ</t>
    </rPh>
    <rPh sb="20" eb="22">
      <t>ギム</t>
    </rPh>
    <rPh sb="23" eb="24">
      <t>オ</t>
    </rPh>
    <rPh sb="28" eb="30">
      <t>ドウジ</t>
    </rPh>
    <rPh sb="31" eb="33">
      <t>セコウ</t>
    </rPh>
    <rPh sb="38" eb="39">
      <t>ホカ</t>
    </rPh>
    <rPh sb="40" eb="42">
      <t>ゲンバ</t>
    </rPh>
    <rPh sb="44" eb="46">
      <t>ドウイツ</t>
    </rPh>
    <rPh sb="46" eb="48">
      <t>ゲンバ</t>
    </rPh>
    <rPh sb="56" eb="57">
      <t>ホカ</t>
    </rPh>
    <rPh sb="60" eb="62">
      <t>カショ</t>
    </rPh>
    <rPh sb="64" eb="66">
      <t>サギョウ</t>
    </rPh>
    <rPh sb="66" eb="69">
      <t>シュニンシャ</t>
    </rPh>
    <rPh sb="70" eb="72">
      <t>ケンム</t>
    </rPh>
    <rPh sb="78" eb="80">
      <t>ホウテキ</t>
    </rPh>
    <rPh sb="81" eb="82">
      <t>ミト</t>
    </rPh>
    <rPh sb="92" eb="94">
      <t>フクスウ</t>
    </rPh>
    <rPh sb="95" eb="97">
      <t>センニン</t>
    </rPh>
    <phoneticPr fontId="2"/>
  </si>
  <si>
    <r>
      <t xml:space="preserve"> </t>
    </r>
    <r>
      <rPr>
        <sz val="9"/>
        <rFont val="ＭＳ 明朝"/>
        <family val="1"/>
        <charset val="128"/>
      </rPr>
      <t>…１号特定技能外国人</t>
    </r>
    <phoneticPr fontId="2"/>
  </si>
  <si>
    <t xml:space="preserve"> …外国人建設就労者</t>
    <phoneticPr fontId="2"/>
  </si>
  <si>
    <t xml:space="preserve"> …危険有害業務・再発防止教育</t>
    <rPh sb="2" eb="4">
      <t>キケン</t>
    </rPh>
    <rPh sb="4" eb="6">
      <t>ユウガイ</t>
    </rPh>
    <rPh sb="6" eb="8">
      <t>ギョウム</t>
    </rPh>
    <rPh sb="9" eb="11">
      <t>サイハツ</t>
    </rPh>
    <rPh sb="11" eb="13">
      <t>ボウシ</t>
    </rPh>
    <rPh sb="13" eb="15">
      <t>キョウイク</t>
    </rPh>
    <phoneticPr fontId="2"/>
  </si>
  <si>
    <t xml:space="preserve"> …能力向上教育</t>
    <rPh sb="2" eb="4">
      <t>ノウリョク</t>
    </rPh>
    <rPh sb="4" eb="6">
      <t>コウジョウ</t>
    </rPh>
    <rPh sb="6" eb="8">
      <t>キョウイク</t>
    </rPh>
    <phoneticPr fontId="2"/>
  </si>
  <si>
    <t xml:space="preserve"> …安全衛生責任者</t>
    <rPh sb="2" eb="4">
      <t>アンゼン</t>
    </rPh>
    <rPh sb="4" eb="6">
      <t>エイセイ</t>
    </rPh>
    <rPh sb="6" eb="9">
      <t>セキニンシャ</t>
    </rPh>
    <phoneticPr fontId="2"/>
  </si>
  <si>
    <t xml:space="preserve"> …職　長</t>
    <rPh sb="2" eb="3">
      <t>ショク</t>
    </rPh>
    <rPh sb="4" eb="5">
      <t>チョウ</t>
    </rPh>
    <phoneticPr fontId="2"/>
  </si>
  <si>
    <t xml:space="preserve"> …主任技術者</t>
    <rPh sb="2" eb="4">
      <t>シュニン</t>
    </rPh>
    <rPh sb="4" eb="7">
      <t>ギジュツシャ</t>
    </rPh>
    <phoneticPr fontId="2"/>
  </si>
  <si>
    <t xml:space="preserve">       …18歳未満の作業員</t>
    <rPh sb="10" eb="11">
      <t>サイ</t>
    </rPh>
    <rPh sb="11" eb="13">
      <t>ミマン</t>
    </rPh>
    <rPh sb="14" eb="17">
      <t>サギョウイン</t>
    </rPh>
    <phoneticPr fontId="2"/>
  </si>
  <si>
    <t xml:space="preserve"> …女性作業員</t>
    <rPh sb="2" eb="4">
      <t>ジョセイ</t>
    </rPh>
    <rPh sb="4" eb="7">
      <t>サギョウイン</t>
    </rPh>
    <phoneticPr fontId="2"/>
  </si>
  <si>
    <t xml:space="preserve"> …作業主任者（（注）2.)</t>
    <rPh sb="2" eb="4">
      <t>サギョウ</t>
    </rPh>
    <rPh sb="4" eb="7">
      <t>シュニンシャ</t>
    </rPh>
    <rPh sb="9" eb="10">
      <t>チュウ</t>
    </rPh>
    <phoneticPr fontId="2"/>
  </si>
  <si>
    <t xml:space="preserve"> …現場代理人</t>
    <rPh sb="2" eb="4">
      <t>ゲンバ</t>
    </rPh>
    <rPh sb="4" eb="7">
      <t>ダイリニン</t>
    </rPh>
    <phoneticPr fontId="2"/>
  </si>
  <si>
    <t>（注)１.※印欄には次の記号を入れる。</t>
    <rPh sb="1" eb="2">
      <t>チュウ</t>
    </rPh>
    <rPh sb="6" eb="7">
      <t>ジルシ</t>
    </rPh>
    <rPh sb="7" eb="8">
      <t>ラン</t>
    </rPh>
    <rPh sb="10" eb="11">
      <t>ツギ</t>
    </rPh>
    <rPh sb="12" eb="14">
      <t>キゴウ</t>
    </rPh>
    <rPh sb="15" eb="16">
      <t>イ</t>
    </rPh>
    <phoneticPr fontId="2"/>
  </si>
  <si>
    <t>年　月　日</t>
  </si>
  <si>
    <t>歳</t>
  </si>
  <si>
    <t>技能者ID</t>
    <rPh sb="0" eb="3">
      <t>ギノウシャ</t>
    </rPh>
    <phoneticPr fontId="2"/>
  </si>
  <si>
    <t>技能講習</t>
  </si>
  <si>
    <t>雇入・職長
特別教育</t>
    <rPh sb="0" eb="1">
      <t>ヤトイ</t>
    </rPh>
    <rPh sb="1" eb="2">
      <t>ニュウ</t>
    </rPh>
    <rPh sb="3" eb="5">
      <t>ショクチョウ</t>
    </rPh>
    <rPh sb="6" eb="8">
      <t>トクベツ</t>
    </rPh>
    <rPh sb="8" eb="10">
      <t>キョウイク</t>
    </rPh>
    <phoneticPr fontId="2"/>
  </si>
  <si>
    <t>中小企業退職金
共済制度</t>
    <rPh sb="0" eb="2">
      <t>チュウショウ</t>
    </rPh>
    <rPh sb="2" eb="4">
      <t>キギョウ</t>
    </rPh>
    <rPh sb="4" eb="6">
      <t>タイショク</t>
    </rPh>
    <rPh sb="6" eb="7">
      <t>キン</t>
    </rPh>
    <rPh sb="8" eb="10">
      <t>キョウサイ</t>
    </rPh>
    <rPh sb="10" eb="12">
      <t>セイド</t>
    </rPh>
    <phoneticPr fontId="2"/>
  </si>
  <si>
    <t>年齢</t>
  </si>
  <si>
    <t>年金保険</t>
    <rPh sb="0" eb="2">
      <t>ネンキン</t>
    </rPh>
    <rPh sb="2" eb="4">
      <t>ホケン</t>
    </rPh>
    <phoneticPr fontId="2"/>
  </si>
  <si>
    <t>氏名</t>
  </si>
  <si>
    <t>入場年月日</t>
  </si>
  <si>
    <t>教　育・資　格・免　許</t>
    <rPh sb="0" eb="1">
      <t>キョウ</t>
    </rPh>
    <rPh sb="2" eb="3">
      <t>イク</t>
    </rPh>
    <rPh sb="4" eb="5">
      <t>シ</t>
    </rPh>
    <rPh sb="6" eb="7">
      <t>カク</t>
    </rPh>
    <rPh sb="8" eb="9">
      <t>メン</t>
    </rPh>
    <rPh sb="10" eb="11">
      <t>モト</t>
    </rPh>
    <phoneticPr fontId="2"/>
  </si>
  <si>
    <t>建設業退職金
共済制度</t>
    <rPh sb="0" eb="3">
      <t>ケンセツギョウ</t>
    </rPh>
    <rPh sb="3" eb="6">
      <t>タイショクキン</t>
    </rPh>
    <rPh sb="7" eb="9">
      <t>キョウサイ</t>
    </rPh>
    <rPh sb="9" eb="11">
      <t>セイド</t>
    </rPh>
    <phoneticPr fontId="2"/>
  </si>
  <si>
    <t>※</t>
    <phoneticPr fontId="2"/>
  </si>
  <si>
    <t>職種</t>
  </si>
  <si>
    <t>番号</t>
    <rPh sb="0" eb="1">
      <t>バン</t>
    </rPh>
    <rPh sb="1" eb="2">
      <t>ゴウ</t>
    </rPh>
    <phoneticPr fontId="2"/>
  </si>
  <si>
    <t>（　次)会社名
・事業者ID</t>
    <rPh sb="9" eb="12">
      <t>ジギョウシャ</t>
    </rPh>
    <phoneticPr fontId="2"/>
  </si>
  <si>
    <t>一次会社名
・事業者ID</t>
    <rPh sb="0" eb="1">
      <t>イチ</t>
    </rPh>
    <rPh sb="7" eb="9">
      <t>ジギョウ</t>
    </rPh>
    <rPh sb="9" eb="10">
      <t>シャ</t>
    </rPh>
    <phoneticPr fontId="2"/>
  </si>
  <si>
    <t>提出日　　　　　年　　　月　　　日</t>
    <rPh sb="0" eb="2">
      <t>テイシュツ</t>
    </rPh>
    <rPh sb="2" eb="3">
      <t>ビ</t>
    </rPh>
    <rPh sb="8" eb="9">
      <t>ネン</t>
    </rPh>
    <rPh sb="12" eb="13">
      <t>ガツ</t>
    </rPh>
    <rPh sb="16" eb="17">
      <t>ヒ</t>
    </rPh>
    <phoneticPr fontId="2"/>
  </si>
  <si>
    <t>所長名</t>
  </si>
  <si>
    <t xml:space="preserve"> 本書面に記載した内容は、作業員名簿として安全衛生管理や労働災害発生時の緊急連絡・対応のために元請負業者に提示することについて、記載者本人は同意しています。</t>
    <rPh sb="1" eb="3">
      <t>ホンショ</t>
    </rPh>
    <rPh sb="3" eb="4">
      <t>メン</t>
    </rPh>
    <rPh sb="5" eb="7">
      <t>キサイ</t>
    </rPh>
    <rPh sb="9" eb="11">
      <t>ナイヨウ</t>
    </rPh>
    <rPh sb="13" eb="16">
      <t>サギョウイン</t>
    </rPh>
    <rPh sb="16" eb="18">
      <t>メイボ</t>
    </rPh>
    <rPh sb="21" eb="23">
      <t>アンゼン</t>
    </rPh>
    <rPh sb="23" eb="25">
      <t>エイセイ</t>
    </rPh>
    <rPh sb="25" eb="27">
      <t>カンリ</t>
    </rPh>
    <rPh sb="28" eb="30">
      <t>ロウドウ</t>
    </rPh>
    <rPh sb="30" eb="32">
      <t>サイガイ</t>
    </rPh>
    <rPh sb="32" eb="34">
      <t>ハッセイ</t>
    </rPh>
    <rPh sb="34" eb="35">
      <t>ジ</t>
    </rPh>
    <rPh sb="36" eb="38">
      <t>キンキュウ</t>
    </rPh>
    <rPh sb="38" eb="40">
      <t>レンラク</t>
    </rPh>
    <rPh sb="41" eb="43">
      <t>タイオウ</t>
    </rPh>
    <rPh sb="47" eb="48">
      <t>モト</t>
    </rPh>
    <rPh sb="48" eb="50">
      <t>ウケオイ</t>
    </rPh>
    <rPh sb="50" eb="52">
      <t>ギョウシャ</t>
    </rPh>
    <rPh sb="53" eb="55">
      <t>テイジ</t>
    </rPh>
    <rPh sb="64" eb="67">
      <t>キサイシャ</t>
    </rPh>
    <rPh sb="67" eb="69">
      <t>ホンニン</t>
    </rPh>
    <rPh sb="70" eb="72">
      <t>ドウイ</t>
    </rPh>
    <phoneticPr fontId="2"/>
  </si>
  <si>
    <t>事業所の名称
・現場ID</t>
    <rPh sb="8" eb="10">
      <t>ゲンバ</t>
    </rPh>
    <phoneticPr fontId="2"/>
  </si>
  <si>
    <t>元請
確認欄</t>
    <phoneticPr fontId="2"/>
  </si>
  <si>
    <t>作　　業　　員　　名　　簿</t>
    <phoneticPr fontId="2"/>
  </si>
  <si>
    <t>　元請負人は、特例監理技術者を配置していない。もしくは、元請負人は特例監理技術者を置く場合、監理技術者補佐（専任）を配置している。</t>
    <rPh sb="1" eb="5">
      <t>モトウケオイニン</t>
    </rPh>
    <rPh sb="7" eb="9">
      <t>トクレイ</t>
    </rPh>
    <rPh sb="9" eb="11">
      <t>カンリ</t>
    </rPh>
    <rPh sb="11" eb="14">
      <t>ギジュツシャ</t>
    </rPh>
    <rPh sb="15" eb="17">
      <t>ハイチ</t>
    </rPh>
    <rPh sb="33" eb="35">
      <t>トクレイ</t>
    </rPh>
    <rPh sb="35" eb="37">
      <t>カンリ</t>
    </rPh>
    <rPh sb="37" eb="40">
      <t>ギジュツシャ</t>
    </rPh>
    <rPh sb="41" eb="42">
      <t>オ</t>
    </rPh>
    <rPh sb="43" eb="45">
      <t>バアイ</t>
    </rPh>
    <rPh sb="46" eb="48">
      <t>カンリ</t>
    </rPh>
    <rPh sb="48" eb="51">
      <t>ギジュツシャ</t>
    </rPh>
    <rPh sb="51" eb="53">
      <t>ホサ</t>
    </rPh>
    <rPh sb="54" eb="56">
      <t>センニン</t>
    </rPh>
    <rPh sb="58" eb="60">
      <t>ハイチ</t>
    </rPh>
    <phoneticPr fontId="2"/>
  </si>
  <si>
    <t>作 　業 　員 　名 　簿</t>
    <rPh sb="0" eb="1">
      <t>サク</t>
    </rPh>
    <rPh sb="3" eb="4">
      <t>ギョウ</t>
    </rPh>
    <rPh sb="6" eb="7">
      <t>イン</t>
    </rPh>
    <rPh sb="9" eb="10">
      <t>ナ</t>
    </rPh>
    <rPh sb="12" eb="13">
      <t>ボ</t>
    </rPh>
    <phoneticPr fontId="2"/>
  </si>
  <si>
    <t>施工体制台帳様式例-6</t>
    <phoneticPr fontId="2"/>
  </si>
  <si>
    <t>元　請
確認欄</t>
    <rPh sb="0" eb="1">
      <t>モト</t>
    </rPh>
    <rPh sb="2" eb="3">
      <t>ショウ</t>
    </rPh>
    <rPh sb="4" eb="6">
      <t>カクニン</t>
    </rPh>
    <rPh sb="6" eb="7">
      <t>ラン</t>
    </rPh>
    <phoneticPr fontId="2"/>
  </si>
  <si>
    <t>事業所の名称</t>
    <rPh sb="0" eb="3">
      <t>ジギョウショ</t>
    </rPh>
    <rPh sb="4" eb="6">
      <t>メイショウ</t>
    </rPh>
    <phoneticPr fontId="2"/>
  </si>
  <si>
    <t>（</t>
    <phoneticPr fontId="2"/>
  </si>
  <si>
    <t>年　　　月　　　日</t>
    <phoneticPr fontId="2"/>
  </si>
  <si>
    <t>作成</t>
    <rPh sb="0" eb="2">
      <t>サクセイ</t>
    </rPh>
    <phoneticPr fontId="2"/>
  </si>
  <si>
    <t>）</t>
    <phoneticPr fontId="2"/>
  </si>
  <si>
    <t>所　長　名</t>
    <rPh sb="0" eb="1">
      <t>ショ</t>
    </rPh>
    <rPh sb="2" eb="3">
      <t>チョウ</t>
    </rPh>
    <rPh sb="4" eb="5">
      <t>メイ</t>
    </rPh>
    <phoneticPr fontId="2"/>
  </si>
  <si>
    <t>殿</t>
    <rPh sb="0" eb="1">
      <t>トノ</t>
    </rPh>
    <phoneticPr fontId="2"/>
  </si>
  <si>
    <t>提出日</t>
    <phoneticPr fontId="2"/>
  </si>
  <si>
    <t>月</t>
    <phoneticPr fontId="2"/>
  </si>
  <si>
    <t>日</t>
    <phoneticPr fontId="2"/>
  </si>
  <si>
    <t>本書面に記載した内容は、作業員名簿として、安全衛生管理や労働災害発生時の緊急連絡
・対応のために元請負業者に提示することについて、記載者本人は同意しています。</t>
    <phoneticPr fontId="2"/>
  </si>
  <si>
    <t>1  次
会 社 名</t>
    <rPh sb="3" eb="4">
      <t>ツギ</t>
    </rPh>
    <rPh sb="5" eb="6">
      <t>カイ</t>
    </rPh>
    <rPh sb="7" eb="8">
      <t>シャ</t>
    </rPh>
    <rPh sb="9" eb="10">
      <t>メイ</t>
    </rPh>
    <phoneticPr fontId="2"/>
  </si>
  <si>
    <t>（</t>
    <phoneticPr fontId="2"/>
  </si>
  <si>
    <t>次</t>
    <phoneticPr fontId="2"/>
  </si>
  <si>
    <t>）</t>
    <phoneticPr fontId="2"/>
  </si>
  <si>
    <t>会 社 名</t>
  </si>
  <si>
    <t>番　号</t>
    <rPh sb="0" eb="1">
      <t>バン</t>
    </rPh>
    <rPh sb="2" eb="3">
      <t>ゴウ</t>
    </rPh>
    <phoneticPr fontId="2"/>
  </si>
  <si>
    <t>フ　リ　ガ　ナ</t>
    <phoneticPr fontId="2"/>
  </si>
  <si>
    <t>職　種</t>
    <rPh sb="0" eb="1">
      <t>ショク</t>
    </rPh>
    <rPh sb="2" eb="3">
      <t>タネ</t>
    </rPh>
    <phoneticPr fontId="2"/>
  </si>
  <si>
    <t>所属事業者と異なる事業者の元で就業した場合</t>
    <phoneticPr fontId="8" type="noConversion"/>
  </si>
  <si>
    <t>雇入年月日</t>
    <rPh sb="0" eb="1">
      <t>ヤトイ</t>
    </rPh>
    <rPh sb="1" eb="2">
      <t>イ</t>
    </rPh>
    <rPh sb="2" eb="5">
      <t>ネンガッピ</t>
    </rPh>
    <phoneticPr fontId="2"/>
  </si>
  <si>
    <t>生年月日</t>
    <rPh sb="0" eb="2">
      <t>セイネン</t>
    </rPh>
    <rPh sb="2" eb="4">
      <t>ガッピ</t>
    </rPh>
    <phoneticPr fontId="2"/>
  </si>
  <si>
    <t>現 住 所</t>
    <rPh sb="0" eb="1">
      <t>ウツツ</t>
    </rPh>
    <rPh sb="2" eb="3">
      <t>ジュウ</t>
    </rPh>
    <rPh sb="4" eb="5">
      <t>トコロ</t>
    </rPh>
    <phoneticPr fontId="2"/>
  </si>
  <si>
    <t>（ＴＥＬ）</t>
    <phoneticPr fontId="2"/>
  </si>
  <si>
    <t>最近の健康診断日</t>
    <rPh sb="0" eb="2">
      <t>サイキン</t>
    </rPh>
    <rPh sb="3" eb="5">
      <t>ケンコウ</t>
    </rPh>
    <rPh sb="5" eb="7">
      <t>シンダン</t>
    </rPh>
    <rPh sb="7" eb="8">
      <t>ビ</t>
    </rPh>
    <phoneticPr fontId="2"/>
  </si>
  <si>
    <t>血液型</t>
    <rPh sb="0" eb="1">
      <t>ケツ</t>
    </rPh>
    <rPh sb="1" eb="2">
      <t>エキ</t>
    </rPh>
    <rPh sb="2" eb="3">
      <t>カタ</t>
    </rPh>
    <phoneticPr fontId="2"/>
  </si>
  <si>
    <t>特殊健康診断日</t>
    <rPh sb="0" eb="2">
      <t>トクシュ</t>
    </rPh>
    <rPh sb="2" eb="4">
      <t>ケンコウ</t>
    </rPh>
    <rPh sb="4" eb="6">
      <t>シンダン</t>
    </rPh>
    <rPh sb="6" eb="7">
      <t>ビ</t>
    </rPh>
    <phoneticPr fontId="2"/>
  </si>
  <si>
    <t>健康保険</t>
    <phoneticPr fontId="2"/>
  </si>
  <si>
    <t>建設業退職金
共済制度</t>
    <phoneticPr fontId="2"/>
  </si>
  <si>
    <t>技能
レベル</t>
    <phoneticPr fontId="2"/>
  </si>
  <si>
    <t>入場年月日</t>
    <rPh sb="0" eb="2">
      <t>ニュウジョウ</t>
    </rPh>
    <rPh sb="2" eb="5">
      <t>ネンガッピ</t>
    </rPh>
    <phoneticPr fontId="2"/>
  </si>
  <si>
    <t>氏　　　　名</t>
    <rPh sb="0" eb="1">
      <t>シ</t>
    </rPh>
    <rPh sb="5" eb="6">
      <t>メイ</t>
    </rPh>
    <phoneticPr fontId="2"/>
  </si>
  <si>
    <t>年金保険</t>
    <phoneticPr fontId="2"/>
  </si>
  <si>
    <t>経 験 年 数</t>
    <rPh sb="0" eb="1">
      <t>キョウ</t>
    </rPh>
    <rPh sb="2" eb="3">
      <t>シルシ</t>
    </rPh>
    <rPh sb="4" eb="5">
      <t>トシ</t>
    </rPh>
    <rPh sb="6" eb="7">
      <t>カズ</t>
    </rPh>
    <phoneticPr fontId="2"/>
  </si>
  <si>
    <t>年   齢</t>
    <rPh sb="0" eb="1">
      <t>トシ</t>
    </rPh>
    <rPh sb="4" eb="5">
      <t>ヨワイ</t>
    </rPh>
    <phoneticPr fontId="2"/>
  </si>
  <si>
    <t>家族連絡先</t>
    <rPh sb="0" eb="2">
      <t>カゾク</t>
    </rPh>
    <rPh sb="2" eb="5">
      <t>レンラクサキ</t>
    </rPh>
    <phoneticPr fontId="2"/>
  </si>
  <si>
    <t>（ＴＥＬ）</t>
    <phoneticPr fontId="2"/>
  </si>
  <si>
    <t>血          　圧</t>
    <rPh sb="0" eb="1">
      <t>チ</t>
    </rPh>
    <rPh sb="12" eb="13">
      <t>アツ</t>
    </rPh>
    <phoneticPr fontId="2"/>
  </si>
  <si>
    <t>種　　　　　類</t>
    <rPh sb="0" eb="1">
      <t>タネ</t>
    </rPh>
    <rPh sb="6" eb="7">
      <t>タグイ</t>
    </rPh>
    <phoneticPr fontId="2"/>
  </si>
  <si>
    <t>中小企業退職金
共済制度</t>
    <phoneticPr fontId="2"/>
  </si>
  <si>
    <t>在留
資格</t>
    <phoneticPr fontId="2"/>
  </si>
  <si>
    <t>雇入・職長
特別教育</t>
    <rPh sb="0" eb="2">
      <t>ヤトイイ</t>
    </rPh>
    <rPh sb="3" eb="5">
      <t>ショクチョウ</t>
    </rPh>
    <rPh sb="6" eb="8">
      <t>トクベツ</t>
    </rPh>
    <rPh sb="8" eb="10">
      <t>キョウイク</t>
    </rPh>
    <phoneticPr fontId="2"/>
  </si>
  <si>
    <t>技能講習</t>
    <rPh sb="0" eb="2">
      <t>ギノウ</t>
    </rPh>
    <rPh sb="2" eb="4">
      <t>コウシュウ</t>
    </rPh>
    <phoneticPr fontId="2"/>
  </si>
  <si>
    <t>免　　許</t>
    <rPh sb="0" eb="1">
      <t>メン</t>
    </rPh>
    <rPh sb="3" eb="4">
      <t>モト</t>
    </rPh>
    <phoneticPr fontId="2"/>
  </si>
  <si>
    <t>受入教育
実施年月日</t>
    <rPh sb="0" eb="1">
      <t>ウケ</t>
    </rPh>
    <rPh sb="1" eb="2">
      <t>イ</t>
    </rPh>
    <rPh sb="2" eb="4">
      <t>キョウイク</t>
    </rPh>
    <rPh sb="5" eb="7">
      <t>ジッシ</t>
    </rPh>
    <rPh sb="7" eb="10">
      <t>ネンガッピ</t>
    </rPh>
    <phoneticPr fontId="2"/>
  </si>
  <si>
    <t>技能者ＩＤ</t>
    <phoneticPr fontId="2"/>
  </si>
  <si>
    <t>雇用保険</t>
    <phoneticPr fontId="2"/>
  </si>
  <si>
    <t>（</t>
    <phoneticPr fontId="2"/>
  </si>
  <si>
    <t>）</t>
    <phoneticPr fontId="2"/>
  </si>
  <si>
    <t>年</t>
    <phoneticPr fontId="2"/>
  </si>
  <si>
    <t>月</t>
    <phoneticPr fontId="2"/>
  </si>
  <si>
    <t>日</t>
    <phoneticPr fontId="2"/>
  </si>
  <si>
    <t>日</t>
    <phoneticPr fontId="2"/>
  </si>
  <si>
    <t>（</t>
    <phoneticPr fontId="2"/>
  </si>
  <si>
    <t>）</t>
    <phoneticPr fontId="2"/>
  </si>
  <si>
    <t>～</t>
    <phoneticPr fontId="2"/>
  </si>
  <si>
    <t>年</t>
    <phoneticPr fontId="2"/>
  </si>
  <si>
    <t>）</t>
    <phoneticPr fontId="2"/>
  </si>
  <si>
    <t>日</t>
    <phoneticPr fontId="2"/>
  </si>
  <si>
    <t>日</t>
    <phoneticPr fontId="2"/>
  </si>
  <si>
    <t>月</t>
    <phoneticPr fontId="2"/>
  </si>
  <si>
    <t>年</t>
    <phoneticPr fontId="2"/>
  </si>
  <si>
    <t>（</t>
    <phoneticPr fontId="2"/>
  </si>
  <si>
    <t>～</t>
    <phoneticPr fontId="2"/>
  </si>
  <si>
    <t>（　　年　　月　　日作成)</t>
    <phoneticPr fontId="2"/>
  </si>
  <si>
    <t>ふりがな</t>
    <phoneticPr fontId="2"/>
  </si>
  <si>
    <t>生年月日</t>
    <phoneticPr fontId="2"/>
  </si>
  <si>
    <t>免　許</t>
    <phoneticPr fontId="2"/>
  </si>
  <si>
    <t>受入教育
実施年月日</t>
    <phoneticPr fontId="2"/>
  </si>
  <si>
    <t>（注）３．各社別に作成するのが原則だが、リース機械等の運転者は一緒でもよい。</t>
    <rPh sb="1" eb="2">
      <t>チュウ</t>
    </rPh>
    <phoneticPr fontId="2"/>
  </si>
  <si>
    <t>（注）４．資格・免許等の写しを添付することが望ましい。</t>
    <rPh sb="1" eb="2">
      <t>チュウ</t>
    </rPh>
    <rPh sb="22" eb="23">
      <t>ノゾ</t>
    </rPh>
    <phoneticPr fontId="2"/>
  </si>
  <si>
    <t>（注）５．健康保険欄には、左欄に健康保険の名称（健康保険組合、協会けんぽ、
 建設国保、国民健康保険）を記載。上記の保険に加入しておらず、後期高齢者で
 ある等により、国民健康保険の適用除外である場合には、左欄に「適用除外」と記
 載。</t>
    <rPh sb="1" eb="2">
      <t>チュウ</t>
    </rPh>
    <rPh sb="5" eb="7">
      <t>ケンコウ</t>
    </rPh>
    <rPh sb="7" eb="9">
      <t>ホケン</t>
    </rPh>
    <rPh sb="9" eb="10">
      <t>ラン</t>
    </rPh>
    <rPh sb="13" eb="14">
      <t>ヒダリ</t>
    </rPh>
    <rPh sb="14" eb="15">
      <t>ラン</t>
    </rPh>
    <rPh sb="16" eb="18">
      <t>ケンコウ</t>
    </rPh>
    <rPh sb="18" eb="20">
      <t>ホケン</t>
    </rPh>
    <rPh sb="21" eb="23">
      <t>メイショウ</t>
    </rPh>
    <rPh sb="24" eb="26">
      <t>ケンコウ</t>
    </rPh>
    <rPh sb="26" eb="28">
      <t>ホケン</t>
    </rPh>
    <rPh sb="28" eb="30">
      <t>クミアイ</t>
    </rPh>
    <rPh sb="31" eb="33">
      <t>キョウカイ</t>
    </rPh>
    <rPh sb="41" eb="43">
      <t>コクホ</t>
    </rPh>
    <rPh sb="44" eb="46">
      <t>コクミン</t>
    </rPh>
    <rPh sb="46" eb="48">
      <t>ケンコウ</t>
    </rPh>
    <rPh sb="48" eb="50">
      <t>ホケン</t>
    </rPh>
    <phoneticPr fontId="2"/>
  </si>
  <si>
    <t xml:space="preserve"> …外国人技能実習生</t>
    <phoneticPr fontId="2"/>
  </si>
  <si>
    <t>（注）６．年金保険欄には、左欄に年金保険の名称（厚生年金、国民年金）を記載。
　各年金の受給者である場合は、左欄に「受給者」と記載。</t>
  </si>
  <si>
    <t>（注）７．雇用保険欄には右欄に被保険者番号の下４けたを記載。（日雇労働被保
 険者の場合には左欄に「日雇保険」と記載）事業主である等により雇用保険の適用
 除外である場合には左欄に「適用除外」と記載。</t>
  </si>
  <si>
    <t>（注）８．建設業退職金共済制度及び中小企業退職金共済制度への加入の有無につい
 ては、それぞれの欄に「有」又は「無」と記載。</t>
    <rPh sb="5" eb="8">
      <t>ケンセツギョウ</t>
    </rPh>
    <rPh sb="11" eb="13">
      <t>キョウサイ</t>
    </rPh>
    <rPh sb="13" eb="15">
      <t>セイド</t>
    </rPh>
    <rPh sb="15" eb="16">
      <t>オヨ</t>
    </rPh>
    <rPh sb="17" eb="19">
      <t>チュウショウ</t>
    </rPh>
    <rPh sb="19" eb="21">
      <t>キギョウ</t>
    </rPh>
    <rPh sb="21" eb="23">
      <t>タイショク</t>
    </rPh>
    <rPh sb="23" eb="24">
      <t>キン</t>
    </rPh>
    <rPh sb="24" eb="26">
      <t>キョウサイ</t>
    </rPh>
    <rPh sb="26" eb="28">
      <t>セイド</t>
    </rPh>
    <rPh sb="30" eb="32">
      <t>カニュウ</t>
    </rPh>
    <rPh sb="33" eb="35">
      <t>ウム</t>
    </rPh>
    <rPh sb="48" eb="49">
      <t>ラン</t>
    </rPh>
    <rPh sb="51" eb="52">
      <t>アリ</t>
    </rPh>
    <rPh sb="53" eb="54">
      <t>マタ</t>
    </rPh>
    <rPh sb="56" eb="57">
      <t>ナ</t>
    </rPh>
    <rPh sb="59" eb="61">
      <t>キサイ</t>
    </rPh>
    <phoneticPr fontId="2"/>
  </si>
  <si>
    <t>（注）９．安全衛生に関する教育の内容（例：雇入時教育、職長教育、建設用リフト
 の運転の業務に係る特別教育）については「雇入・職長特別教育」欄に記載。</t>
  </si>
  <si>
    <t>（注）１０．建設工事に係る知識及び技術又は技能に関する資格（例：登録○○基幹
 技能者、○級○○施工管理技士）を有する場合は、「免許」欄に記載。</t>
    <rPh sb="48" eb="50">
      <t>セコウ</t>
    </rPh>
    <rPh sb="50" eb="52">
      <t>カンリ</t>
    </rPh>
    <phoneticPr fontId="2"/>
  </si>
  <si>
    <t>（注）１１．記載事項の一部について、別紙を用いて記載しても差し支えない。</t>
    <phoneticPr fontId="2"/>
  </si>
  <si>
    <t>③</t>
    <phoneticPr fontId="2"/>
  </si>
  <si>
    <t>⑥</t>
    <phoneticPr fontId="2"/>
  </si>
  <si>
    <t>⑦</t>
    <phoneticPr fontId="2"/>
  </si>
  <si>
    <t>建設業法第２６条の３第４項に基づく注文者の承諾</t>
    <rPh sb="0" eb="3">
      <t>ケンセツギョウ</t>
    </rPh>
    <rPh sb="3" eb="4">
      <t>ホウ</t>
    </rPh>
    <rPh sb="4" eb="5">
      <t>ダイ</t>
    </rPh>
    <rPh sb="7" eb="8">
      <t>ジョウ</t>
    </rPh>
    <rPh sb="10" eb="11">
      <t>ダイ</t>
    </rPh>
    <rPh sb="12" eb="13">
      <t>コウ</t>
    </rPh>
    <rPh sb="14" eb="15">
      <t>モト</t>
    </rPh>
    <rPh sb="17" eb="20">
      <t>チュウモンシャ</t>
    </rPh>
    <rPh sb="21" eb="23">
      <t>ショウダク</t>
    </rPh>
    <phoneticPr fontId="2"/>
  </si>
  <si>
    <t>合意に先立ち、あらかじめ、注文者の書面による承諾を得ているか。</t>
    <rPh sb="0" eb="2">
      <t>ゴウイ</t>
    </rPh>
    <rPh sb="3" eb="5">
      <t>サキダ</t>
    </rPh>
    <rPh sb="13" eb="16">
      <t>チュウモンシャ</t>
    </rPh>
    <rPh sb="17" eb="19">
      <t>ショメン</t>
    </rPh>
    <rPh sb="22" eb="24">
      <t>ショウダク</t>
    </rPh>
    <rPh sb="25" eb="26">
      <t>エ</t>
    </rPh>
    <phoneticPr fontId="2"/>
  </si>
  <si>
    <t>注文者が承諾した書面の写しを添付</t>
    <rPh sb="0" eb="3">
      <t>チュウモンシャ</t>
    </rPh>
    <rPh sb="4" eb="6">
      <t>ショウダク</t>
    </rPh>
    <rPh sb="8" eb="10">
      <t>ショメン</t>
    </rPh>
    <rPh sb="11" eb="12">
      <t>ウツ</t>
    </rPh>
    <rPh sb="14" eb="16">
      <t>テンプ</t>
    </rPh>
    <phoneticPr fontId="2"/>
  </si>
  <si>
    <t>　下請負人が指名停止期間中（山梨市）でない。　</t>
    <rPh sb="4" eb="5">
      <t>ヒト</t>
    </rPh>
    <rPh sb="16" eb="17">
      <t>シ</t>
    </rPh>
    <phoneticPr fontId="2"/>
  </si>
  <si>
    <t>受注者が指名停止期間中（山梨市）でない。　</t>
    <rPh sb="0" eb="3">
      <t>ジュチュウシャ</t>
    </rPh>
    <rPh sb="14" eb="15">
      <t>シ</t>
    </rPh>
    <phoneticPr fontId="2"/>
  </si>
  <si>
    <t>様式－１２（１）</t>
    <rPh sb="0" eb="2">
      <t>ヨウシキ</t>
    </rPh>
    <phoneticPr fontId="2"/>
  </si>
  <si>
    <t>様式－１２（２）</t>
    <phoneticPr fontId="2"/>
  </si>
  <si>
    <t>様式－１３（１）</t>
    <rPh sb="0" eb="2">
      <t>ヨウシキ</t>
    </rPh>
    <phoneticPr fontId="2"/>
  </si>
  <si>
    <t>様式－１３（２）</t>
    <rPh sb="0" eb="2">
      <t>ヨウシキ</t>
    </rPh>
    <phoneticPr fontId="2"/>
  </si>
  <si>
    <t>様式－１４</t>
    <rPh sb="0" eb="2">
      <t>ヨウシキ</t>
    </rPh>
    <phoneticPr fontId="2"/>
  </si>
  <si>
    <t>様式－15</t>
    <rPh sb="0" eb="2">
      <t>ヨウシキ</t>
    </rPh>
    <phoneticPr fontId="2"/>
  </si>
  <si>
    <t>　①施工体系図（様式－１４）</t>
    <phoneticPr fontId="2"/>
  </si>
  <si>
    <t>監理技術者名
主任技術者名</t>
    <rPh sb="0" eb="2">
      <t>カンリ</t>
    </rPh>
    <rPh sb="2" eb="5">
      <t>ギジュツシャ</t>
    </rPh>
    <rPh sb="5" eb="6">
      <t>メイ</t>
    </rPh>
    <rPh sb="7" eb="9">
      <t>シュニン</t>
    </rPh>
    <rPh sb="9" eb="12">
      <t>ギジュツシャ</t>
    </rPh>
    <rPh sb="12" eb="13">
      <t>メイ</t>
    </rPh>
    <phoneticPr fontId="2"/>
  </si>
  <si>
    <t>自　　　　年　　　月　　　日
至　　　　年　　　月　　　日　　　</t>
    <rPh sb="0" eb="1">
      <t>ジ</t>
    </rPh>
    <rPh sb="5" eb="6">
      <t>ネン</t>
    </rPh>
    <rPh sb="9" eb="10">
      <t>ガツ</t>
    </rPh>
    <rPh sb="13" eb="14">
      <t>ニチ</t>
    </rPh>
    <rPh sb="16" eb="17">
      <t>イタ</t>
    </rPh>
    <rPh sb="21" eb="22">
      <t>ネン</t>
    </rPh>
    <rPh sb="25" eb="26">
      <t>ガツ</t>
    </rPh>
    <rPh sb="29" eb="30">
      <t>ニチ</t>
    </rPh>
    <phoneticPr fontId="2"/>
  </si>
  <si>
    <t>このチェックリストは、【受発注者チェック用】の参考資料であり、受注者が作成・提出する資料ではありません。</t>
    <rPh sb="12" eb="13">
      <t>ジュ</t>
    </rPh>
    <phoneticPr fontId="2"/>
  </si>
  <si>
    <t>【施工体制台帳を作成する際に元請業者が行うこと】</t>
    <phoneticPr fontId="2"/>
  </si>
  <si>
    <t>このチェックリストは、【受注者チェック用】の参考資料であり、発注者へ提出する資料ではありません。</t>
    <rPh sb="12" eb="15">
      <t>ジュチュウシャ</t>
    </rPh>
    <rPh sb="30" eb="33">
      <t>ハッチュウシャ</t>
    </rPh>
    <phoneticPr fontId="2"/>
  </si>
  <si>
    <t>元請業者が行うこと</t>
    <rPh sb="0" eb="2">
      <t>モトウケ</t>
    </rPh>
    <rPh sb="2" eb="4">
      <t>ギョウシャ</t>
    </rPh>
    <rPh sb="5" eb="6">
      <t>オコナ</t>
    </rPh>
    <phoneticPr fontId="2"/>
  </si>
  <si>
    <t>○施工体制台帳の作成および現場への備え置き（建設業法第２４条の７第１項）</t>
  </si>
  <si>
    <t>　　　・元請負人と発注者との契約書の写し</t>
  </si>
  <si>
    <t>　　　・元請負人と下請負人との契約書の写し</t>
  </si>
  <si>
    <t>　　　・元請負人の主任技術者（又は監理技術者、監理技術者補佐）が、その資格を有することを証する書面の写し</t>
    <phoneticPr fontId="2"/>
  </si>
  <si>
    <t>　　　・元請負人の主任技術者（又は監理技術者、監理技術者補佐）が、雇用期間を特に限定することなく雇用されている者であることを証する書面の写し</t>
    <phoneticPr fontId="2"/>
  </si>
  <si>
    <t>　　　・専門技術者を配置する場合、その者がその資格を有することを証する書面の写し</t>
  </si>
  <si>
    <t>　　　・専門技術者を配置する場合、その者が雇用期間を特に限定することなく雇用されている者であることを証する書面の写し</t>
    <phoneticPr fontId="2"/>
  </si>
  <si>
    <t>　○施工体系図の作成及び見やすい場所への掲示（建設業法第２４条の７第４項）</t>
  </si>
  <si>
    <t>　○次に掲げる事項を下請負人に通知するとともに、当該事項を記載した書面の現場への掲示</t>
  </si>
  <si>
    <t>　　　（建設業法施行規則第１４条の３）</t>
  </si>
  <si>
    <t>　　　・元請負人の商号又は名称</t>
  </si>
  <si>
    <t>　　　・再下請通知を行わなければならない旨と再下請け通知を提出すべき場所</t>
  </si>
  <si>
    <t>添付が不要な書類の例（受注者で別途整理しておけば良い）</t>
    <rPh sb="0" eb="2">
      <t>テンプ</t>
    </rPh>
    <rPh sb="3" eb="5">
      <t>フヨウ</t>
    </rPh>
    <rPh sb="6" eb="8">
      <t>ショルイ</t>
    </rPh>
    <rPh sb="9" eb="10">
      <t>レイ</t>
    </rPh>
    <rPh sb="11" eb="14">
      <t>ジュチュウシャ</t>
    </rPh>
    <rPh sb="15" eb="17">
      <t>ベット</t>
    </rPh>
    <rPh sb="17" eb="19">
      <t>セイリ</t>
    </rPh>
    <rPh sb="24" eb="25">
      <t>ヨ</t>
    </rPh>
    <phoneticPr fontId="2"/>
  </si>
  <si>
    <r>
      <t>　　　施工体制台帳（作業員名簿含む）に添付する書類は次のとおり（建設業法施行規則第１４条の２第２項）</t>
    </r>
    <r>
      <rPr>
        <sz val="12"/>
        <color rgb="FFFF0000"/>
        <rFont val="ＭＳ Ｐゴシック"/>
        <family val="3"/>
        <charset val="128"/>
      </rPr>
      <t>　※建設業法施行規則改正（令和2年10月1日施行）により、「作業員名簿」が施工体制台帳の一部となった</t>
    </r>
    <rPh sb="10" eb="13">
      <t>サギョウイン</t>
    </rPh>
    <rPh sb="13" eb="15">
      <t>メイボ</t>
    </rPh>
    <rPh sb="15" eb="16">
      <t>フク</t>
    </rPh>
    <rPh sb="52" eb="55">
      <t>ケンセツギョウ</t>
    </rPh>
    <rPh sb="55" eb="56">
      <t>ホウ</t>
    </rPh>
    <rPh sb="56" eb="58">
      <t>セコウ</t>
    </rPh>
    <rPh sb="58" eb="60">
      <t>キソク</t>
    </rPh>
    <rPh sb="60" eb="62">
      <t>カイセイ</t>
    </rPh>
    <rPh sb="63" eb="65">
      <t>レイワ</t>
    </rPh>
    <rPh sb="66" eb="67">
      <t>ネン</t>
    </rPh>
    <rPh sb="69" eb="70">
      <t>ガツ</t>
    </rPh>
    <rPh sb="71" eb="72">
      <t>ヒ</t>
    </rPh>
    <rPh sb="72" eb="74">
      <t>セコウ</t>
    </rPh>
    <rPh sb="80" eb="83">
      <t>サギョウイン</t>
    </rPh>
    <rPh sb="83" eb="85">
      <t>メイボ</t>
    </rPh>
    <rPh sb="87" eb="89">
      <t>セコウ</t>
    </rPh>
    <rPh sb="89" eb="91">
      <t>タイセイ</t>
    </rPh>
    <rPh sb="91" eb="93">
      <t>ダイチョウ</t>
    </rPh>
    <rPh sb="94" eb="96">
      <t>イチブ</t>
    </rPh>
    <phoneticPr fontId="2"/>
  </si>
  <si>
    <t>特定専門工事（型枠工事又は鉄筋工事）であって、下請契約額の総額が4,000万円未満であり、元請け（又は上位下請）及び当該下請が</t>
    <phoneticPr fontId="2"/>
  </si>
  <si>
    <t>特定専門工事の元請負人（上位下請）がこれを施工するために締結した下請契約の請負代金の額が4,000万円未満である。</t>
    <rPh sb="0" eb="2">
      <t>トクテイ</t>
    </rPh>
    <rPh sb="2" eb="4">
      <t>センモン</t>
    </rPh>
    <rPh sb="4" eb="6">
      <t>コウジ</t>
    </rPh>
    <rPh sb="7" eb="8">
      <t>モト</t>
    </rPh>
    <rPh sb="8" eb="10">
      <t>ウケオイ</t>
    </rPh>
    <rPh sb="10" eb="11">
      <t>ニン</t>
    </rPh>
    <rPh sb="12" eb="14">
      <t>ジョウイ</t>
    </rPh>
    <rPh sb="14" eb="16">
      <t>シタウ</t>
    </rPh>
    <rPh sb="21" eb="23">
      <t>セコウ</t>
    </rPh>
    <rPh sb="28" eb="30">
      <t>テイケツ</t>
    </rPh>
    <rPh sb="32" eb="34">
      <t>シタウケ</t>
    </rPh>
    <rPh sb="34" eb="36">
      <t>ケイヤク</t>
    </rPh>
    <rPh sb="37" eb="39">
      <t>ウケオイ</t>
    </rPh>
    <rPh sb="39" eb="41">
      <t>ダイキン</t>
    </rPh>
    <rPh sb="42" eb="43">
      <t>ガク</t>
    </rPh>
    <phoneticPr fontId="2"/>
  </si>
  <si>
    <t>　施工体制台帳、施工体系図に必要事項が誤りなく記載されている。</t>
    <rPh sb="1" eb="3">
      <t>セコウ</t>
    </rPh>
    <rPh sb="3" eb="5">
      <t>タイセイ</t>
    </rPh>
    <rPh sb="5" eb="7">
      <t>ダイチョウ</t>
    </rPh>
    <rPh sb="8" eb="10">
      <t>セコウ</t>
    </rPh>
    <rPh sb="10" eb="13">
      <t>タイケイズ</t>
    </rPh>
    <rPh sb="14" eb="16">
      <t>ヒツヨウ</t>
    </rPh>
    <rPh sb="16" eb="18">
      <t>ジコウ</t>
    </rPh>
    <rPh sb="19" eb="20">
      <t>アヤマ</t>
    </rPh>
    <rPh sb="23" eb="25">
      <t>キサイ</t>
    </rPh>
    <phoneticPr fontId="2"/>
  </si>
  <si>
    <t>　②施工体制台帳の写し（様式－１２）</t>
    <rPh sb="9" eb="10">
      <t>ウツ</t>
    </rPh>
    <phoneticPr fontId="2"/>
  </si>
  <si>
    <t>　③元請負人の当該建設工事の従事者に関する事項（作業員名簿等）</t>
    <rPh sb="2" eb="3">
      <t>モト</t>
    </rPh>
    <rPh sb="3" eb="5">
      <t>ウケオイ</t>
    </rPh>
    <rPh sb="5" eb="6">
      <t>ニン</t>
    </rPh>
    <rPh sb="7" eb="9">
      <t>トウガイ</t>
    </rPh>
    <rPh sb="9" eb="11">
      <t>ケンセツ</t>
    </rPh>
    <rPh sb="11" eb="13">
      <t>コウジ</t>
    </rPh>
    <rPh sb="14" eb="17">
      <t>ジュウジシャ</t>
    </rPh>
    <rPh sb="18" eb="19">
      <t>カン</t>
    </rPh>
    <rPh sb="21" eb="23">
      <t>ジコウ</t>
    </rPh>
    <rPh sb="24" eb="27">
      <t>サギョウイン</t>
    </rPh>
    <rPh sb="27" eb="29">
      <t>メイボ</t>
    </rPh>
    <rPh sb="29" eb="30">
      <t>トウ</t>
    </rPh>
    <phoneticPr fontId="2"/>
  </si>
  <si>
    <t>　④下請負契約書の写し（２次以下の下請負契約も含む）</t>
    <rPh sb="2" eb="3">
      <t>シタ</t>
    </rPh>
    <rPh sb="3" eb="5">
      <t>ウケオイ</t>
    </rPh>
    <rPh sb="5" eb="8">
      <t>ケイヤクショ</t>
    </rPh>
    <rPh sb="9" eb="10">
      <t>ウツ</t>
    </rPh>
    <rPh sb="13" eb="16">
      <t>ジイカ</t>
    </rPh>
    <rPh sb="17" eb="18">
      <t>シタ</t>
    </rPh>
    <rPh sb="18" eb="20">
      <t>ウケオイ</t>
    </rPh>
    <rPh sb="20" eb="22">
      <t>ケイヤク</t>
    </rPh>
    <rPh sb="23" eb="24">
      <t>フク</t>
    </rPh>
    <phoneticPr fontId="2"/>
  </si>
  <si>
    <t>　⑥再下請負通知書の写し（様式－１３）（再下請負契約がある場合）</t>
    <rPh sb="2" eb="3">
      <t>サイ</t>
    </rPh>
    <rPh sb="3" eb="6">
      <t>シタウケオイ</t>
    </rPh>
    <rPh sb="6" eb="9">
      <t>ツウチショ</t>
    </rPh>
    <rPh sb="10" eb="11">
      <t>ウツ</t>
    </rPh>
    <rPh sb="13" eb="15">
      <t>ヨウシキ</t>
    </rPh>
    <rPh sb="20" eb="21">
      <t>サイ</t>
    </rPh>
    <rPh sb="21" eb="24">
      <t>シタウケオイ</t>
    </rPh>
    <rPh sb="24" eb="26">
      <t>ケイヤク</t>
    </rPh>
    <rPh sb="29" eb="31">
      <t>バアイ</t>
    </rPh>
    <phoneticPr fontId="2"/>
  </si>
  <si>
    <t>　⑤下請負人の当該建設工事の従事者に関する事項（作業員名簿等）（２次以下の下請負契約も含む）</t>
    <rPh sb="2" eb="6">
      <t>シタウケオイニン</t>
    </rPh>
    <rPh sb="7" eb="9">
      <t>トウガイ</t>
    </rPh>
    <rPh sb="9" eb="11">
      <t>ケンセツ</t>
    </rPh>
    <rPh sb="11" eb="13">
      <t>コウジ</t>
    </rPh>
    <rPh sb="14" eb="17">
      <t>ジュウジシャ</t>
    </rPh>
    <rPh sb="18" eb="19">
      <t>カン</t>
    </rPh>
    <rPh sb="21" eb="23">
      <t>ジコウ</t>
    </rPh>
    <rPh sb="24" eb="27">
      <t>サギョウイン</t>
    </rPh>
    <rPh sb="27" eb="29">
      <t>メイボ</t>
    </rPh>
    <rPh sb="29" eb="30">
      <t>トウ</t>
    </rPh>
    <rPh sb="33" eb="36">
      <t>ジイカ</t>
    </rPh>
    <rPh sb="37" eb="40">
      <t>シタウケオイ</t>
    </rPh>
    <rPh sb="40" eb="42">
      <t>ケイヤク</t>
    </rPh>
    <rPh sb="43" eb="44">
      <t>フク</t>
    </rPh>
    <phoneticPr fontId="2"/>
  </si>
  <si>
    <t>　⑦特定専門工事における当該下請けに主任技術者を配置しないことの合意書の写し</t>
    <rPh sb="12" eb="14">
      <t>トウガイ</t>
    </rPh>
    <rPh sb="14" eb="16">
      <t>シタウ</t>
    </rPh>
    <rPh sb="18" eb="20">
      <t>シュニン</t>
    </rPh>
    <rPh sb="20" eb="23">
      <t>ギジュツシャ</t>
    </rPh>
    <rPh sb="24" eb="26">
      <t>ハイチ</t>
    </rPh>
    <rPh sb="34" eb="35">
      <t>ショ</t>
    </rPh>
    <rPh sb="36" eb="37">
      <t>ウツ</t>
    </rPh>
    <phoneticPr fontId="2"/>
  </si>
  <si>
    <t>　⑧特定専門工事において当該下請けに主任技術者を配置しないことを注文者が承諾した書面の写し</t>
    <rPh sb="32" eb="34">
      <t>チュウモン</t>
    </rPh>
    <rPh sb="34" eb="35">
      <t>シャ</t>
    </rPh>
    <rPh sb="36" eb="38">
      <t>ショウダク</t>
    </rPh>
    <rPh sb="40" eb="42">
      <t>ショメン</t>
    </rPh>
    <rPh sb="43" eb="44">
      <t>ウツ</t>
    </rPh>
    <phoneticPr fontId="2"/>
  </si>
  <si>
    <t>（特定専門工事があり、当該下請けに主任技術者を配置しない場合）</t>
    <phoneticPr fontId="2"/>
  </si>
  <si>
    <t>　※発注者に提出すべき書類は、下請負契約状況に応じて異なります。「（参考）発注者に提出すべき書類」を参考にしてください。</t>
    <rPh sb="2" eb="5">
      <t>ハッチュウシャ</t>
    </rPh>
    <rPh sb="6" eb="8">
      <t>テイシュツ</t>
    </rPh>
    <rPh sb="11" eb="13">
      <t>ショルイ</t>
    </rPh>
    <rPh sb="15" eb="16">
      <t>シタ</t>
    </rPh>
    <rPh sb="16" eb="18">
      <t>ウケオイ</t>
    </rPh>
    <rPh sb="18" eb="20">
      <t>ケイヤク</t>
    </rPh>
    <rPh sb="20" eb="22">
      <t>ジョウキョウ</t>
    </rPh>
    <rPh sb="23" eb="24">
      <t>オウ</t>
    </rPh>
    <rPh sb="26" eb="27">
      <t>コト</t>
    </rPh>
    <rPh sb="34" eb="36">
      <t>サンコウ</t>
    </rPh>
    <rPh sb="37" eb="40">
      <t>ハッチュウシャ</t>
    </rPh>
    <rPh sb="41" eb="43">
      <t>テイシュツ</t>
    </rPh>
    <rPh sb="46" eb="48">
      <t>ショルイ</t>
    </rPh>
    <rPh sb="50" eb="52">
      <t>サンコウ</t>
    </rPh>
    <phoneticPr fontId="2"/>
  </si>
  <si>
    <t>（元請業者は）施工体系図を更新した。</t>
    <rPh sb="1" eb="3">
      <t>モトウケ</t>
    </rPh>
    <rPh sb="3" eb="5">
      <t>ギョウシャ</t>
    </rPh>
    <rPh sb="7" eb="9">
      <t>セコウ</t>
    </rPh>
    <rPh sb="9" eb="12">
      <t>タイケイズ</t>
    </rPh>
    <rPh sb="13" eb="15">
      <t>コウシン</t>
    </rPh>
    <phoneticPr fontId="2"/>
  </si>
  <si>
    <r>
      <t>１件の下請負契約金額、あるいは複数の下請負契約額の総額が5,000</t>
    </r>
    <r>
      <rPr>
        <sz val="14"/>
        <color theme="1"/>
        <rFont val="ＭＳ Ｐゴシック"/>
        <family val="3"/>
        <charset val="128"/>
      </rPr>
      <t>万円</t>
    </r>
    <r>
      <rPr>
        <sz val="14"/>
        <rFont val="ＭＳ Ｐゴシック"/>
        <family val="3"/>
        <charset val="128"/>
      </rPr>
      <t>(建築工事の場合8</t>
    </r>
    <r>
      <rPr>
        <sz val="14"/>
        <color theme="1"/>
        <rFont val="ＭＳ Ｐゴシック"/>
        <family val="3"/>
        <charset val="128"/>
      </rPr>
      <t>,000万円</t>
    </r>
    <r>
      <rPr>
        <sz val="14"/>
        <rFont val="ＭＳ Ｐゴシック"/>
        <family val="3"/>
        <charset val="128"/>
      </rPr>
      <t>)以上の場合</t>
    </r>
    <phoneticPr fontId="2"/>
  </si>
  <si>
    <t>下請負人が締結した工事である。または、元請負人が締結した工事の場合、特定専門工事の有無によらず、発注者から直接建設工事を請け負った元請負人が締結した一次下請け契約の請負代金の総額が5,000万円未満である。</t>
    <rPh sb="0" eb="4">
      <t>シタウケオイニン</t>
    </rPh>
    <rPh sb="5" eb="7">
      <t>テイケツ</t>
    </rPh>
    <rPh sb="9" eb="11">
      <t>コウジ</t>
    </rPh>
    <rPh sb="19" eb="23">
      <t>モトウケオイニン</t>
    </rPh>
    <rPh sb="24" eb="26">
      <t>テイケツ</t>
    </rPh>
    <rPh sb="28" eb="30">
      <t>コウジ</t>
    </rPh>
    <rPh sb="31" eb="33">
      <t>バアイ</t>
    </rPh>
    <rPh sb="34" eb="36">
      <t>トクテイ</t>
    </rPh>
    <rPh sb="36" eb="38">
      <t>センモン</t>
    </rPh>
    <rPh sb="38" eb="40">
      <t>コウジ</t>
    </rPh>
    <rPh sb="41" eb="43">
      <t>ユウム</t>
    </rPh>
    <rPh sb="48" eb="51">
      <t>ハッチュウシャ</t>
    </rPh>
    <rPh sb="53" eb="55">
      <t>チョクセツ</t>
    </rPh>
    <rPh sb="55" eb="57">
      <t>ケンセツ</t>
    </rPh>
    <rPh sb="57" eb="59">
      <t>コウジ</t>
    </rPh>
    <rPh sb="60" eb="61">
      <t>ウ</t>
    </rPh>
    <rPh sb="62" eb="63">
      <t>オ</t>
    </rPh>
    <rPh sb="65" eb="66">
      <t>モト</t>
    </rPh>
    <rPh sb="66" eb="68">
      <t>ウケオイ</t>
    </rPh>
    <rPh sb="68" eb="69">
      <t>ニン</t>
    </rPh>
    <rPh sb="70" eb="72">
      <t>テイケツ</t>
    </rPh>
    <rPh sb="74" eb="76">
      <t>イチジ</t>
    </rPh>
    <rPh sb="76" eb="78">
      <t>シタウ</t>
    </rPh>
    <rPh sb="79" eb="81">
      <t>ケイヤク</t>
    </rPh>
    <rPh sb="82" eb="84">
      <t>ウケオイ</t>
    </rPh>
    <rPh sb="84" eb="86">
      <t>ダイキン</t>
    </rPh>
    <rPh sb="87" eb="88">
      <t>ソウ</t>
    </rPh>
    <rPh sb="88" eb="89">
      <t>ガク</t>
    </rPh>
    <rPh sb="95" eb="97">
      <t>マンエン</t>
    </rPh>
    <rPh sb="97" eb="99">
      <t>ミマン</t>
    </rPh>
    <phoneticPr fontId="2"/>
  </si>
  <si>
    <t>特定専門工事（型枠工事又は鉄筋工事）であって、下請契約額の総額が4,500万円未満であり、元請け（又は上位下請）及び当該下請が書面により合意した場合は、</t>
    <rPh sb="0" eb="2">
      <t>トクテイ</t>
    </rPh>
    <rPh sb="2" eb="4">
      <t>センモン</t>
    </rPh>
    <rPh sb="4" eb="6">
      <t>コウジ</t>
    </rPh>
    <rPh sb="7" eb="9">
      <t>カタワク</t>
    </rPh>
    <rPh sb="9" eb="11">
      <t>コウジ</t>
    </rPh>
    <rPh sb="11" eb="12">
      <t>マタ</t>
    </rPh>
    <rPh sb="13" eb="15">
      <t>テッキン</t>
    </rPh>
    <rPh sb="15" eb="17">
      <t>コウジ</t>
    </rPh>
    <rPh sb="23" eb="25">
      <t>シタウ</t>
    </rPh>
    <rPh sb="25" eb="27">
      <t>ケイヤク</t>
    </rPh>
    <rPh sb="27" eb="28">
      <t>ガク</t>
    </rPh>
    <rPh sb="29" eb="31">
      <t>ソウガク</t>
    </rPh>
    <rPh sb="37" eb="38">
      <t>マン</t>
    </rPh>
    <rPh sb="38" eb="39">
      <t>エン</t>
    </rPh>
    <rPh sb="39" eb="41">
      <t>ミマン</t>
    </rPh>
    <phoneticPr fontId="2"/>
  </si>
  <si>
    <t>一号特定技能外国人の
従事の状況（有無）</t>
    <rPh sb="0" eb="2">
      <t>イチゴウ</t>
    </rPh>
    <rPh sb="2" eb="4">
      <t>トクテイ</t>
    </rPh>
    <rPh sb="4" eb="6">
      <t>ギノウ</t>
    </rPh>
    <rPh sb="6" eb="9">
      <t>ガイコクジン</t>
    </rPh>
    <rPh sb="11" eb="13">
      <t>ジュウジ</t>
    </rPh>
    <rPh sb="14" eb="16">
      <t>ジョウキョウ</t>
    </rPh>
    <rPh sb="17" eb="19">
      <t>ウム</t>
    </rPh>
    <phoneticPr fontId="2"/>
  </si>
  <si>
    <t>外国人技能実習生の
従事の状況(有無)</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5" formatCode="&quot;¥&quot;#,##0;&quot;¥&quot;\-#,##0"/>
  </numFmts>
  <fonts count="69" x14ac:knownFonts="1">
    <font>
      <sz val="11"/>
      <name val="ＭＳ Ｐゴシック"/>
      <family val="3"/>
      <charset val="128"/>
    </font>
    <font>
      <sz val="11"/>
      <name val="ＭＳ Ｐゴシック"/>
      <family val="3"/>
      <charset val="128"/>
    </font>
    <font>
      <sz val="6"/>
      <name val="ＭＳ Ｐゴシック"/>
      <family val="3"/>
      <charset val="128"/>
    </font>
    <font>
      <b/>
      <sz val="14"/>
      <name val="ＭＳ Ｐゴシック"/>
      <family val="3"/>
      <charset val="128"/>
    </font>
    <font>
      <sz val="12"/>
      <name val="ＭＳ Ｐゴシック"/>
      <family val="3"/>
      <charset val="128"/>
    </font>
    <font>
      <b/>
      <sz val="12"/>
      <name val="ＭＳ Ｐゴシック"/>
      <family val="3"/>
      <charset val="128"/>
    </font>
    <font>
      <b/>
      <sz val="16"/>
      <name val="ＭＳ Ｐゴシック"/>
      <family val="3"/>
      <charset val="128"/>
    </font>
    <font>
      <b/>
      <sz val="11"/>
      <name val="ＭＳ Ｐゴシック"/>
      <family val="3"/>
      <charset val="128"/>
    </font>
    <font>
      <sz val="9"/>
      <name val="ＭＳ Ｐゴシック"/>
      <family val="3"/>
      <charset val="128"/>
    </font>
    <font>
      <sz val="10"/>
      <name val="ＭＳ Ｐゴシック"/>
      <family val="3"/>
      <charset val="128"/>
    </font>
    <font>
      <sz val="13"/>
      <name val="ＭＳ Ｐゴシック"/>
      <family val="3"/>
      <charset val="128"/>
    </font>
    <font>
      <b/>
      <sz val="18"/>
      <name val="ＭＳ Ｐゴシック"/>
      <family val="3"/>
      <charset val="128"/>
    </font>
    <font>
      <sz val="14"/>
      <name val="ＭＳ Ｐゴシック"/>
      <family val="3"/>
      <charset val="128"/>
    </font>
    <font>
      <sz val="11"/>
      <name val="ＭＳ 明朝"/>
      <family val="1"/>
      <charset val="128"/>
    </font>
    <font>
      <sz val="12"/>
      <name val="ＭＳ 明朝"/>
      <family val="1"/>
      <charset val="128"/>
    </font>
    <font>
      <sz val="10"/>
      <name val="ＭＳ 明朝"/>
      <family val="1"/>
      <charset val="128"/>
    </font>
    <font>
      <sz val="11"/>
      <name val="ＭＳ Ｐ明朝"/>
      <family val="1"/>
      <charset val="128"/>
    </font>
    <font>
      <sz val="16"/>
      <name val="ＭＳ Ｐゴシック"/>
      <family val="3"/>
      <charset val="128"/>
    </font>
    <font>
      <sz val="16"/>
      <name val="ＭＳ Ｐ明朝"/>
      <family val="1"/>
      <charset val="128"/>
    </font>
    <font>
      <sz val="9"/>
      <name val="ＭＳ Ｐ明朝"/>
      <family val="1"/>
      <charset val="128"/>
    </font>
    <font>
      <b/>
      <sz val="24"/>
      <name val="ＭＳ Ｐ明朝"/>
      <family val="1"/>
      <charset val="128"/>
    </font>
    <font>
      <sz val="10"/>
      <name val="ＭＳ Ｐ明朝"/>
      <family val="1"/>
      <charset val="128"/>
    </font>
    <font>
      <sz val="6"/>
      <name val="ＭＳ Ｐ明朝"/>
      <family val="1"/>
      <charset val="128"/>
    </font>
    <font>
      <sz val="9"/>
      <color rgb="FFFF0000"/>
      <name val="ＭＳ 明朝"/>
      <family val="1"/>
      <charset val="128"/>
    </font>
    <font>
      <sz val="14"/>
      <color rgb="FFFF0000"/>
      <name val="ＭＳ Ｐゴシック"/>
      <family val="3"/>
      <charset val="128"/>
    </font>
    <font>
      <sz val="11"/>
      <color rgb="FFFF0000"/>
      <name val="ＭＳ Ｐゴシック"/>
      <family val="3"/>
      <charset val="128"/>
    </font>
    <font>
      <sz val="11"/>
      <color theme="1"/>
      <name val="ＭＳ ゴシック"/>
      <family val="3"/>
      <charset val="128"/>
    </font>
    <font>
      <sz val="8.5"/>
      <color theme="1"/>
      <name val="ＭＳ 明朝"/>
      <family val="1"/>
      <charset val="128"/>
    </font>
    <font>
      <sz val="11"/>
      <color theme="1"/>
      <name val="ＭＳ 明朝"/>
      <family val="1"/>
      <charset val="128"/>
    </font>
    <font>
      <sz val="10.5"/>
      <color theme="1"/>
      <name val="ＭＳ 明朝"/>
      <family val="1"/>
      <charset val="128"/>
    </font>
    <font>
      <sz val="9.5"/>
      <color theme="1"/>
      <name val="ＭＳ 明朝"/>
      <family val="1"/>
      <charset val="128"/>
    </font>
    <font>
      <sz val="9"/>
      <color theme="1"/>
      <name val="ＭＳ 明朝"/>
      <family val="1"/>
      <charset val="128"/>
    </font>
    <font>
      <sz val="10"/>
      <color theme="1"/>
      <name val="ＭＳ 明朝"/>
      <family val="1"/>
      <charset val="128"/>
    </font>
    <font>
      <sz val="11"/>
      <color theme="1"/>
      <name val="ＭＳ Ｐゴシック"/>
      <family val="3"/>
      <charset val="128"/>
    </font>
    <font>
      <sz val="12"/>
      <color theme="1"/>
      <name val="ＭＳ 明朝"/>
      <family val="1"/>
      <charset val="128"/>
    </font>
    <font>
      <sz val="16"/>
      <color theme="1"/>
      <name val="ＭＳ 明朝"/>
      <family val="1"/>
      <charset val="128"/>
    </font>
    <font>
      <b/>
      <sz val="16"/>
      <color theme="1"/>
      <name val="ＭＳ 明朝"/>
      <family val="1"/>
      <charset val="128"/>
    </font>
    <font>
      <sz val="8"/>
      <color theme="1"/>
      <name val="ＭＳ Ｐ明朝"/>
      <family val="1"/>
      <charset val="128"/>
    </font>
    <font>
      <sz val="10"/>
      <color theme="1"/>
      <name val="ＭＳ Ｐ明朝"/>
      <family val="1"/>
      <charset val="128"/>
    </font>
    <font>
      <sz val="12"/>
      <color theme="1"/>
      <name val="ＭＳ Ｐ明朝"/>
      <family val="1"/>
      <charset val="128"/>
    </font>
    <font>
      <sz val="28"/>
      <color theme="1"/>
      <name val="ＭＳ Ｐ明朝"/>
      <family val="1"/>
      <charset val="128"/>
    </font>
    <font>
      <sz val="16"/>
      <color theme="1"/>
      <name val="ＭＳ Ｐ明朝"/>
      <family val="1"/>
      <charset val="128"/>
    </font>
    <font>
      <sz val="9"/>
      <color theme="1"/>
      <name val="ＭＳ Ｐ明朝"/>
      <family val="1"/>
      <charset val="128"/>
    </font>
    <font>
      <sz val="10"/>
      <color rgb="FFFF0000"/>
      <name val="ＭＳ 明朝"/>
      <family val="1"/>
      <charset val="128"/>
    </font>
    <font>
      <sz val="10"/>
      <color rgb="FFFF0000"/>
      <name val="ＭＳ Ｐゴシック"/>
      <family val="3"/>
      <charset val="128"/>
    </font>
    <font>
      <sz val="9"/>
      <name val="ＭＳ 明朝"/>
      <family val="1"/>
      <charset val="128"/>
    </font>
    <font>
      <sz val="8"/>
      <name val="ＭＳ 明朝"/>
      <family val="1"/>
      <charset val="128"/>
    </font>
    <font>
      <b/>
      <sz val="10"/>
      <name val="ＭＳ 明朝"/>
      <family val="1"/>
      <charset val="128"/>
    </font>
    <font>
      <sz val="9"/>
      <name val="ＭＳ ゴシック"/>
      <family val="3"/>
      <charset val="128"/>
    </font>
    <font>
      <b/>
      <sz val="12"/>
      <name val="ＭＳ 明朝"/>
      <family val="1"/>
      <charset val="128"/>
    </font>
    <font>
      <b/>
      <sz val="18"/>
      <name val="ＭＳ 明朝"/>
      <family val="1"/>
      <charset val="128"/>
    </font>
    <font>
      <sz val="11"/>
      <color theme="1"/>
      <name val="ＭＳ Ｐゴシック"/>
      <family val="3"/>
      <charset val="128"/>
      <scheme val="minor"/>
    </font>
    <font>
      <sz val="8"/>
      <name val="ＭＳ Ｐゴシック"/>
      <family val="3"/>
      <charset val="128"/>
    </font>
    <font>
      <sz val="5"/>
      <name val="ＭＳ Ｐゴシック"/>
      <family val="3"/>
      <charset val="128"/>
    </font>
    <font>
      <sz val="7"/>
      <name val="ＭＳ Ｐゴシック"/>
      <family val="3"/>
      <charset val="128"/>
    </font>
    <font>
      <sz val="14"/>
      <color theme="1"/>
      <name val="ＭＳ Ｐゴシック"/>
      <family val="3"/>
      <charset val="128"/>
    </font>
    <font>
      <b/>
      <sz val="14"/>
      <color theme="1"/>
      <name val="ＭＳ Ｐゴシック"/>
      <family val="3"/>
      <charset val="128"/>
    </font>
    <font>
      <b/>
      <sz val="13"/>
      <color theme="1"/>
      <name val="ＭＳ Ｐゴシック"/>
      <family val="3"/>
      <charset val="128"/>
    </font>
    <font>
      <sz val="13"/>
      <color theme="1"/>
      <name val="ＭＳ Ｐゴシック"/>
      <family val="3"/>
      <charset val="128"/>
    </font>
    <font>
      <b/>
      <sz val="16"/>
      <color theme="1"/>
      <name val="ＭＳ Ｐゴシック"/>
      <family val="3"/>
      <charset val="128"/>
    </font>
    <font>
      <b/>
      <sz val="12"/>
      <color theme="1"/>
      <name val="ＭＳ Ｐゴシック"/>
      <family val="3"/>
      <charset val="128"/>
    </font>
    <font>
      <sz val="9"/>
      <color theme="1"/>
      <name val="ＭＳ Ｐゴシック"/>
      <family val="3"/>
      <charset val="128"/>
    </font>
    <font>
      <sz val="10"/>
      <color theme="1"/>
      <name val="ＭＳ Ｐゴシック"/>
      <family val="3"/>
      <charset val="128"/>
    </font>
    <font>
      <sz val="16"/>
      <color rgb="FFFF0000"/>
      <name val="ＭＳ Ｐゴシック"/>
      <family val="3"/>
      <charset val="128"/>
    </font>
    <font>
      <strike/>
      <sz val="14"/>
      <name val="ＭＳ Ｐゴシック"/>
      <family val="3"/>
      <charset val="128"/>
    </font>
    <font>
      <b/>
      <sz val="18"/>
      <color rgb="FFFF0000"/>
      <name val="ＭＳ Ｐゴシック"/>
      <family val="3"/>
      <charset val="128"/>
    </font>
    <font>
      <b/>
      <sz val="16"/>
      <color rgb="FFFF0000"/>
      <name val="ＭＳ Ｐゴシック"/>
      <family val="3"/>
      <charset val="128"/>
    </font>
    <font>
      <sz val="13"/>
      <color rgb="FFFF0000"/>
      <name val="ＭＳ Ｐゴシック"/>
      <family val="3"/>
      <charset val="128"/>
    </font>
    <font>
      <sz val="12"/>
      <color rgb="FFFF0000"/>
      <name val="ＭＳ Ｐゴシック"/>
      <family val="3"/>
      <charset val="128"/>
    </font>
  </fonts>
  <fills count="6">
    <fill>
      <patternFill patternType="none"/>
    </fill>
    <fill>
      <patternFill patternType="gray125"/>
    </fill>
    <fill>
      <patternFill patternType="solid">
        <fgColor indexed="22"/>
        <bgColor indexed="64"/>
      </patternFill>
    </fill>
    <fill>
      <patternFill patternType="solid">
        <fgColor indexed="9"/>
        <bgColor indexed="64"/>
      </patternFill>
    </fill>
    <fill>
      <patternFill patternType="solid">
        <fgColor theme="0"/>
        <bgColor indexed="64"/>
      </patternFill>
    </fill>
    <fill>
      <patternFill patternType="solid">
        <fgColor indexed="65"/>
        <bgColor indexed="42"/>
      </patternFill>
    </fill>
  </fills>
  <borders count="149">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double">
        <color indexed="64"/>
      </left>
      <right/>
      <top style="double">
        <color indexed="64"/>
      </top>
      <bottom style="thin">
        <color indexed="64"/>
      </bottom>
      <diagonal/>
    </border>
    <border>
      <left style="double">
        <color indexed="64"/>
      </left>
      <right style="hair">
        <color indexed="64"/>
      </right>
      <top/>
      <bottom/>
      <diagonal/>
    </border>
    <border>
      <left style="hair">
        <color indexed="64"/>
      </left>
      <right/>
      <top/>
      <bottom style="hair">
        <color indexed="64"/>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top style="hair">
        <color indexed="64"/>
      </top>
      <bottom/>
      <diagonal/>
    </border>
    <border>
      <left style="hair">
        <color indexed="64"/>
      </left>
      <right/>
      <top/>
      <bottom/>
      <diagonal/>
    </border>
    <border>
      <left style="hair">
        <color indexed="64"/>
      </left>
      <right/>
      <top/>
      <bottom style="double">
        <color indexed="64"/>
      </bottom>
      <diagonal/>
    </border>
    <border>
      <left/>
      <right style="hair">
        <color indexed="64"/>
      </right>
      <top/>
      <bottom style="double">
        <color indexed="64"/>
      </bottom>
      <diagonal/>
    </border>
    <border>
      <left style="double">
        <color indexed="64"/>
      </left>
      <right/>
      <top style="double">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style="hair">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right style="double">
        <color indexed="64"/>
      </right>
      <top style="hair">
        <color indexed="64"/>
      </top>
      <bottom style="hair">
        <color indexed="64"/>
      </bottom>
      <diagonal/>
    </border>
    <border>
      <left style="hair">
        <color indexed="64"/>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hair">
        <color indexed="64"/>
      </right>
      <top style="hair">
        <color indexed="64"/>
      </top>
      <bottom/>
      <diagonal/>
    </border>
    <border>
      <left/>
      <right/>
      <top style="hair">
        <color indexed="64"/>
      </top>
      <bottom/>
      <diagonal/>
    </border>
    <border>
      <left/>
      <right style="double">
        <color indexed="64"/>
      </right>
      <top style="hair">
        <color indexed="64"/>
      </top>
      <bottom/>
      <diagonal/>
    </border>
    <border>
      <left/>
      <right/>
      <top/>
      <bottom style="hair">
        <color indexed="64"/>
      </bottom>
      <diagonal/>
    </border>
    <border>
      <left style="hair">
        <color indexed="64"/>
      </left>
      <right style="thin">
        <color indexed="64"/>
      </right>
      <top style="double">
        <color indexed="64"/>
      </top>
      <bottom/>
      <diagonal/>
    </border>
    <border>
      <left style="thin">
        <color indexed="64"/>
      </left>
      <right style="thin">
        <color indexed="64"/>
      </right>
      <top style="double">
        <color indexed="64"/>
      </top>
      <bottom/>
      <diagonal/>
    </border>
    <border>
      <left style="thin">
        <color indexed="64"/>
      </left>
      <right style="hair">
        <color indexed="64"/>
      </right>
      <top style="double">
        <color indexed="64"/>
      </top>
      <bottom/>
      <diagonal/>
    </border>
    <border>
      <left style="hair">
        <color indexed="64"/>
      </left>
      <right/>
      <top style="double">
        <color indexed="64"/>
      </top>
      <bottom/>
      <diagonal/>
    </border>
    <border>
      <left/>
      <right/>
      <top style="thin">
        <color indexed="64"/>
      </top>
      <bottom style="hair">
        <color indexed="64"/>
      </bottom>
      <diagonal/>
    </border>
    <border>
      <left style="hair">
        <color indexed="64"/>
      </left>
      <right/>
      <top style="thin">
        <color indexed="64"/>
      </top>
      <bottom style="hair">
        <color indexed="64"/>
      </bottom>
      <diagonal/>
    </border>
    <border>
      <left/>
      <right style="double">
        <color indexed="64"/>
      </right>
      <top style="thin">
        <color indexed="64"/>
      </top>
      <bottom style="hair">
        <color indexed="64"/>
      </bottom>
      <diagonal/>
    </border>
    <border>
      <left/>
      <right style="hair">
        <color indexed="64"/>
      </right>
      <top style="hair">
        <color indexed="64"/>
      </top>
      <bottom/>
      <diagonal/>
    </border>
    <border>
      <left/>
      <right style="hair">
        <color indexed="64"/>
      </right>
      <top/>
      <bottom/>
      <diagonal/>
    </border>
    <border>
      <left/>
      <right/>
      <top style="thin">
        <color indexed="64"/>
      </top>
      <bottom style="double">
        <color indexed="64"/>
      </bottom>
      <diagonal/>
    </border>
    <border>
      <left/>
      <right style="double">
        <color indexed="64"/>
      </right>
      <top/>
      <bottom style="hair">
        <color indexed="64"/>
      </bottom>
      <diagonal/>
    </border>
    <border>
      <left style="hair">
        <color indexed="64"/>
      </left>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hair">
        <color indexed="8"/>
      </left>
      <right style="hair">
        <color indexed="64"/>
      </right>
      <top/>
      <bottom style="thin">
        <color indexed="64"/>
      </bottom>
      <diagonal/>
    </border>
    <border>
      <left style="hair">
        <color indexed="8"/>
      </left>
      <right style="hair">
        <color indexed="8"/>
      </right>
      <top/>
      <bottom style="thin">
        <color indexed="8"/>
      </bottom>
      <diagonal/>
    </border>
    <border>
      <left style="hair">
        <color indexed="64"/>
      </left>
      <right style="hair">
        <color indexed="8"/>
      </right>
      <top/>
      <bottom style="thin">
        <color indexed="8"/>
      </bottom>
      <diagonal/>
    </border>
    <border>
      <left style="hair">
        <color indexed="8"/>
      </left>
      <right style="hair">
        <color indexed="64"/>
      </right>
      <top/>
      <bottom style="thin">
        <color indexed="8"/>
      </bottom>
      <diagonal/>
    </border>
    <border>
      <left style="thin">
        <color indexed="64"/>
      </left>
      <right style="hair">
        <color indexed="64"/>
      </right>
      <top/>
      <bottom style="thin">
        <color indexed="64"/>
      </bottom>
      <diagonal/>
    </border>
    <border>
      <left style="hair">
        <color indexed="64"/>
      </left>
      <right style="hair">
        <color indexed="64"/>
      </right>
      <top/>
      <bottom/>
      <diagonal/>
    </border>
    <border>
      <left style="hair">
        <color indexed="8"/>
      </left>
      <right style="hair">
        <color indexed="64"/>
      </right>
      <top/>
      <bottom/>
      <diagonal/>
    </border>
    <border>
      <left style="hair">
        <color indexed="8"/>
      </left>
      <right style="hair">
        <color indexed="8"/>
      </right>
      <top/>
      <bottom/>
      <diagonal/>
    </border>
    <border>
      <left style="hair">
        <color indexed="64"/>
      </left>
      <right style="hair">
        <color indexed="8"/>
      </right>
      <top style="hair">
        <color indexed="64"/>
      </top>
      <bottom/>
      <diagonal/>
    </border>
    <border>
      <left style="hair">
        <color indexed="8"/>
      </left>
      <right style="hair">
        <color indexed="64"/>
      </right>
      <top style="hair">
        <color indexed="64"/>
      </top>
      <bottom/>
      <diagonal/>
    </border>
    <border>
      <left style="thin">
        <color indexed="64"/>
      </left>
      <right style="hair">
        <color indexed="64"/>
      </right>
      <top/>
      <bottom/>
      <diagonal/>
    </border>
    <border>
      <left/>
      <right style="thin">
        <color indexed="64"/>
      </right>
      <top style="hair">
        <color indexed="64"/>
      </top>
      <bottom/>
      <diagonal/>
    </border>
    <border>
      <left style="hair">
        <color indexed="8"/>
      </left>
      <right style="hair">
        <color indexed="8"/>
      </right>
      <top style="hair">
        <color indexed="8"/>
      </top>
      <bottom/>
      <diagonal/>
    </border>
    <border diagonalDown="1">
      <left style="hair">
        <color indexed="64"/>
      </left>
      <right style="hair">
        <color indexed="8"/>
      </right>
      <top/>
      <bottom style="hair">
        <color indexed="64"/>
      </bottom>
      <diagonal style="hair">
        <color indexed="64"/>
      </diagonal>
    </border>
    <border>
      <left style="hair">
        <color indexed="8"/>
      </left>
      <right style="hair">
        <color indexed="64"/>
      </right>
      <top/>
      <bottom style="hair">
        <color indexed="64"/>
      </bottom>
      <diagonal/>
    </border>
    <border diagonalDown="1">
      <left style="hair">
        <color indexed="64"/>
      </left>
      <right style="hair">
        <color indexed="8"/>
      </right>
      <top style="hair">
        <color indexed="64"/>
      </top>
      <bottom/>
      <diagonal style="hair">
        <color indexed="64"/>
      </diagonal>
    </border>
    <border>
      <left style="hair">
        <color indexed="64"/>
      </left>
      <right/>
      <top style="thin">
        <color indexed="64"/>
      </top>
      <bottom/>
      <diagonal/>
    </border>
    <border>
      <left style="hair">
        <color indexed="64"/>
      </left>
      <right style="hair">
        <color indexed="64"/>
      </right>
      <top style="thin">
        <color indexed="64"/>
      </top>
      <bottom/>
      <diagonal/>
    </border>
    <border>
      <left/>
      <right style="hair">
        <color indexed="64"/>
      </right>
      <top style="thin">
        <color indexed="64"/>
      </top>
      <bottom/>
      <diagonal/>
    </border>
    <border>
      <left style="hair">
        <color indexed="8"/>
      </left>
      <right style="hair">
        <color indexed="64"/>
      </right>
      <top style="thin">
        <color indexed="64"/>
      </top>
      <bottom/>
      <diagonal/>
    </border>
    <border>
      <left style="hair">
        <color indexed="8"/>
      </left>
      <right style="hair">
        <color indexed="8"/>
      </right>
      <top style="thin">
        <color indexed="64"/>
      </top>
      <bottom/>
      <diagonal/>
    </border>
    <border diagonalDown="1">
      <left style="hair">
        <color indexed="64"/>
      </left>
      <right style="hair">
        <color indexed="8"/>
      </right>
      <top style="thin">
        <color indexed="64"/>
      </top>
      <bottom/>
      <diagonal style="hair">
        <color indexed="64"/>
      </diagonal>
    </border>
    <border>
      <left style="thin">
        <color indexed="64"/>
      </left>
      <right style="hair">
        <color indexed="64"/>
      </right>
      <top style="thin">
        <color indexed="64"/>
      </top>
      <bottom/>
      <diagonal/>
    </border>
    <border>
      <left style="hair">
        <color indexed="8"/>
      </left>
      <right style="hair">
        <color indexed="8"/>
      </right>
      <top/>
      <bottom style="thin">
        <color indexed="64"/>
      </bottom>
      <diagonal/>
    </border>
    <border>
      <left style="hair">
        <color indexed="64"/>
      </left>
      <right style="hair">
        <color indexed="8"/>
      </right>
      <top/>
      <bottom style="thin">
        <color indexed="64"/>
      </bottom>
      <diagonal/>
    </border>
    <border>
      <left style="hair">
        <color indexed="8"/>
      </left>
      <right style="hair">
        <color indexed="8"/>
      </right>
      <top/>
      <bottom style="hair">
        <color indexed="8"/>
      </bottom>
      <diagonal/>
    </border>
    <border>
      <left/>
      <right style="thin">
        <color indexed="64"/>
      </right>
      <top/>
      <bottom style="hair">
        <color indexed="64"/>
      </bottom>
      <diagonal/>
    </border>
    <border>
      <left style="hair">
        <color indexed="8"/>
      </left>
      <right/>
      <top/>
      <bottom style="thin">
        <color indexed="64"/>
      </bottom>
      <diagonal/>
    </border>
    <border>
      <left style="hair">
        <color indexed="8"/>
      </left>
      <right/>
      <top style="hair">
        <color indexed="64"/>
      </top>
      <bottom/>
      <diagonal/>
    </border>
    <border>
      <left style="hair">
        <color indexed="64"/>
      </left>
      <right style="hair">
        <color indexed="64"/>
      </right>
      <top style="hair">
        <color indexed="64"/>
      </top>
      <bottom/>
      <diagonal/>
    </border>
    <border>
      <left/>
      <right style="hair">
        <color indexed="8"/>
      </right>
      <top/>
      <bottom style="hair">
        <color indexed="64"/>
      </bottom>
      <diagonal/>
    </border>
    <border>
      <left style="hair">
        <color indexed="8"/>
      </left>
      <right/>
      <top/>
      <bottom style="hair">
        <color indexed="64"/>
      </bottom>
      <diagonal/>
    </border>
    <border>
      <left/>
      <right style="hair">
        <color indexed="8"/>
      </right>
      <top style="hair">
        <color indexed="64"/>
      </top>
      <bottom/>
      <diagonal/>
    </border>
    <border>
      <left style="hair">
        <color indexed="8"/>
      </left>
      <right/>
      <top/>
      <bottom/>
      <diagonal/>
    </border>
    <border>
      <left style="hair">
        <color indexed="8"/>
      </left>
      <right/>
      <top style="thin">
        <color indexed="64"/>
      </top>
      <bottom/>
      <diagonal/>
    </border>
    <border>
      <left/>
      <right style="hair">
        <color indexed="8"/>
      </right>
      <top style="thin">
        <color indexed="8"/>
      </top>
      <bottom/>
      <diagonal/>
    </border>
    <border>
      <left style="hair">
        <color indexed="8"/>
      </left>
      <right/>
      <top style="thin">
        <color indexed="8"/>
      </top>
      <bottom/>
      <diagonal/>
    </border>
    <border>
      <left style="hair">
        <color indexed="64"/>
      </left>
      <right style="hair">
        <color indexed="64"/>
      </right>
      <top/>
      <bottom style="hair">
        <color indexed="64"/>
      </bottom>
      <diagonal/>
    </border>
    <border>
      <left style="thin">
        <color indexed="64"/>
      </left>
      <right style="thin">
        <color indexed="64"/>
      </right>
      <top style="thin">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thin">
        <color indexed="64"/>
      </right>
      <top/>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style="dotted">
        <color indexed="64"/>
      </left>
      <right style="hair">
        <color indexed="64"/>
      </right>
      <top style="thin">
        <color indexed="64"/>
      </top>
      <bottom style="dotted">
        <color indexed="64"/>
      </bottom>
      <diagonal/>
    </border>
    <border diagonalDown="1">
      <left style="hair">
        <color indexed="64"/>
      </left>
      <right style="dotted">
        <color indexed="64"/>
      </right>
      <top style="hair">
        <color indexed="64"/>
      </top>
      <bottom style="dotted">
        <color indexed="64"/>
      </bottom>
      <diagonal style="dotted">
        <color indexed="64"/>
      </diagonal>
    </border>
    <border diagonalDown="1">
      <left style="dotted">
        <color indexed="64"/>
      </left>
      <right style="dotted">
        <color indexed="64"/>
      </right>
      <top style="hair">
        <color indexed="64"/>
      </top>
      <bottom style="dotted">
        <color indexed="64"/>
      </bottom>
      <diagonal style="dotted">
        <color indexed="64"/>
      </diagonal>
    </border>
    <border diagonalDown="1">
      <left style="dotted">
        <color indexed="64"/>
      </left>
      <right style="thin">
        <color indexed="64"/>
      </right>
      <top style="hair">
        <color indexed="64"/>
      </top>
      <bottom style="dotted">
        <color indexed="64"/>
      </bottom>
      <diagonal style="dotted">
        <color indexed="64"/>
      </diagonal>
    </border>
    <border>
      <left style="thin">
        <color indexed="64"/>
      </left>
      <right/>
      <top/>
      <bottom style="hair">
        <color indexed="64"/>
      </bottom>
      <diagonal/>
    </border>
    <border>
      <left style="thin">
        <color indexed="64"/>
      </left>
      <right style="dotted">
        <color indexed="64"/>
      </right>
      <top style="dotted">
        <color indexed="64"/>
      </top>
      <bottom style="hair">
        <color indexed="64"/>
      </bottom>
      <diagonal/>
    </border>
    <border>
      <left style="dotted">
        <color indexed="64"/>
      </left>
      <right style="dotted">
        <color indexed="64"/>
      </right>
      <top style="dotted">
        <color indexed="64"/>
      </top>
      <bottom style="hair">
        <color indexed="64"/>
      </bottom>
      <diagonal/>
    </border>
    <border>
      <left style="dotted">
        <color indexed="64"/>
      </left>
      <right style="hair">
        <color indexed="64"/>
      </right>
      <top style="dotted">
        <color indexed="64"/>
      </top>
      <bottom style="hair">
        <color indexed="64"/>
      </bottom>
      <diagonal/>
    </border>
    <border diagonalDown="1">
      <left style="hair">
        <color indexed="64"/>
      </left>
      <right style="dotted">
        <color indexed="64"/>
      </right>
      <top style="dotted">
        <color indexed="64"/>
      </top>
      <bottom style="hair">
        <color indexed="64"/>
      </bottom>
      <diagonal style="dotted">
        <color indexed="64"/>
      </diagonal>
    </border>
    <border diagonalDown="1">
      <left style="dotted">
        <color indexed="64"/>
      </left>
      <right style="dotted">
        <color indexed="64"/>
      </right>
      <top style="dotted">
        <color indexed="64"/>
      </top>
      <bottom style="hair">
        <color indexed="64"/>
      </bottom>
      <diagonal style="dotted">
        <color indexed="64"/>
      </diagonal>
    </border>
    <border diagonalDown="1">
      <left style="dotted">
        <color indexed="64"/>
      </left>
      <right style="thin">
        <color indexed="64"/>
      </right>
      <top style="dotted">
        <color indexed="64"/>
      </top>
      <bottom style="hair">
        <color indexed="64"/>
      </bottom>
      <diagonal style="dotted">
        <color indexed="64"/>
      </diagonal>
    </border>
    <border>
      <left style="thin">
        <color indexed="64"/>
      </left>
      <right style="dotted">
        <color indexed="64"/>
      </right>
      <top/>
      <bottom style="dotted">
        <color indexed="64"/>
      </bottom>
      <diagonal/>
    </border>
    <border>
      <left style="dotted">
        <color indexed="64"/>
      </left>
      <right style="dotted">
        <color indexed="64"/>
      </right>
      <top/>
      <bottom style="dotted">
        <color indexed="64"/>
      </bottom>
      <diagonal/>
    </border>
    <border>
      <left style="dotted">
        <color indexed="64"/>
      </left>
      <right style="hair">
        <color indexed="64"/>
      </right>
      <top/>
      <bottom style="dotted">
        <color indexed="64"/>
      </bottom>
      <diagonal/>
    </border>
    <border>
      <left style="thin">
        <color indexed="64"/>
      </left>
      <right/>
      <top style="hair">
        <color indexed="64"/>
      </top>
      <bottom/>
      <diagonal/>
    </border>
    <border>
      <left/>
      <right style="dotted">
        <color indexed="64"/>
      </right>
      <top/>
      <bottom style="dotted">
        <color indexed="64"/>
      </bottom>
      <diagonal/>
    </border>
    <border>
      <left style="dotted">
        <color indexed="64"/>
      </left>
      <right style="thin">
        <color indexed="64"/>
      </right>
      <top/>
      <bottom style="dotted">
        <color indexed="64"/>
      </bottom>
      <diagonal/>
    </border>
    <border>
      <left style="thin">
        <color indexed="64"/>
      </left>
      <right style="dotted">
        <color indexed="64"/>
      </right>
      <top style="dotted">
        <color indexed="64"/>
      </top>
      <bottom style="thin">
        <color indexed="64"/>
      </bottom>
      <diagonal/>
    </border>
    <border>
      <left style="dotted">
        <color indexed="64"/>
      </left>
      <right style="dotted">
        <color indexed="64"/>
      </right>
      <top style="dotted">
        <color indexed="64"/>
      </top>
      <bottom style="thin">
        <color indexed="64"/>
      </bottom>
      <diagonal/>
    </border>
    <border>
      <left style="dotted">
        <color indexed="64"/>
      </left>
      <right style="hair">
        <color indexed="64"/>
      </right>
      <top style="dotted">
        <color indexed="64"/>
      </top>
      <bottom style="thin">
        <color indexed="64"/>
      </bottom>
      <diagonal/>
    </border>
    <border>
      <left/>
      <right style="dotted">
        <color indexed="64"/>
      </right>
      <top style="dotted">
        <color indexed="64"/>
      </top>
      <bottom style="thin">
        <color indexed="64"/>
      </bottom>
      <diagonal/>
    </border>
    <border>
      <left style="dotted">
        <color indexed="64"/>
      </left>
      <right style="thin">
        <color indexed="64"/>
      </right>
      <top style="dotted">
        <color indexed="64"/>
      </top>
      <bottom style="thin">
        <color indexed="64"/>
      </bottom>
      <diagonal/>
    </border>
    <border>
      <left style="double">
        <color rgb="FFFF0000"/>
      </left>
      <right/>
      <top style="double">
        <color rgb="FFFF0000"/>
      </top>
      <bottom/>
      <diagonal/>
    </border>
    <border>
      <left/>
      <right/>
      <top style="double">
        <color rgb="FFFF0000"/>
      </top>
      <bottom/>
      <diagonal/>
    </border>
    <border>
      <left/>
      <right style="double">
        <color rgb="FFFF0000"/>
      </right>
      <top style="double">
        <color rgb="FFFF0000"/>
      </top>
      <bottom/>
      <diagonal/>
    </border>
    <border>
      <left style="double">
        <color rgb="FFFF0000"/>
      </left>
      <right/>
      <top/>
      <bottom/>
      <diagonal/>
    </border>
    <border>
      <left/>
      <right style="double">
        <color rgb="FFFF0000"/>
      </right>
      <top/>
      <bottom/>
      <diagonal/>
    </border>
    <border>
      <left style="double">
        <color rgb="FFFF0000"/>
      </left>
      <right/>
      <top/>
      <bottom style="double">
        <color rgb="FFFF0000"/>
      </bottom>
      <diagonal/>
    </border>
    <border>
      <left/>
      <right/>
      <top/>
      <bottom style="double">
        <color rgb="FFFF0000"/>
      </bottom>
      <diagonal/>
    </border>
    <border>
      <left/>
      <right style="double">
        <color rgb="FFFF0000"/>
      </right>
      <top/>
      <bottom style="double">
        <color rgb="FFFF0000"/>
      </bottom>
      <diagonal/>
    </border>
    <border>
      <left style="thin">
        <color rgb="FFFF0000"/>
      </left>
      <right style="thin">
        <color rgb="FFFF0000"/>
      </right>
      <top style="thin">
        <color rgb="FFFF0000"/>
      </top>
      <bottom/>
      <diagonal/>
    </border>
    <border>
      <left/>
      <right/>
      <top style="thin">
        <color rgb="FFFF0000"/>
      </top>
      <bottom/>
      <diagonal/>
    </border>
    <border>
      <left/>
      <right style="thin">
        <color rgb="FFFF0000"/>
      </right>
      <top style="thin">
        <color rgb="FFFF0000"/>
      </top>
      <bottom/>
      <diagonal/>
    </border>
    <border>
      <left style="thin">
        <color rgb="FFFF0000"/>
      </left>
      <right style="thin">
        <color rgb="FFFF0000"/>
      </right>
      <top/>
      <bottom/>
      <diagonal/>
    </border>
    <border>
      <left/>
      <right style="thin">
        <color rgb="FFFF0000"/>
      </right>
      <top/>
      <bottom/>
      <diagonal/>
    </border>
    <border>
      <left style="thin">
        <color rgb="FFFF0000"/>
      </left>
      <right style="thin">
        <color rgb="FFFF0000"/>
      </right>
      <top/>
      <bottom style="thin">
        <color rgb="FFFF0000"/>
      </bottom>
      <diagonal/>
    </border>
    <border>
      <left/>
      <right/>
      <top/>
      <bottom style="thin">
        <color rgb="FFFF0000"/>
      </bottom>
      <diagonal/>
    </border>
    <border>
      <left/>
      <right style="thin">
        <color rgb="FFFF0000"/>
      </right>
      <top/>
      <bottom style="thin">
        <color rgb="FFFF0000"/>
      </bottom>
      <diagonal/>
    </border>
  </borders>
  <cellStyleXfs count="16">
    <xf numFmtId="0" fontId="0" fillId="0" borderId="0">
      <alignment vertical="center"/>
    </xf>
    <xf numFmtId="0" fontId="1" fillId="0" borderId="0"/>
    <xf numFmtId="0" fontId="1" fillId="0" borderId="0"/>
    <xf numFmtId="0" fontId="1" fillId="0" borderId="0"/>
    <xf numFmtId="0" fontId="16" fillId="0" borderId="0"/>
    <xf numFmtId="0" fontId="17" fillId="0" borderId="0"/>
    <xf numFmtId="0" fontId="1" fillId="0" borderId="0">
      <alignment vertical="center"/>
    </xf>
    <xf numFmtId="0" fontId="1" fillId="0" borderId="0">
      <alignment vertical="center"/>
    </xf>
    <xf numFmtId="0" fontId="1" fillId="0" borderId="0"/>
    <xf numFmtId="0" fontId="1" fillId="0" borderId="0"/>
    <xf numFmtId="0" fontId="1" fillId="0" borderId="0"/>
    <xf numFmtId="0" fontId="1" fillId="0" borderId="0"/>
    <xf numFmtId="0" fontId="1" fillId="0" borderId="0"/>
    <xf numFmtId="0" fontId="1" fillId="0" borderId="0"/>
    <xf numFmtId="0" fontId="51" fillId="0" borderId="0">
      <alignment vertical="center"/>
    </xf>
    <xf numFmtId="0" fontId="51" fillId="0" borderId="0">
      <alignment vertical="center"/>
    </xf>
  </cellStyleXfs>
  <cellXfs count="1107">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0" fillId="0" borderId="4" xfId="0" applyBorder="1">
      <alignmen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0" fillId="0" borderId="8" xfId="0" applyBorder="1">
      <alignment vertical="center"/>
    </xf>
    <xf numFmtId="0" fontId="0" fillId="0" borderId="0" xfId="0" applyAlignment="1">
      <alignment vertical="center" wrapText="1"/>
    </xf>
    <xf numFmtId="0" fontId="6" fillId="0" borderId="0" xfId="0" applyFont="1">
      <alignment vertical="center"/>
    </xf>
    <xf numFmtId="0" fontId="0" fillId="0" borderId="9" xfId="0" applyBorder="1">
      <alignment vertical="center"/>
    </xf>
    <xf numFmtId="0" fontId="0" fillId="0" borderId="10" xfId="0" applyBorder="1">
      <alignment vertical="center"/>
    </xf>
    <xf numFmtId="0" fontId="0" fillId="0" borderId="11" xfId="0" applyBorder="1">
      <alignment vertical="center"/>
    </xf>
    <xf numFmtId="0" fontId="3" fillId="0" borderId="0" xfId="0" applyFont="1">
      <alignment vertical="center"/>
    </xf>
    <xf numFmtId="0" fontId="0" fillId="0" borderId="0" xfId="0" applyAlignment="1">
      <alignment horizontal="right" vertical="center"/>
    </xf>
    <xf numFmtId="0" fontId="0" fillId="0" borderId="12" xfId="0" applyBorder="1">
      <alignment vertical="center"/>
    </xf>
    <xf numFmtId="0" fontId="4" fillId="0" borderId="0" xfId="0" applyFont="1">
      <alignment vertical="center"/>
    </xf>
    <xf numFmtId="0" fontId="7" fillId="0" borderId="0" xfId="0" applyFont="1">
      <alignment vertical="center"/>
    </xf>
    <xf numFmtId="0" fontId="0" fillId="0" borderId="13" xfId="0" applyBorder="1">
      <alignment vertical="center"/>
    </xf>
    <xf numFmtId="0" fontId="0" fillId="0" borderId="14" xfId="0" applyBorder="1">
      <alignment vertical="center"/>
    </xf>
    <xf numFmtId="0" fontId="0" fillId="0" borderId="15" xfId="0" applyBorder="1">
      <alignment vertical="center"/>
    </xf>
    <xf numFmtId="0" fontId="0" fillId="0" borderId="0" xfId="0" applyAlignment="1">
      <alignment horizontal="center" vertical="center"/>
    </xf>
    <xf numFmtId="0" fontId="0" fillId="0" borderId="14" xfId="0" applyBorder="1" applyAlignment="1">
      <alignment vertical="center" wrapText="1"/>
    </xf>
    <xf numFmtId="0" fontId="4" fillId="0" borderId="14" xfId="0" applyFont="1" applyBorder="1">
      <alignment vertical="center"/>
    </xf>
    <xf numFmtId="0" fontId="0" fillId="0" borderId="14" xfId="0" applyBorder="1" applyAlignment="1">
      <alignment horizontal="right" vertical="center"/>
    </xf>
    <xf numFmtId="0" fontId="5" fillId="0" borderId="0" xfId="0" applyFont="1">
      <alignment vertical="center"/>
    </xf>
    <xf numFmtId="0" fontId="5" fillId="0" borderId="7" xfId="0" applyFont="1" applyBorder="1">
      <alignment vertical="center"/>
    </xf>
    <xf numFmtId="49" fontId="7" fillId="0" borderId="5" xfId="0" applyNumberFormat="1" applyFont="1" applyBorder="1" applyAlignment="1">
      <alignment vertical="center" shrinkToFit="1"/>
    </xf>
    <xf numFmtId="49" fontId="7" fillId="0" borderId="0" xfId="0" applyNumberFormat="1" applyFont="1" applyAlignment="1">
      <alignment vertical="center" shrinkToFit="1"/>
    </xf>
    <xf numFmtId="0" fontId="10" fillId="0" borderId="11" xfId="0" applyFont="1" applyBorder="1">
      <alignment vertical="center"/>
    </xf>
    <xf numFmtId="0" fontId="10" fillId="0" borderId="0" xfId="0" applyFont="1">
      <alignment vertical="center"/>
    </xf>
    <xf numFmtId="0" fontId="10" fillId="0" borderId="12" xfId="0" applyFont="1" applyBorder="1">
      <alignment vertical="center"/>
    </xf>
    <xf numFmtId="0" fontId="10" fillId="0" borderId="1" xfId="0" applyFont="1" applyBorder="1">
      <alignment vertical="center"/>
    </xf>
    <xf numFmtId="0" fontId="10" fillId="0" borderId="2" xfId="0" applyFont="1" applyBorder="1">
      <alignment vertical="center"/>
    </xf>
    <xf numFmtId="0" fontId="10" fillId="0" borderId="3" xfId="0" applyFont="1" applyBorder="1">
      <alignment vertical="center"/>
    </xf>
    <xf numFmtId="0" fontId="10" fillId="0" borderId="4" xfId="0" applyFont="1" applyBorder="1">
      <alignment vertical="center"/>
    </xf>
    <xf numFmtId="0" fontId="10" fillId="0" borderId="5" xfId="0" applyFont="1" applyBorder="1">
      <alignment vertical="center"/>
    </xf>
    <xf numFmtId="0" fontId="0" fillId="0" borderId="0" xfId="0" applyAlignment="1">
      <alignment vertical="top" wrapText="1"/>
    </xf>
    <xf numFmtId="49" fontId="5" fillId="0" borderId="0" xfId="0" applyNumberFormat="1" applyFont="1" applyAlignment="1">
      <alignment horizontal="right" vertical="center"/>
    </xf>
    <xf numFmtId="49" fontId="5" fillId="0" borderId="0" xfId="0" applyNumberFormat="1" applyFont="1">
      <alignment vertical="center"/>
    </xf>
    <xf numFmtId="0" fontId="8" fillId="0" borderId="0" xfId="0" applyFont="1" applyAlignment="1">
      <alignment horizontal="left" vertical="center"/>
    </xf>
    <xf numFmtId="0" fontId="8" fillId="0" borderId="0" xfId="0" applyFont="1">
      <alignment vertical="center"/>
    </xf>
    <xf numFmtId="49" fontId="5" fillId="0" borderId="7" xfId="0" applyNumberFormat="1" applyFont="1" applyBorder="1">
      <alignment vertical="center"/>
    </xf>
    <xf numFmtId="49" fontId="5" fillId="0" borderId="0" xfId="0" applyNumberFormat="1" applyFont="1" applyAlignment="1">
      <alignment horizontal="center" vertical="center"/>
    </xf>
    <xf numFmtId="0" fontId="0" fillId="0" borderId="16" xfId="0" applyBorder="1">
      <alignment vertical="center"/>
    </xf>
    <xf numFmtId="0" fontId="0" fillId="0" borderId="17" xfId="0" applyBorder="1">
      <alignment vertical="center"/>
    </xf>
    <xf numFmtId="0" fontId="0" fillId="0" borderId="18" xfId="0" applyBorder="1">
      <alignment vertical="center"/>
    </xf>
    <xf numFmtId="0" fontId="0" fillId="0" borderId="19" xfId="0" applyBorder="1">
      <alignment vertical="center"/>
    </xf>
    <xf numFmtId="0" fontId="0" fillId="0" borderId="19" xfId="0" applyBorder="1" applyAlignment="1">
      <alignment vertical="top" wrapText="1"/>
    </xf>
    <xf numFmtId="0" fontId="0" fillId="0" borderId="19" xfId="0" applyBorder="1" applyAlignment="1">
      <alignment vertical="center" wrapText="1"/>
    </xf>
    <xf numFmtId="0" fontId="0" fillId="0" borderId="20" xfId="0" applyBorder="1">
      <alignment vertical="center"/>
    </xf>
    <xf numFmtId="0" fontId="0" fillId="0" borderId="21" xfId="0" applyBorder="1" applyAlignment="1">
      <alignment vertical="center" wrapText="1"/>
    </xf>
    <xf numFmtId="0" fontId="0" fillId="0" borderId="22" xfId="0" applyBorder="1">
      <alignment vertical="center"/>
    </xf>
    <xf numFmtId="0" fontId="0" fillId="0" borderId="23" xfId="0" applyBorder="1">
      <alignment vertical="center"/>
    </xf>
    <xf numFmtId="0" fontId="0" fillId="0" borderId="24" xfId="0" applyBorder="1">
      <alignment vertical="center"/>
    </xf>
    <xf numFmtId="0" fontId="0" fillId="0" borderId="14" xfId="0" applyBorder="1" applyAlignment="1">
      <alignment horizontal="left"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25" xfId="0" applyBorder="1">
      <alignment vertical="center"/>
    </xf>
    <xf numFmtId="0" fontId="0" fillId="0" borderId="26" xfId="0" applyBorder="1">
      <alignment vertical="center"/>
    </xf>
    <xf numFmtId="0" fontId="0" fillId="0" borderId="26" xfId="0" applyBorder="1" applyAlignment="1">
      <alignment horizontal="left" vertical="center"/>
    </xf>
    <xf numFmtId="0" fontId="0" fillId="0" borderId="25" xfId="0" applyBorder="1" applyAlignment="1">
      <alignment horizontal="center" vertical="center"/>
    </xf>
    <xf numFmtId="0" fontId="11" fillId="0" borderId="0" xfId="0" applyFont="1">
      <alignment vertical="center"/>
    </xf>
    <xf numFmtId="0" fontId="12" fillId="0" borderId="2" xfId="0" applyFont="1" applyBorder="1">
      <alignment vertical="center"/>
    </xf>
    <xf numFmtId="0" fontId="12" fillId="0" borderId="0" xfId="0" applyFont="1">
      <alignment vertical="center"/>
    </xf>
    <xf numFmtId="0" fontId="0" fillId="0" borderId="27" xfId="0" applyBorder="1">
      <alignment vertical="center"/>
    </xf>
    <xf numFmtId="0" fontId="0" fillId="0" borderId="9" xfId="0" applyBorder="1" applyAlignment="1">
      <alignment horizontal="right" vertical="center"/>
    </xf>
    <xf numFmtId="0" fontId="11" fillId="0" borderId="4" xfId="0" applyFont="1" applyBorder="1">
      <alignment vertical="center"/>
    </xf>
    <xf numFmtId="0" fontId="1" fillId="2" borderId="0" xfId="8" applyFill="1"/>
    <xf numFmtId="0" fontId="1" fillId="0" borderId="0" xfId="8"/>
    <xf numFmtId="0" fontId="1" fillId="3" borderId="0" xfId="8" applyFill="1" applyAlignment="1">
      <alignment horizontal="distributed"/>
    </xf>
    <xf numFmtId="0" fontId="1" fillId="3" borderId="0" xfId="8" applyFill="1"/>
    <xf numFmtId="0" fontId="1" fillId="3" borderId="7" xfId="8" applyFill="1" applyBorder="1" applyAlignment="1">
      <alignment horizontal="center"/>
    </xf>
    <xf numFmtId="0" fontId="1" fillId="3" borderId="1" xfId="8" applyFill="1" applyBorder="1" applyAlignment="1">
      <alignment horizontal="center"/>
    </xf>
    <xf numFmtId="0" fontId="1" fillId="3" borderId="2" xfId="8" applyFill="1" applyBorder="1" applyAlignment="1">
      <alignment horizontal="center"/>
    </xf>
    <xf numFmtId="0" fontId="1" fillId="3" borderId="2" xfId="8" applyFill="1" applyBorder="1"/>
    <xf numFmtId="0" fontId="1" fillId="3" borderId="3" xfId="8" applyFill="1" applyBorder="1"/>
    <xf numFmtId="0" fontId="1" fillId="3" borderId="4" xfId="8" applyFill="1" applyBorder="1" applyAlignment="1">
      <alignment horizontal="center"/>
    </xf>
    <xf numFmtId="0" fontId="1" fillId="3" borderId="5" xfId="8" applyFill="1" applyBorder="1"/>
    <xf numFmtId="0" fontId="1" fillId="3" borderId="6" xfId="8" applyFill="1" applyBorder="1"/>
    <xf numFmtId="0" fontId="1" fillId="3" borderId="8" xfId="8" applyFill="1" applyBorder="1"/>
    <xf numFmtId="0" fontId="1" fillId="3" borderId="6" xfId="8" applyFill="1" applyBorder="1" applyAlignment="1">
      <alignment horizontal="center"/>
    </xf>
    <xf numFmtId="0" fontId="1" fillId="3" borderId="7" xfId="8" applyFill="1" applyBorder="1"/>
    <xf numFmtId="0" fontId="1" fillId="3" borderId="0" xfId="8" applyFill="1" applyAlignment="1">
      <alignment horizontal="center"/>
    </xf>
    <xf numFmtId="0" fontId="21" fillId="3" borderId="0" xfId="8" applyFont="1" applyFill="1"/>
    <xf numFmtId="0" fontId="19" fillId="3" borderId="0" xfId="8" applyFont="1" applyFill="1"/>
    <xf numFmtId="0" fontId="1" fillId="3" borderId="31" xfId="8" applyFill="1" applyBorder="1"/>
    <xf numFmtId="0" fontId="19" fillId="2" borderId="0" xfId="8" applyFont="1" applyFill="1"/>
    <xf numFmtId="0" fontId="13" fillId="4" borderId="0" xfId="3" applyFont="1" applyFill="1" applyAlignment="1">
      <alignment vertical="center"/>
    </xf>
    <xf numFmtId="0" fontId="0" fillId="0" borderId="0" xfId="0" applyAlignment="1">
      <alignment horizontal="distributed" vertical="center"/>
    </xf>
    <xf numFmtId="49" fontId="7" fillId="0" borderId="0" xfId="0" applyNumberFormat="1" applyFont="1">
      <alignment vertical="center"/>
    </xf>
    <xf numFmtId="0" fontId="10" fillId="0" borderId="6" xfId="0" applyFont="1" applyBorder="1">
      <alignment vertical="center"/>
    </xf>
    <xf numFmtId="0" fontId="10" fillId="0" borderId="8" xfId="0" applyFont="1" applyBorder="1">
      <alignment vertical="center"/>
    </xf>
    <xf numFmtId="0" fontId="0" fillId="0" borderId="2" xfId="0" applyBorder="1" applyAlignment="1">
      <alignment horizontal="distributed" vertical="center"/>
    </xf>
    <xf numFmtId="49" fontId="7" fillId="0" borderId="2" xfId="0" applyNumberFormat="1" applyFont="1" applyBorder="1">
      <alignment vertical="center"/>
    </xf>
    <xf numFmtId="0" fontId="7" fillId="0" borderId="2" xfId="0" applyFont="1" applyBorder="1">
      <alignment vertical="center"/>
    </xf>
    <xf numFmtId="49" fontId="7" fillId="0" borderId="2" xfId="0" applyNumberFormat="1" applyFont="1" applyBorder="1" applyAlignment="1">
      <alignment vertical="center" shrinkToFit="1"/>
    </xf>
    <xf numFmtId="49" fontId="7" fillId="0" borderId="3" xfId="0" applyNumberFormat="1" applyFont="1" applyBorder="1" applyAlignment="1">
      <alignment vertical="center" shrinkToFit="1"/>
    </xf>
    <xf numFmtId="0" fontId="26" fillId="0" borderId="0" xfId="11" applyFont="1" applyAlignment="1">
      <alignment vertical="center"/>
    </xf>
    <xf numFmtId="0" fontId="28" fillId="3" borderId="0" xfId="11" applyFont="1" applyFill="1" applyAlignment="1">
      <alignment vertical="center"/>
    </xf>
    <xf numFmtId="0" fontId="27" fillId="3" borderId="0" xfId="11" applyFont="1" applyFill="1" applyAlignment="1">
      <alignment horizontal="left" vertical="center"/>
    </xf>
    <xf numFmtId="0" fontId="28" fillId="3" borderId="2" xfId="11" applyFont="1" applyFill="1" applyBorder="1" applyAlignment="1">
      <alignment vertical="center"/>
    </xf>
    <xf numFmtId="0" fontId="29" fillId="3" borderId="2" xfId="11" applyFont="1" applyFill="1" applyBorder="1" applyAlignment="1">
      <alignment horizontal="distributed" vertical="center" wrapText="1"/>
    </xf>
    <xf numFmtId="0" fontId="29" fillId="3" borderId="0" xfId="11" applyFont="1" applyFill="1" applyAlignment="1">
      <alignment horizontal="distributed" vertical="center" wrapText="1"/>
    </xf>
    <xf numFmtId="0" fontId="28" fillId="3" borderId="7" xfId="11" applyFont="1" applyFill="1" applyBorder="1" applyAlignment="1">
      <alignment vertical="center"/>
    </xf>
    <xf numFmtId="0" fontId="28" fillId="3" borderId="6" xfId="11" applyFont="1" applyFill="1" applyBorder="1" applyAlignment="1">
      <alignment vertical="center"/>
    </xf>
    <xf numFmtId="0" fontId="28" fillId="3" borderId="4" xfId="11" applyFont="1" applyFill="1" applyBorder="1" applyAlignment="1">
      <alignment vertical="center"/>
    </xf>
    <xf numFmtId="0" fontId="28" fillId="3" borderId="5" xfId="11" applyFont="1" applyFill="1" applyBorder="1" applyAlignment="1">
      <alignment vertical="center"/>
    </xf>
    <xf numFmtId="0" fontId="28" fillId="3" borderId="3" xfId="11" applyFont="1" applyFill="1" applyBorder="1" applyAlignment="1">
      <alignment vertical="center"/>
    </xf>
    <xf numFmtId="0" fontId="28" fillId="3" borderId="1" xfId="11" applyFont="1" applyFill="1" applyBorder="1" applyAlignment="1">
      <alignment vertical="center"/>
    </xf>
    <xf numFmtId="0" fontId="28" fillId="3" borderId="8" xfId="11" applyFont="1" applyFill="1" applyBorder="1" applyAlignment="1">
      <alignment vertical="center"/>
    </xf>
    <xf numFmtId="0" fontId="32" fillId="3" borderId="0" xfId="11" applyFont="1" applyFill="1" applyAlignment="1">
      <alignment horizontal="distributed" vertical="center" wrapText="1"/>
    </xf>
    <xf numFmtId="0" fontId="28" fillId="3" borderId="0" xfId="11" applyFont="1" applyFill="1" applyAlignment="1">
      <alignment horizontal="distributed" vertical="center" wrapText="1"/>
    </xf>
    <xf numFmtId="0" fontId="28" fillId="3" borderId="5" xfId="11" applyFont="1" applyFill="1" applyBorder="1" applyAlignment="1">
      <alignment horizontal="center" vertical="center"/>
    </xf>
    <xf numFmtId="0" fontId="28" fillId="3" borderId="0" xfId="11" applyFont="1" applyFill="1" applyAlignment="1">
      <alignment horizontal="center" vertical="center"/>
    </xf>
    <xf numFmtId="0" fontId="28" fillId="3" borderId="3" xfId="11" applyFont="1" applyFill="1" applyBorder="1" applyAlignment="1">
      <alignment horizontal="center" vertical="center"/>
    </xf>
    <xf numFmtId="0" fontId="28" fillId="3" borderId="2" xfId="11" applyFont="1" applyFill="1" applyBorder="1" applyAlignment="1">
      <alignment horizontal="center" vertical="center"/>
    </xf>
    <xf numFmtId="0" fontId="28" fillId="3" borderId="0" xfId="11" applyFont="1" applyFill="1" applyAlignment="1">
      <alignment horizontal="left" vertical="center"/>
    </xf>
    <xf numFmtId="0" fontId="28" fillId="3" borderId="8" xfId="11" applyFont="1" applyFill="1" applyBorder="1" applyAlignment="1">
      <alignment horizontal="center" vertical="center"/>
    </xf>
    <xf numFmtId="0" fontId="28" fillId="3" borderId="6" xfId="11" applyFont="1" applyFill="1" applyBorder="1" applyAlignment="1">
      <alignment horizontal="center" vertical="center"/>
    </xf>
    <xf numFmtId="0" fontId="28" fillId="3" borderId="1" xfId="11" applyFont="1" applyFill="1" applyBorder="1" applyAlignment="1">
      <alignment horizontal="center" vertical="center"/>
    </xf>
    <xf numFmtId="0" fontId="28" fillId="3" borderId="0" xfId="11" applyFont="1" applyFill="1" applyAlignment="1">
      <alignment horizontal="right" vertical="center"/>
    </xf>
    <xf numFmtId="0" fontId="28" fillId="3" borderId="6" xfId="11" applyFont="1" applyFill="1" applyBorder="1" applyAlignment="1">
      <alignment horizontal="center" vertical="center" wrapText="1"/>
    </xf>
    <xf numFmtId="0" fontId="28" fillId="3" borderId="4" xfId="11" applyFont="1" applyFill="1" applyBorder="1" applyAlignment="1">
      <alignment horizontal="center" vertical="center" wrapText="1"/>
    </xf>
    <xf numFmtId="0" fontId="28" fillId="3" borderId="0" xfId="11" applyFont="1" applyFill="1"/>
    <xf numFmtId="0" fontId="28" fillId="3" borderId="1" xfId="11" applyFont="1" applyFill="1" applyBorder="1" applyAlignment="1">
      <alignment horizontal="center" vertical="center" wrapText="1"/>
    </xf>
    <xf numFmtId="0" fontId="28" fillId="3" borderId="32" xfId="11" applyFont="1" applyFill="1" applyBorder="1" applyAlignment="1">
      <alignment vertical="center"/>
    </xf>
    <xf numFmtId="0" fontId="28" fillId="3" borderId="2" xfId="11" applyFont="1" applyFill="1" applyBorder="1" applyAlignment="1">
      <alignment horizontal="distributed" vertical="center" wrapText="1"/>
    </xf>
    <xf numFmtId="0" fontId="32" fillId="3" borderId="0" xfId="11" applyFont="1" applyFill="1" applyAlignment="1">
      <alignment vertical="center"/>
    </xf>
    <xf numFmtId="0" fontId="35" fillId="3" borderId="0" xfId="11" applyFont="1" applyFill="1" applyAlignment="1">
      <alignment horizontal="center" vertical="top"/>
    </xf>
    <xf numFmtId="0" fontId="37" fillId="0" borderId="0" xfId="12" applyFont="1"/>
    <xf numFmtId="0" fontId="38" fillId="0" borderId="0" xfId="12" applyFont="1"/>
    <xf numFmtId="0" fontId="38" fillId="0" borderId="28" xfId="12" applyFont="1" applyBorder="1" applyAlignment="1">
      <alignment horizontal="center"/>
    </xf>
    <xf numFmtId="0" fontId="38" fillId="0" borderId="31" xfId="12" applyFont="1" applyBorder="1" applyAlignment="1">
      <alignment horizontal="center" vertical="center"/>
    </xf>
    <xf numFmtId="0" fontId="38" fillId="0" borderId="0" xfId="12" applyFont="1" applyAlignment="1">
      <alignment horizontal="center"/>
    </xf>
    <xf numFmtId="0" fontId="38" fillId="0" borderId="28" xfId="12" applyFont="1" applyBorder="1" applyAlignment="1">
      <alignment horizontal="center" vertical="center"/>
    </xf>
    <xf numFmtId="0" fontId="38" fillId="0" borderId="0" xfId="12" applyFont="1" applyAlignment="1">
      <alignment horizontal="distributed" vertical="center"/>
    </xf>
    <xf numFmtId="0" fontId="38" fillId="0" borderId="0" xfId="12" applyFont="1" applyAlignment="1">
      <alignment horizontal="left" vertical="center"/>
    </xf>
    <xf numFmtId="0" fontId="38" fillId="0" borderId="32" xfId="12" applyFont="1" applyBorder="1" applyAlignment="1">
      <alignment horizontal="distributed" vertical="center"/>
    </xf>
    <xf numFmtId="0" fontId="38" fillId="0" borderId="32" xfId="12" applyFont="1" applyBorder="1" applyAlignment="1">
      <alignment horizontal="left" vertical="center"/>
    </xf>
    <xf numFmtId="0" fontId="39" fillId="0" borderId="0" xfId="12" applyFont="1"/>
    <xf numFmtId="0" fontId="39" fillId="0" borderId="28" xfId="12" applyFont="1" applyBorder="1"/>
    <xf numFmtId="0" fontId="38" fillId="0" borderId="0" xfId="12" applyFont="1" applyAlignment="1">
      <alignment textRotation="255" wrapText="1"/>
    </xf>
    <xf numFmtId="0" fontId="39" fillId="0" borderId="0" xfId="12" applyFont="1" applyAlignment="1">
      <alignment horizontal="center" vertical="center"/>
    </xf>
    <xf numFmtId="0" fontId="39" fillId="0" borderId="28" xfId="12" applyFont="1" applyBorder="1" applyAlignment="1">
      <alignment horizontal="distributed" vertical="center"/>
    </xf>
    <xf numFmtId="0" fontId="39" fillId="0" borderId="31" xfId="12" applyFont="1" applyBorder="1" applyAlignment="1">
      <alignment horizontal="center"/>
    </xf>
    <xf numFmtId="0" fontId="39" fillId="0" borderId="0" xfId="12" applyFont="1" applyAlignment="1">
      <alignment horizontal="distributed" vertical="center"/>
    </xf>
    <xf numFmtId="0" fontId="39" fillId="0" borderId="0" xfId="12" applyFont="1" applyAlignment="1">
      <alignment horizontal="center"/>
    </xf>
    <xf numFmtId="0" fontId="40" fillId="0" borderId="0" xfId="12" applyFont="1" applyAlignment="1">
      <alignment horizontal="left" vertical="center"/>
    </xf>
    <xf numFmtId="0" fontId="41" fillId="0" borderId="0" xfId="12" applyFont="1"/>
    <xf numFmtId="0" fontId="42" fillId="0" borderId="0" xfId="12" applyFont="1"/>
    <xf numFmtId="0" fontId="26" fillId="0" borderId="0" xfId="1" applyFont="1" applyAlignment="1">
      <alignment vertical="center"/>
    </xf>
    <xf numFmtId="0" fontId="28" fillId="0" borderId="0" xfId="1" applyFont="1" applyAlignment="1">
      <alignment vertical="center"/>
    </xf>
    <xf numFmtId="0" fontId="28" fillId="3" borderId="0" xfId="1" applyFont="1" applyFill="1" applyAlignment="1">
      <alignment vertical="center"/>
    </xf>
    <xf numFmtId="0" fontId="28" fillId="3" borderId="0" xfId="1" applyFont="1" applyFill="1" applyAlignment="1">
      <alignment horizontal="left" vertical="center"/>
    </xf>
    <xf numFmtId="0" fontId="27" fillId="3" borderId="0" xfId="1" applyFont="1" applyFill="1" applyAlignment="1">
      <alignment vertical="center"/>
    </xf>
    <xf numFmtId="0" fontId="27" fillId="3" borderId="0" xfId="1" applyFont="1" applyFill="1" applyAlignment="1">
      <alignment horizontal="left" vertical="center"/>
    </xf>
    <xf numFmtId="0" fontId="29" fillId="3" borderId="0" xfId="1" applyFont="1" applyFill="1" applyAlignment="1">
      <alignment horizontal="distributed" vertical="center" wrapText="1"/>
    </xf>
    <xf numFmtId="0" fontId="28" fillId="3" borderId="7" xfId="1" applyFont="1" applyFill="1" applyBorder="1" applyAlignment="1">
      <alignment vertical="center"/>
    </xf>
    <xf numFmtId="0" fontId="28" fillId="3" borderId="6" xfId="1" applyFont="1" applyFill="1" applyBorder="1" applyAlignment="1">
      <alignment vertical="center"/>
    </xf>
    <xf numFmtId="0" fontId="28" fillId="3" borderId="4" xfId="1" applyFont="1" applyFill="1" applyBorder="1" applyAlignment="1">
      <alignment vertical="center"/>
    </xf>
    <xf numFmtId="0" fontId="32" fillId="3" borderId="0" xfId="1" applyFont="1" applyFill="1" applyAlignment="1">
      <alignment vertical="center"/>
    </xf>
    <xf numFmtId="0" fontId="28" fillId="3" borderId="0" xfId="1" applyFont="1" applyFill="1" applyAlignment="1">
      <alignment horizontal="distributed" vertical="center" wrapText="1"/>
    </xf>
    <xf numFmtId="0" fontId="28" fillId="3" borderId="8" xfId="1" applyFont="1" applyFill="1" applyBorder="1" applyAlignment="1">
      <alignment vertical="center"/>
    </xf>
    <xf numFmtId="0" fontId="28" fillId="3" borderId="5" xfId="1" applyFont="1" applyFill="1" applyBorder="1" applyAlignment="1">
      <alignment vertical="center"/>
    </xf>
    <xf numFmtId="0" fontId="28" fillId="3" borderId="5" xfId="1" applyFont="1" applyFill="1" applyBorder="1" applyAlignment="1">
      <alignment horizontal="center" vertical="center"/>
    </xf>
    <xf numFmtId="0" fontId="28" fillId="3" borderId="0" xfId="1" applyFont="1" applyFill="1" applyAlignment="1">
      <alignment horizontal="center" vertical="center"/>
    </xf>
    <xf numFmtId="0" fontId="28" fillId="3" borderId="3" xfId="1" applyFont="1" applyFill="1" applyBorder="1" applyAlignment="1">
      <alignment horizontal="center" vertical="center"/>
    </xf>
    <xf numFmtId="0" fontId="28" fillId="3" borderId="2" xfId="1" applyFont="1" applyFill="1" applyBorder="1" applyAlignment="1">
      <alignment horizontal="center" vertical="center"/>
    </xf>
    <xf numFmtId="0" fontId="28" fillId="3" borderId="3" xfId="1" applyFont="1" applyFill="1" applyBorder="1" applyAlignment="1">
      <alignment vertical="center"/>
    </xf>
    <xf numFmtId="0" fontId="28" fillId="3" borderId="1" xfId="1" applyFont="1" applyFill="1" applyBorder="1" applyAlignment="1">
      <alignment vertical="center"/>
    </xf>
    <xf numFmtId="0" fontId="28" fillId="3" borderId="2" xfId="1" applyFont="1" applyFill="1" applyBorder="1" applyAlignment="1">
      <alignment vertical="center"/>
    </xf>
    <xf numFmtId="0" fontId="28" fillId="3" borderId="2" xfId="1" applyFont="1" applyFill="1" applyBorder="1" applyAlignment="1">
      <alignment horizontal="distributed" vertical="center" wrapText="1"/>
    </xf>
    <xf numFmtId="0" fontId="32" fillId="3" borderId="0" xfId="1" applyFont="1" applyFill="1" applyAlignment="1">
      <alignment horizontal="right" vertical="center"/>
    </xf>
    <xf numFmtId="0" fontId="28" fillId="3" borderId="0" xfId="1" applyFont="1" applyFill="1" applyAlignment="1">
      <alignment horizontal="distributed" vertical="center"/>
    </xf>
    <xf numFmtId="0" fontId="32" fillId="3" borderId="0" xfId="1" applyFont="1" applyFill="1" applyAlignment="1">
      <alignment horizontal="distributed" vertical="center"/>
    </xf>
    <xf numFmtId="0" fontId="28" fillId="3" borderId="0" xfId="1" applyFont="1" applyFill="1" applyAlignment="1">
      <alignment horizontal="right" vertical="center"/>
    </xf>
    <xf numFmtId="0" fontId="28" fillId="3" borderId="6" xfId="1" applyFont="1" applyFill="1" applyBorder="1" applyAlignment="1">
      <alignment horizontal="center" vertical="center" wrapText="1"/>
    </xf>
    <xf numFmtId="0" fontId="28" fillId="3" borderId="4" xfId="1" applyFont="1" applyFill="1" applyBorder="1" applyAlignment="1">
      <alignment horizontal="center" vertical="center" wrapText="1"/>
    </xf>
    <xf numFmtId="0" fontId="28" fillId="3" borderId="1" xfId="1" applyFont="1" applyFill="1" applyBorder="1" applyAlignment="1">
      <alignment horizontal="center" vertical="center" wrapText="1"/>
    </xf>
    <xf numFmtId="0" fontId="34" fillId="3" borderId="0" xfId="1" applyFont="1" applyFill="1" applyAlignment="1">
      <alignment vertical="center"/>
    </xf>
    <xf numFmtId="0" fontId="28" fillId="3" borderId="32" xfId="1" applyFont="1" applyFill="1" applyBorder="1" applyAlignment="1">
      <alignment vertical="center"/>
    </xf>
    <xf numFmtId="0" fontId="28" fillId="3" borderId="7" xfId="1" applyFont="1" applyFill="1" applyBorder="1" applyAlignment="1">
      <alignment horizontal="distributed" vertical="center"/>
    </xf>
    <xf numFmtId="0" fontId="28" fillId="3" borderId="2" xfId="1" applyFont="1" applyFill="1" applyBorder="1" applyAlignment="1">
      <alignment horizontal="distributed" vertical="center"/>
    </xf>
    <xf numFmtId="0" fontId="32" fillId="3" borderId="7" xfId="1" applyFont="1" applyFill="1" applyBorder="1" applyAlignment="1">
      <alignment horizontal="distributed" vertical="center" wrapText="1"/>
    </xf>
    <xf numFmtId="0" fontId="32" fillId="3" borderId="0" xfId="1" applyFont="1" applyFill="1" applyAlignment="1">
      <alignment horizontal="distributed" vertical="center" wrapText="1"/>
    </xf>
    <xf numFmtId="0" fontId="35" fillId="3" borderId="0" xfId="1" applyFont="1" applyFill="1" applyAlignment="1">
      <alignment horizontal="center" vertical="top"/>
    </xf>
    <xf numFmtId="0" fontId="34" fillId="3" borderId="0" xfId="1" applyFont="1" applyFill="1" applyAlignment="1">
      <alignment horizontal="left" vertical="center"/>
    </xf>
    <xf numFmtId="0" fontId="27" fillId="3" borderId="0" xfId="11" applyFont="1" applyFill="1" applyAlignment="1">
      <alignment vertical="center"/>
    </xf>
    <xf numFmtId="0" fontId="18" fillId="0" borderId="0" xfId="3" applyFont="1" applyAlignment="1">
      <alignment horizontal="center" vertical="center"/>
    </xf>
    <xf numFmtId="49" fontId="1" fillId="4" borderId="0" xfId="13" applyNumberFormat="1" applyFill="1" applyAlignment="1">
      <alignment wrapText="1"/>
    </xf>
    <xf numFmtId="49" fontId="11" fillId="4" borderId="0" xfId="13" applyNumberFormat="1" applyFont="1" applyFill="1" applyAlignment="1">
      <alignment wrapText="1"/>
    </xf>
    <xf numFmtId="49" fontId="1" fillId="0" borderId="0" xfId="14" applyNumberFormat="1" applyFont="1">
      <alignment vertical="center"/>
    </xf>
    <xf numFmtId="49" fontId="52" fillId="4" borderId="0" xfId="13" applyNumberFormat="1" applyFont="1" applyFill="1" applyAlignment="1">
      <alignment wrapText="1"/>
    </xf>
    <xf numFmtId="49" fontId="53" fillId="4" borderId="0" xfId="13" applyNumberFormat="1" applyFont="1" applyFill="1" applyAlignment="1">
      <alignment wrapText="1"/>
    </xf>
    <xf numFmtId="49" fontId="52" fillId="4" borderId="5" xfId="13" applyNumberFormat="1" applyFont="1" applyFill="1" applyBorder="1" applyAlignment="1">
      <alignment wrapText="1"/>
    </xf>
    <xf numFmtId="49" fontId="53" fillId="0" borderId="0" xfId="14" applyNumberFormat="1" applyFont="1">
      <alignment vertical="center"/>
    </xf>
    <xf numFmtId="49" fontId="52" fillId="4" borderId="0" xfId="13" applyNumberFormat="1" applyFont="1" applyFill="1" applyAlignment="1" applyProtection="1">
      <alignment wrapText="1"/>
      <protection locked="0"/>
    </xf>
    <xf numFmtId="49" fontId="52" fillId="4" borderId="0" xfId="13" applyNumberFormat="1" applyFont="1" applyFill="1" applyAlignment="1">
      <alignment horizontal="center" vertical="center" wrapText="1"/>
    </xf>
    <xf numFmtId="49" fontId="52" fillId="4" borderId="0" xfId="13" applyNumberFormat="1" applyFont="1" applyFill="1" applyAlignment="1">
      <alignment horizontal="left" vertical="center" wrapText="1"/>
    </xf>
    <xf numFmtId="49" fontId="52" fillId="0" borderId="0" xfId="13" applyNumberFormat="1" applyFont="1" applyAlignment="1">
      <alignment wrapText="1"/>
    </xf>
    <xf numFmtId="49" fontId="52" fillId="0" borderId="0" xfId="14" applyNumberFormat="1" applyFont="1">
      <alignment vertical="center"/>
    </xf>
    <xf numFmtId="49" fontId="52" fillId="4" borderId="0" xfId="13" applyNumberFormat="1" applyFont="1" applyFill="1" applyAlignment="1" applyProtection="1">
      <alignment vertical="center" wrapText="1"/>
      <protection locked="0"/>
    </xf>
    <xf numFmtId="49" fontId="52" fillId="4" borderId="0" xfId="13" quotePrefix="1" applyNumberFormat="1" applyFont="1" applyFill="1" applyAlignment="1" applyProtection="1">
      <alignment vertical="center" wrapText="1"/>
      <protection locked="0"/>
    </xf>
    <xf numFmtId="49" fontId="52" fillId="4" borderId="0" xfId="15" applyNumberFormat="1" applyFont="1" applyFill="1" applyAlignment="1" applyProtection="1">
      <alignment vertical="center" wrapText="1"/>
      <protection locked="0"/>
    </xf>
    <xf numFmtId="49" fontId="54" fillId="4" borderId="95" xfId="15" applyNumberFormat="1" applyFont="1" applyFill="1" applyBorder="1" applyAlignment="1" applyProtection="1">
      <alignment vertical="center" wrapText="1"/>
      <protection locked="0"/>
    </xf>
    <xf numFmtId="49" fontId="54" fillId="4" borderId="1" xfId="15" applyNumberFormat="1" applyFont="1" applyFill="1" applyBorder="1" applyAlignment="1" applyProtection="1">
      <alignment vertical="center" wrapText="1"/>
      <protection locked="0"/>
    </xf>
    <xf numFmtId="49" fontId="54" fillId="0" borderId="2" xfId="15" applyNumberFormat="1" applyFont="1" applyBorder="1">
      <alignment vertical="center"/>
    </xf>
    <xf numFmtId="49" fontId="54" fillId="4" borderId="2" xfId="15" applyNumberFormat="1" applyFont="1" applyFill="1" applyBorder="1" applyAlignment="1" applyProtection="1">
      <alignment vertical="center" wrapText="1"/>
      <protection locked="0"/>
    </xf>
    <xf numFmtId="49" fontId="54" fillId="0" borderId="3" xfId="15" applyNumberFormat="1" applyFont="1" applyBorder="1">
      <alignment vertical="center"/>
    </xf>
    <xf numFmtId="49" fontId="54" fillId="4" borderId="99" xfId="15" applyNumberFormat="1" applyFont="1" applyFill="1" applyBorder="1" applyAlignment="1" applyProtection="1">
      <alignment vertical="center" wrapText="1"/>
      <protection locked="0"/>
    </xf>
    <xf numFmtId="49" fontId="54" fillId="4" borderId="4" xfId="15" applyNumberFormat="1" applyFont="1" applyFill="1" applyBorder="1" applyAlignment="1" applyProtection="1">
      <alignment vertical="center" wrapText="1"/>
      <protection locked="0"/>
    </xf>
    <xf numFmtId="49" fontId="54" fillId="0" borderId="0" xfId="15" applyNumberFormat="1" applyFont="1">
      <alignment vertical="center"/>
    </xf>
    <xf numFmtId="49" fontId="54" fillId="4" borderId="0" xfId="15" applyNumberFormat="1" applyFont="1" applyFill="1" applyAlignment="1" applyProtection="1">
      <alignment vertical="center" wrapText="1"/>
      <protection locked="0"/>
    </xf>
    <xf numFmtId="49" fontId="54" fillId="0" borderId="5" xfId="15" applyNumberFormat="1" applyFont="1" applyBorder="1">
      <alignment vertical="center"/>
    </xf>
    <xf numFmtId="49" fontId="54" fillId="4" borderId="0" xfId="15" applyNumberFormat="1" applyFont="1" applyFill="1" applyProtection="1">
      <alignment vertical="center"/>
      <protection locked="0"/>
    </xf>
    <xf numFmtId="49" fontId="54" fillId="4" borderId="99" xfId="15" applyNumberFormat="1" applyFont="1" applyFill="1" applyBorder="1" applyAlignment="1" applyProtection="1">
      <alignment horizontal="center" vertical="center" wrapText="1"/>
      <protection locked="0"/>
    </xf>
    <xf numFmtId="49" fontId="54" fillId="4" borderId="115" xfId="15" applyNumberFormat="1" applyFont="1" applyFill="1" applyBorder="1" applyAlignment="1" applyProtection="1">
      <alignment vertical="center" wrapText="1"/>
      <protection locked="0"/>
    </xf>
    <xf numFmtId="49" fontId="54" fillId="0" borderId="42" xfId="15" applyNumberFormat="1" applyFont="1" applyBorder="1">
      <alignment vertical="center"/>
    </xf>
    <xf numFmtId="49" fontId="54" fillId="4" borderId="42" xfId="15" applyNumberFormat="1" applyFont="1" applyFill="1" applyBorder="1" applyAlignment="1" applyProtection="1">
      <alignment vertical="center" wrapText="1"/>
      <protection locked="0"/>
    </xf>
    <xf numFmtId="49" fontId="54" fillId="0" borderId="83" xfId="15" applyNumberFormat="1" applyFont="1" applyBorder="1">
      <alignment vertical="center"/>
    </xf>
    <xf numFmtId="49" fontId="54" fillId="0" borderId="125" xfId="13" applyNumberFormat="1" applyFont="1" applyBorder="1" applyAlignment="1">
      <alignment vertical="center" wrapText="1"/>
    </xf>
    <xf numFmtId="49" fontId="54" fillId="0" borderId="40" xfId="13" applyNumberFormat="1" applyFont="1" applyBorder="1" applyAlignment="1">
      <alignment vertical="center" wrapText="1"/>
    </xf>
    <xf numFmtId="49" fontId="54" fillId="4" borderId="4" xfId="15" applyNumberFormat="1" applyFont="1" applyFill="1" applyBorder="1" applyAlignment="1">
      <alignment vertical="center" wrapText="1"/>
    </xf>
    <xf numFmtId="49" fontId="54" fillId="4" borderId="0" xfId="15" applyNumberFormat="1" applyFont="1" applyFill="1" applyAlignment="1">
      <alignment vertical="center" wrapText="1"/>
    </xf>
    <xf numFmtId="49" fontId="54" fillId="4" borderId="5" xfId="15" applyNumberFormat="1" applyFont="1" applyFill="1" applyBorder="1" applyAlignment="1">
      <alignment vertical="center" wrapText="1"/>
    </xf>
    <xf numFmtId="49" fontId="54" fillId="0" borderId="0" xfId="15" applyNumberFormat="1" applyFont="1" applyAlignment="1">
      <alignment vertical="center" wrapText="1"/>
    </xf>
    <xf numFmtId="49" fontId="54" fillId="4" borderId="5" xfId="15" applyNumberFormat="1" applyFont="1" applyFill="1" applyBorder="1" applyAlignment="1" applyProtection="1">
      <alignment vertical="center" wrapText="1"/>
      <protection locked="0"/>
    </xf>
    <xf numFmtId="49" fontId="54" fillId="0" borderId="4" xfId="13" applyNumberFormat="1" applyFont="1" applyBorder="1" applyAlignment="1">
      <alignment vertical="center" wrapText="1"/>
    </xf>
    <xf numFmtId="49" fontId="54" fillId="0" borderId="0" xfId="13" applyNumberFormat="1" applyFont="1" applyAlignment="1">
      <alignment vertical="center" wrapText="1"/>
    </xf>
    <xf numFmtId="49" fontId="54" fillId="4" borderId="0" xfId="15" applyNumberFormat="1" applyFont="1" applyFill="1">
      <alignment vertical="center"/>
    </xf>
    <xf numFmtId="49" fontId="54" fillId="4" borderId="31" xfId="15" applyNumberFormat="1" applyFont="1" applyFill="1" applyBorder="1" applyAlignment="1" applyProtection="1">
      <alignment vertical="center" wrapText="1"/>
      <protection locked="0"/>
    </xf>
    <xf numFmtId="49" fontId="54" fillId="0" borderId="6" xfId="13" applyNumberFormat="1" applyFont="1" applyBorder="1" applyAlignment="1">
      <alignment vertical="center" wrapText="1"/>
    </xf>
    <xf numFmtId="49" fontId="54" fillId="0" borderId="7" xfId="13" applyNumberFormat="1" applyFont="1" applyBorder="1" applyAlignment="1">
      <alignment vertical="center" wrapText="1"/>
    </xf>
    <xf numFmtId="49" fontId="54" fillId="4" borderId="6" xfId="15" applyNumberFormat="1" applyFont="1" applyFill="1" applyBorder="1" applyAlignment="1">
      <alignment vertical="center" wrapText="1"/>
    </xf>
    <xf numFmtId="49" fontId="54" fillId="4" borderId="7" xfId="15" applyNumberFormat="1" applyFont="1" applyFill="1" applyBorder="1" applyAlignment="1">
      <alignment vertical="center" wrapText="1"/>
    </xf>
    <xf numFmtId="49" fontId="54" fillId="4" borderId="8" xfId="15" applyNumberFormat="1" applyFont="1" applyFill="1" applyBorder="1" applyAlignment="1">
      <alignment vertical="center" wrapText="1"/>
    </xf>
    <xf numFmtId="49" fontId="54" fillId="4" borderId="7" xfId="15" applyNumberFormat="1" applyFont="1" applyFill="1" applyBorder="1" applyAlignment="1" applyProtection="1">
      <alignment vertical="center" wrapText="1"/>
      <protection locked="0"/>
    </xf>
    <xf numFmtId="49" fontId="54" fillId="4" borderId="6" xfId="15" applyNumberFormat="1" applyFont="1" applyFill="1" applyBorder="1" applyAlignment="1" applyProtection="1">
      <alignment vertical="center" wrapText="1"/>
      <protection locked="0"/>
    </xf>
    <xf numFmtId="49" fontId="54" fillId="0" borderId="7" xfId="15" applyNumberFormat="1" applyFont="1" applyBorder="1" applyAlignment="1">
      <alignment vertical="center" wrapText="1"/>
    </xf>
    <xf numFmtId="49" fontId="54" fillId="4" borderId="8" xfId="15" applyNumberFormat="1" applyFont="1" applyFill="1" applyBorder="1" applyAlignment="1" applyProtection="1">
      <alignment vertical="center" wrapText="1"/>
      <protection locked="0"/>
    </xf>
    <xf numFmtId="49" fontId="54" fillId="0" borderId="7" xfId="15" applyNumberFormat="1" applyFont="1" applyBorder="1">
      <alignment vertical="center"/>
    </xf>
    <xf numFmtId="49" fontId="54" fillId="0" borderId="8" xfId="15" applyNumberFormat="1" applyFont="1" applyBorder="1">
      <alignment vertical="center"/>
    </xf>
    <xf numFmtId="0" fontId="50" fillId="0" borderId="0" xfId="7" applyFont="1">
      <alignment vertical="center"/>
    </xf>
    <xf numFmtId="0" fontId="13" fillId="0" borderId="0" xfId="7" applyFont="1">
      <alignment vertical="center"/>
    </xf>
    <xf numFmtId="0" fontId="1" fillId="0" borderId="0" xfId="7">
      <alignment vertical="center"/>
    </xf>
    <xf numFmtId="0" fontId="1" fillId="0" borderId="51" xfId="7" applyBorder="1">
      <alignment vertical="center"/>
    </xf>
    <xf numFmtId="0" fontId="47" fillId="5" borderId="0" xfId="7" applyFont="1" applyFill="1" applyAlignment="1">
      <alignment horizontal="left" vertical="center"/>
    </xf>
    <xf numFmtId="0" fontId="9" fillId="0" borderId="0" xfId="7" applyFont="1">
      <alignment vertical="center"/>
    </xf>
    <xf numFmtId="0" fontId="13" fillId="0" borderId="0" xfId="7" applyFont="1" applyAlignment="1">
      <alignment horizontal="center" vertical="center"/>
    </xf>
    <xf numFmtId="0" fontId="14" fillId="0" borderId="0" xfId="7" applyFont="1" applyAlignment="1">
      <alignment horizontal="distributed" vertical="center" indent="1"/>
    </xf>
    <xf numFmtId="0" fontId="49" fillId="5" borderId="0" xfId="7" applyFont="1" applyFill="1" applyAlignment="1">
      <alignment horizontal="center" vertical="center"/>
    </xf>
    <xf numFmtId="0" fontId="13" fillId="0" borderId="0" xfId="7" applyFont="1" applyAlignment="1">
      <alignment horizontal="right" vertical="center"/>
    </xf>
    <xf numFmtId="0" fontId="15" fillId="0" borderId="0" xfId="7" applyFont="1" applyAlignment="1">
      <alignment horizontal="right" vertical="center"/>
    </xf>
    <xf numFmtId="0" fontId="14" fillId="0" borderId="0" xfId="7" applyFont="1">
      <alignment vertical="center"/>
    </xf>
    <xf numFmtId="0" fontId="13" fillId="0" borderId="0" xfId="7" applyFont="1" applyAlignment="1">
      <alignment horizontal="center" vertical="center" wrapText="1"/>
    </xf>
    <xf numFmtId="0" fontId="15" fillId="0" borderId="0" xfId="7" applyFont="1">
      <alignment vertical="center"/>
    </xf>
    <xf numFmtId="0" fontId="43" fillId="0" borderId="0" xfId="7" applyFont="1">
      <alignment vertical="center"/>
    </xf>
    <xf numFmtId="0" fontId="23" fillId="0" borderId="0" xfId="7" applyFont="1">
      <alignment vertical="center"/>
    </xf>
    <xf numFmtId="0" fontId="1" fillId="0" borderId="0" xfId="7" applyAlignment="1">
      <alignment horizontal="distributed" vertical="center" indent="2"/>
    </xf>
    <xf numFmtId="0" fontId="15" fillId="0" borderId="0" xfId="7" applyFont="1" applyAlignment="1">
      <alignment horizontal="distributed" vertical="center" indent="2"/>
    </xf>
    <xf numFmtId="0" fontId="43" fillId="0" borderId="0" xfId="7" applyFont="1" applyAlignment="1">
      <alignment vertical="center" wrapText="1"/>
    </xf>
    <xf numFmtId="0" fontId="15" fillId="0" borderId="0" xfId="7" applyFont="1" applyAlignment="1">
      <alignment vertical="center" wrapText="1"/>
    </xf>
    <xf numFmtId="0" fontId="45" fillId="0" borderId="0" xfId="7" applyFont="1">
      <alignment vertical="center"/>
    </xf>
    <xf numFmtId="0" fontId="45" fillId="0" borderId="0" xfId="7" applyFont="1" applyAlignment="1">
      <alignment horizontal="left" vertical="center"/>
    </xf>
    <xf numFmtId="0" fontId="44" fillId="0" borderId="0" xfId="7" applyFont="1">
      <alignment vertical="center"/>
    </xf>
    <xf numFmtId="0" fontId="46" fillId="0" borderId="0" xfId="7" applyFont="1" applyAlignment="1">
      <alignment vertical="center" wrapText="1"/>
    </xf>
    <xf numFmtId="0" fontId="45" fillId="0" borderId="0" xfId="7" applyFont="1" applyAlignment="1">
      <alignment vertical="center" wrapText="1"/>
    </xf>
    <xf numFmtId="0" fontId="8" fillId="0" borderId="0" xfId="7" applyFont="1" applyAlignment="1">
      <alignment vertical="center" wrapText="1"/>
    </xf>
    <xf numFmtId="0" fontId="55" fillId="0" borderId="0" xfId="0" applyFont="1">
      <alignment vertical="center"/>
    </xf>
    <xf numFmtId="0" fontId="56" fillId="0" borderId="0" xfId="0" applyFont="1">
      <alignment vertical="center"/>
    </xf>
    <xf numFmtId="0" fontId="57" fillId="0" borderId="0" xfId="0" applyFont="1">
      <alignment vertical="center"/>
    </xf>
    <xf numFmtId="0" fontId="58" fillId="0" borderId="0" xfId="0" applyFont="1">
      <alignment vertical="center"/>
    </xf>
    <xf numFmtId="0" fontId="55" fillId="0" borderId="7" xfId="0" applyFont="1" applyBorder="1">
      <alignment vertical="center"/>
    </xf>
    <xf numFmtId="0" fontId="58" fillId="0" borderId="7" xfId="0" applyFont="1" applyBorder="1">
      <alignment vertical="center"/>
    </xf>
    <xf numFmtId="0" fontId="33" fillId="0" borderId="0" xfId="0" applyFont="1">
      <alignment vertical="center"/>
    </xf>
    <xf numFmtId="0" fontId="59" fillId="0" borderId="0" xfId="0" applyFont="1">
      <alignment vertical="center"/>
    </xf>
    <xf numFmtId="49" fontId="60" fillId="0" borderId="7" xfId="0" applyNumberFormat="1" applyFont="1" applyBorder="1">
      <alignment vertical="center"/>
    </xf>
    <xf numFmtId="0" fontId="33" fillId="0" borderId="7" xfId="0" applyFont="1" applyBorder="1">
      <alignment vertical="center"/>
    </xf>
    <xf numFmtId="49" fontId="60" fillId="0" borderId="0" xfId="0" applyNumberFormat="1" applyFont="1">
      <alignment vertical="center"/>
    </xf>
    <xf numFmtId="49" fontId="60" fillId="0" borderId="0" xfId="0" applyNumberFormat="1" applyFont="1" applyAlignment="1">
      <alignment horizontal="center" vertical="center"/>
    </xf>
    <xf numFmtId="49" fontId="60" fillId="0" borderId="0" xfId="0" applyNumberFormat="1" applyFont="1" applyAlignment="1">
      <alignment horizontal="right" vertical="center"/>
    </xf>
    <xf numFmtId="0" fontId="33" fillId="0" borderId="16" xfId="0" applyFont="1" applyBorder="1">
      <alignment vertical="center"/>
    </xf>
    <xf numFmtId="0" fontId="33" fillId="0" borderId="9" xfId="0" applyFont="1" applyBorder="1">
      <alignment vertical="center"/>
    </xf>
    <xf numFmtId="0" fontId="33" fillId="0" borderId="11" xfId="0" applyFont="1" applyBorder="1">
      <alignment vertical="center"/>
    </xf>
    <xf numFmtId="0" fontId="33" fillId="0" borderId="17" xfId="0" applyFont="1" applyBorder="1">
      <alignment vertical="center"/>
    </xf>
    <xf numFmtId="0" fontId="33" fillId="0" borderId="20" xfId="0" applyFont="1" applyBorder="1">
      <alignment vertical="center"/>
    </xf>
    <xf numFmtId="0" fontId="33" fillId="0" borderId="21" xfId="0" applyFont="1" applyBorder="1" applyAlignment="1">
      <alignment vertical="center" wrapText="1"/>
    </xf>
    <xf numFmtId="0" fontId="33" fillId="0" borderId="23" xfId="0" applyFont="1" applyBorder="1">
      <alignment vertical="center"/>
    </xf>
    <xf numFmtId="0" fontId="33" fillId="0" borderId="0" xfId="0" applyFont="1" applyAlignment="1">
      <alignment vertical="center" wrapText="1"/>
    </xf>
    <xf numFmtId="0" fontId="33" fillId="0" borderId="13" xfId="0" applyFont="1" applyBorder="1">
      <alignment vertical="center"/>
    </xf>
    <xf numFmtId="0" fontId="33" fillId="0" borderId="25" xfId="0" applyFont="1" applyBorder="1">
      <alignment vertical="center"/>
    </xf>
    <xf numFmtId="0" fontId="33" fillId="0" borderId="26" xfId="0" applyFont="1" applyBorder="1">
      <alignment vertical="center"/>
    </xf>
    <xf numFmtId="0" fontId="33" fillId="0" borderId="14" xfId="0" applyFont="1" applyBorder="1" applyAlignment="1">
      <alignment horizontal="left" vertical="center"/>
    </xf>
    <xf numFmtId="0" fontId="33" fillId="0" borderId="26" xfId="0" applyFont="1" applyBorder="1" applyAlignment="1">
      <alignment horizontal="left" vertical="center"/>
    </xf>
    <xf numFmtId="0" fontId="33" fillId="0" borderId="25" xfId="0" applyFont="1" applyBorder="1" applyAlignment="1">
      <alignment horizontal="center" vertical="center"/>
    </xf>
    <xf numFmtId="0" fontId="33" fillId="0" borderId="14" xfId="0" applyFont="1" applyBorder="1" applyAlignment="1">
      <alignment horizontal="center" vertical="center"/>
    </xf>
    <xf numFmtId="0" fontId="33" fillId="0" borderId="15" xfId="0" applyFont="1" applyBorder="1" applyAlignment="1">
      <alignment horizontal="center" vertical="center"/>
    </xf>
    <xf numFmtId="0" fontId="33" fillId="0" borderId="0" xfId="0" applyFont="1" applyAlignment="1">
      <alignment horizontal="left" vertical="center"/>
    </xf>
    <xf numFmtId="0" fontId="33" fillId="0" borderId="0" xfId="0" applyFont="1" applyAlignment="1">
      <alignment horizontal="center" vertical="center"/>
    </xf>
    <xf numFmtId="0" fontId="33" fillId="0" borderId="40" xfId="0" applyFont="1" applyBorder="1" applyAlignment="1">
      <alignment vertical="center" wrapText="1"/>
    </xf>
    <xf numFmtId="0" fontId="33" fillId="0" borderId="18" xfId="0" applyFont="1" applyBorder="1">
      <alignment vertical="center"/>
    </xf>
    <xf numFmtId="0" fontId="33" fillId="0" borderId="19" xfId="0" applyFont="1" applyBorder="1">
      <alignment vertical="center"/>
    </xf>
    <xf numFmtId="0" fontId="33" fillId="0" borderId="24" xfId="0" applyFont="1" applyBorder="1">
      <alignment vertical="center"/>
    </xf>
    <xf numFmtId="0" fontId="33" fillId="0" borderId="51" xfId="0" applyFont="1" applyBorder="1">
      <alignment vertical="center"/>
    </xf>
    <xf numFmtId="0" fontId="61" fillId="0" borderId="0" xfId="0" applyFont="1" applyAlignment="1">
      <alignment horizontal="left" vertical="center"/>
    </xf>
    <xf numFmtId="0" fontId="61" fillId="0" borderId="0" xfId="0" applyFont="1">
      <alignment vertical="center"/>
    </xf>
    <xf numFmtId="0" fontId="32" fillId="0" borderId="0" xfId="7" applyFont="1">
      <alignment vertical="center"/>
    </xf>
    <xf numFmtId="0" fontId="63" fillId="0" borderId="0" xfId="0" applyFont="1">
      <alignment vertical="center"/>
    </xf>
    <xf numFmtId="0" fontId="65" fillId="0" borderId="0" xfId="0" applyFont="1">
      <alignment vertical="center"/>
    </xf>
    <xf numFmtId="0" fontId="24" fillId="0" borderId="0" xfId="0" applyFont="1">
      <alignment vertical="center"/>
    </xf>
    <xf numFmtId="0" fontId="0" fillId="0" borderId="133" xfId="0" applyBorder="1">
      <alignment vertical="center"/>
    </xf>
    <xf numFmtId="0" fontId="0" fillId="0" borderId="134" xfId="0" applyBorder="1">
      <alignment vertical="center"/>
    </xf>
    <xf numFmtId="0" fontId="0" fillId="0" borderId="134" xfId="0" applyBorder="1" applyAlignment="1">
      <alignment horizontal="right" vertical="center"/>
    </xf>
    <xf numFmtId="0" fontId="0" fillId="0" borderId="135" xfId="0" applyBorder="1">
      <alignment vertical="center"/>
    </xf>
    <xf numFmtId="0" fontId="10" fillId="0" borderId="136" xfId="0" applyFont="1" applyBorder="1">
      <alignment vertical="center"/>
    </xf>
    <xf numFmtId="0" fontId="66" fillId="0" borderId="0" xfId="0" applyFont="1">
      <alignment vertical="center"/>
    </xf>
    <xf numFmtId="0" fontId="67" fillId="0" borderId="0" xfId="0" applyFont="1">
      <alignment vertical="center"/>
    </xf>
    <xf numFmtId="0" fontId="10" fillId="0" borderId="137" xfId="0" applyFont="1" applyBorder="1">
      <alignment vertical="center"/>
    </xf>
    <xf numFmtId="0" fontId="64" fillId="0" borderId="0" xfId="0" applyFont="1">
      <alignment vertical="center"/>
    </xf>
    <xf numFmtId="0" fontId="0" fillId="0" borderId="136" xfId="0" applyBorder="1">
      <alignment vertical="center"/>
    </xf>
    <xf numFmtId="0" fontId="25" fillId="0" borderId="0" xfId="0" applyFont="1">
      <alignment vertical="center"/>
    </xf>
    <xf numFmtId="0" fontId="0" fillId="0" borderId="137" xfId="0" applyBorder="1">
      <alignment vertical="center"/>
    </xf>
    <xf numFmtId="0" fontId="0" fillId="0" borderId="138" xfId="0" applyBorder="1">
      <alignment vertical="center"/>
    </xf>
    <xf numFmtId="0" fontId="0" fillId="0" borderId="139" xfId="0" applyBorder="1">
      <alignment vertical="center"/>
    </xf>
    <xf numFmtId="0" fontId="0" fillId="0" borderId="140" xfId="0" applyBorder="1">
      <alignment vertical="center"/>
    </xf>
    <xf numFmtId="0" fontId="24" fillId="0" borderId="141" xfId="0" applyFont="1" applyBorder="1">
      <alignment vertical="center"/>
    </xf>
    <xf numFmtId="0" fontId="24" fillId="0" borderId="142" xfId="0" applyFont="1" applyBorder="1">
      <alignment vertical="center"/>
    </xf>
    <xf numFmtId="0" fontId="67" fillId="0" borderId="142" xfId="0" applyFont="1" applyBorder="1">
      <alignment vertical="center"/>
    </xf>
    <xf numFmtId="0" fontId="67" fillId="0" borderId="143" xfId="0" applyFont="1" applyBorder="1">
      <alignment vertical="center"/>
    </xf>
    <xf numFmtId="0" fontId="24" fillId="0" borderId="144" xfId="0" applyFont="1" applyBorder="1">
      <alignment vertical="center"/>
    </xf>
    <xf numFmtId="0" fontId="67" fillId="0" borderId="145" xfId="0" applyFont="1" applyBorder="1">
      <alignment vertical="center"/>
    </xf>
    <xf numFmtId="0" fontId="24" fillId="0" borderId="146" xfId="0" applyFont="1" applyBorder="1">
      <alignment vertical="center"/>
    </xf>
    <xf numFmtId="0" fontId="24" fillId="0" borderId="147" xfId="0" applyFont="1" applyBorder="1">
      <alignment vertical="center"/>
    </xf>
    <xf numFmtId="0" fontId="67" fillId="0" borderId="147" xfId="0" applyFont="1" applyBorder="1">
      <alignment vertical="center"/>
    </xf>
    <xf numFmtId="0" fontId="67" fillId="0" borderId="148" xfId="0" applyFont="1" applyBorder="1">
      <alignment vertical="center"/>
    </xf>
    <xf numFmtId="0" fontId="0" fillId="0" borderId="9" xfId="0" applyBorder="1" applyAlignment="1">
      <alignment horizontal="left" vertical="center"/>
    </xf>
    <xf numFmtId="0" fontId="0" fillId="0" borderId="134" xfId="0" applyBorder="1" applyAlignment="1">
      <alignment horizontal="left" vertical="center"/>
    </xf>
    <xf numFmtId="0" fontId="9" fillId="0" borderId="0" xfId="0" applyFont="1" applyAlignment="1">
      <alignment horizontal="distributed" vertical="center"/>
    </xf>
    <xf numFmtId="49" fontId="7" fillId="0" borderId="7" xfId="0" applyNumberFormat="1" applyFont="1" applyBorder="1">
      <alignment vertical="center"/>
    </xf>
    <xf numFmtId="0" fontId="0" fillId="0" borderId="0" xfId="0" applyAlignment="1">
      <alignment horizontal="right" vertical="center"/>
    </xf>
    <xf numFmtId="5" fontId="7" fillId="0" borderId="7" xfId="0" applyNumberFormat="1" applyFont="1" applyBorder="1" applyAlignment="1">
      <alignment horizontal="left" vertical="center"/>
    </xf>
    <xf numFmtId="49" fontId="5" fillId="0" borderId="0" xfId="0" applyNumberFormat="1" applyFont="1" applyAlignment="1">
      <alignment horizontal="left" vertical="center"/>
    </xf>
    <xf numFmtId="5" fontId="7" fillId="0" borderId="0" xfId="0" applyNumberFormat="1" applyFont="1" applyAlignment="1">
      <alignment horizontal="left" vertical="center"/>
    </xf>
    <xf numFmtId="0" fontId="0" fillId="0" borderId="2" xfId="0" applyBorder="1" applyAlignment="1">
      <alignment horizontal="distributed" vertical="center"/>
    </xf>
    <xf numFmtId="49" fontId="7" fillId="0" borderId="52" xfId="0" applyNumberFormat="1" applyFont="1" applyBorder="1">
      <alignment vertical="center"/>
    </xf>
    <xf numFmtId="0" fontId="0" fillId="0" borderId="2" xfId="0" applyBorder="1" applyAlignment="1">
      <alignment horizontal="center" vertical="center" wrapText="1"/>
    </xf>
    <xf numFmtId="0" fontId="0" fillId="0" borderId="2" xfId="0" applyBorder="1" applyAlignment="1">
      <alignment horizontal="center" vertical="center"/>
    </xf>
    <xf numFmtId="5" fontId="7" fillId="0" borderId="52" xfId="0" applyNumberFormat="1" applyFont="1" applyBorder="1" applyAlignment="1">
      <alignment horizontal="left" vertical="center"/>
    </xf>
    <xf numFmtId="0" fontId="0" fillId="0" borderId="47" xfId="0" applyBorder="1" applyAlignment="1">
      <alignment horizontal="left" vertical="center"/>
    </xf>
    <xf numFmtId="0" fontId="0" fillId="0" borderId="48" xfId="0" applyBorder="1" applyAlignment="1">
      <alignment horizontal="center" vertical="center"/>
    </xf>
    <xf numFmtId="0" fontId="0" fillId="0" borderId="47" xfId="0" applyBorder="1" applyAlignment="1">
      <alignment horizontal="center" vertical="center"/>
    </xf>
    <xf numFmtId="0" fontId="0" fillId="0" borderId="49" xfId="0" applyBorder="1" applyAlignment="1">
      <alignment horizontal="center" vertical="center"/>
    </xf>
    <xf numFmtId="49" fontId="5" fillId="0" borderId="0" xfId="0" applyNumberFormat="1" applyFont="1" applyAlignment="1">
      <alignment horizontal="center" vertical="center"/>
    </xf>
    <xf numFmtId="49" fontId="5" fillId="0" borderId="0" xfId="0" applyNumberFormat="1" applyFont="1" applyAlignment="1">
      <alignment horizontal="right" vertical="center"/>
    </xf>
    <xf numFmtId="49" fontId="5" fillId="0" borderId="7" xfId="0" applyNumberFormat="1" applyFont="1" applyBorder="1" applyAlignment="1">
      <alignment horizontal="center" vertical="center"/>
    </xf>
    <xf numFmtId="0" fontId="0" fillId="0" borderId="43" xfId="0" applyBorder="1" applyAlignment="1">
      <alignment horizontal="center" vertical="center"/>
    </xf>
    <xf numFmtId="0" fontId="0" fillId="0" borderId="44" xfId="0" applyBorder="1" applyAlignment="1">
      <alignment horizontal="center" vertical="center"/>
    </xf>
    <xf numFmtId="0" fontId="0" fillId="0" borderId="45" xfId="0" applyBorder="1" applyAlignment="1">
      <alignment horizontal="center" vertical="center"/>
    </xf>
    <xf numFmtId="0" fontId="0" fillId="0" borderId="46" xfId="0"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33" xfId="0" applyBorder="1" applyAlignment="1">
      <alignment horizontal="left" vertical="center" wrapText="1"/>
    </xf>
    <xf numFmtId="0" fontId="0" fillId="0" borderId="34" xfId="0" applyBorder="1" applyAlignment="1">
      <alignment horizontal="left" vertical="center" wrapText="1"/>
    </xf>
    <xf numFmtId="0" fontId="0" fillId="0" borderId="35" xfId="0" applyBorder="1" applyAlignment="1">
      <alignment horizontal="left" vertical="center" wrapText="1"/>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36" xfId="0" applyBorder="1" applyAlignment="1">
      <alignment horizontal="center" vertical="center"/>
    </xf>
    <xf numFmtId="0" fontId="0" fillId="0" borderId="18" xfId="0" applyBorder="1" applyAlignment="1">
      <alignment horizontal="left" vertical="top" wrapText="1"/>
    </xf>
    <xf numFmtId="0" fontId="0" fillId="0" borderId="42" xfId="0" applyBorder="1" applyAlignment="1">
      <alignment horizontal="left" vertical="top" wrapText="1"/>
    </xf>
    <xf numFmtId="0" fontId="0" fillId="0" borderId="19" xfId="0" applyBorder="1" applyAlignment="1">
      <alignment horizontal="left" vertical="top" wrapText="1"/>
    </xf>
    <xf numFmtId="0" fontId="0" fillId="0" borderId="20" xfId="0" applyBorder="1" applyAlignment="1">
      <alignment horizontal="left" vertical="top" wrapText="1"/>
    </xf>
    <xf numFmtId="0" fontId="0" fillId="0" borderId="21" xfId="0" applyBorder="1" applyAlignment="1">
      <alignment horizontal="left" vertical="top" wrapText="1"/>
    </xf>
    <xf numFmtId="0" fontId="0" fillId="0" borderId="22" xfId="0" applyBorder="1" applyAlignment="1">
      <alignment horizontal="left" vertical="top" wrapText="1"/>
    </xf>
    <xf numFmtId="0" fontId="8" fillId="0" borderId="20" xfId="0" applyFont="1" applyBorder="1" applyAlignment="1">
      <alignment horizontal="left" vertical="top" wrapText="1"/>
    </xf>
    <xf numFmtId="0" fontId="8" fillId="0" borderId="21" xfId="0" applyFont="1" applyBorder="1" applyAlignment="1">
      <alignment horizontal="left" vertical="top" wrapText="1"/>
    </xf>
    <xf numFmtId="0" fontId="8" fillId="0" borderId="36" xfId="0" applyFont="1" applyBorder="1" applyAlignment="1">
      <alignment horizontal="left" vertical="top" wrapText="1"/>
    </xf>
    <xf numFmtId="0" fontId="0" fillId="0" borderId="20" xfId="0" applyBorder="1" applyAlignment="1">
      <alignment horizontal="center" vertical="center" wrapText="1"/>
    </xf>
    <xf numFmtId="0" fontId="0" fillId="0" borderId="21" xfId="0" applyBorder="1" applyAlignment="1">
      <alignment horizontal="center" vertical="center" wrapText="1"/>
    </xf>
    <xf numFmtId="0" fontId="0" fillId="0" borderId="36" xfId="0" applyBorder="1" applyAlignment="1">
      <alignment horizontal="center" vertical="center" wrapText="1"/>
    </xf>
    <xf numFmtId="0" fontId="0" fillId="0" borderId="20" xfId="0" applyBorder="1" applyAlignment="1">
      <alignment horizontal="left" vertical="center"/>
    </xf>
    <xf numFmtId="0" fontId="0" fillId="0" borderId="21" xfId="0" applyBorder="1" applyAlignment="1">
      <alignment horizontal="left" vertical="center"/>
    </xf>
    <xf numFmtId="0" fontId="0" fillId="0" borderId="22" xfId="0" applyBorder="1" applyAlignment="1">
      <alignment horizontal="left" vertical="center"/>
    </xf>
    <xf numFmtId="0" fontId="0" fillId="0" borderId="33" xfId="0" applyBorder="1" applyAlignment="1">
      <alignment horizontal="left" vertical="top" wrapText="1"/>
    </xf>
    <xf numFmtId="0" fontId="0" fillId="0" borderId="34" xfId="0" applyBorder="1" applyAlignment="1">
      <alignment horizontal="left" vertical="top" wrapText="1"/>
    </xf>
    <xf numFmtId="0" fontId="0" fillId="0" borderId="35" xfId="0" applyBorder="1" applyAlignment="1">
      <alignment horizontal="left" vertical="top" wrapText="1"/>
    </xf>
    <xf numFmtId="0" fontId="0" fillId="0" borderId="37" xfId="0" applyBorder="1" applyAlignment="1">
      <alignment horizontal="left" vertical="center"/>
    </xf>
    <xf numFmtId="0" fontId="0" fillId="0" borderId="38" xfId="0" applyBorder="1" applyAlignment="1">
      <alignment horizontal="left" vertical="center"/>
    </xf>
    <xf numFmtId="0" fontId="0" fillId="0" borderId="39" xfId="0" applyBorder="1" applyAlignment="1">
      <alignment horizontal="left" vertical="center"/>
    </xf>
    <xf numFmtId="0" fontId="0" fillId="0" borderId="23" xfId="0" applyBorder="1" applyAlignment="1">
      <alignment horizontal="center" vertical="center"/>
    </xf>
    <xf numFmtId="0" fontId="0" fillId="0" borderId="40" xfId="0" applyBorder="1" applyAlignment="1">
      <alignment horizontal="center" vertical="center"/>
    </xf>
    <xf numFmtId="0" fontId="0" fillId="0" borderId="41" xfId="0" applyBorder="1" applyAlignment="1">
      <alignment horizontal="center" vertical="center"/>
    </xf>
    <xf numFmtId="0" fontId="0" fillId="0" borderId="0" xfId="0" applyAlignment="1">
      <alignment horizontal="left" vertical="center" wrapText="1"/>
    </xf>
    <xf numFmtId="0" fontId="5" fillId="0" borderId="0" xfId="0" applyFont="1" applyAlignment="1">
      <alignment horizontal="right" vertical="center"/>
    </xf>
    <xf numFmtId="0" fontId="33" fillId="0" borderId="23" xfId="0" applyFont="1" applyBorder="1" applyAlignment="1">
      <alignment horizontal="left" vertical="center" wrapText="1"/>
    </xf>
    <xf numFmtId="0" fontId="33" fillId="0" borderId="40" xfId="0" applyFont="1" applyBorder="1" applyAlignment="1">
      <alignment horizontal="left" vertical="center" wrapText="1"/>
    </xf>
    <xf numFmtId="0" fontId="33" fillId="0" borderId="50" xfId="0" applyFont="1" applyBorder="1" applyAlignment="1">
      <alignment horizontal="left" vertical="center" wrapText="1"/>
    </xf>
    <xf numFmtId="0" fontId="33" fillId="0" borderId="20" xfId="0" applyFont="1" applyBorder="1">
      <alignment vertical="center"/>
    </xf>
    <xf numFmtId="0" fontId="33" fillId="0" borderId="21" xfId="0" applyFont="1" applyBorder="1">
      <alignment vertical="center"/>
    </xf>
    <xf numFmtId="0" fontId="33" fillId="0" borderId="36" xfId="0" applyFont="1" applyBorder="1">
      <alignment vertical="center"/>
    </xf>
    <xf numFmtId="0" fontId="33" fillId="0" borderId="33" xfId="0" applyFont="1" applyBorder="1" applyAlignment="1">
      <alignment horizontal="left" vertical="center" wrapText="1"/>
    </xf>
    <xf numFmtId="0" fontId="33" fillId="0" borderId="34" xfId="0" applyFont="1" applyBorder="1" applyAlignment="1">
      <alignment horizontal="left" vertical="center" wrapText="1"/>
    </xf>
    <xf numFmtId="0" fontId="33" fillId="0" borderId="35" xfId="0" applyFont="1" applyBorder="1" applyAlignment="1">
      <alignment horizontal="left" vertical="center" wrapText="1"/>
    </xf>
    <xf numFmtId="0" fontId="33" fillId="0" borderId="20" xfId="0" applyFont="1" applyBorder="1" applyAlignment="1">
      <alignment vertical="center" shrinkToFit="1"/>
    </xf>
    <xf numFmtId="0" fontId="33" fillId="0" borderId="21" xfId="0" applyFont="1" applyBorder="1" applyAlignment="1">
      <alignment vertical="center" shrinkToFit="1"/>
    </xf>
    <xf numFmtId="0" fontId="33" fillId="0" borderId="36" xfId="0" applyFont="1" applyBorder="1" applyAlignment="1">
      <alignment vertical="center" shrinkToFit="1"/>
    </xf>
    <xf numFmtId="49" fontId="60" fillId="0" borderId="0" xfId="0" applyNumberFormat="1" applyFont="1" applyAlignment="1">
      <alignment horizontal="center" vertical="center"/>
    </xf>
    <xf numFmtId="0" fontId="33" fillId="0" borderId="43" xfId="0" applyFont="1" applyBorder="1" applyAlignment="1">
      <alignment horizontal="center" vertical="center"/>
    </xf>
    <xf numFmtId="0" fontId="33" fillId="0" borderId="44" xfId="0" applyFont="1" applyBorder="1" applyAlignment="1">
      <alignment horizontal="center" vertical="center"/>
    </xf>
    <xf numFmtId="0" fontId="33" fillId="0" borderId="45" xfId="0" applyFont="1" applyBorder="1" applyAlignment="1">
      <alignment horizontal="center" vertical="center"/>
    </xf>
    <xf numFmtId="0" fontId="33" fillId="0" borderId="46" xfId="0" applyFont="1" applyBorder="1" applyAlignment="1">
      <alignment horizontal="center" vertical="center"/>
    </xf>
    <xf numFmtId="0" fontId="33" fillId="0" borderId="9" xfId="0" applyFont="1" applyBorder="1" applyAlignment="1">
      <alignment horizontal="center" vertical="center"/>
    </xf>
    <xf numFmtId="0" fontId="33" fillId="0" borderId="10" xfId="0" applyFont="1" applyBorder="1" applyAlignment="1">
      <alignment horizontal="center" vertical="center"/>
    </xf>
    <xf numFmtId="0" fontId="33" fillId="0" borderId="47" xfId="0" applyFont="1" applyBorder="1" applyAlignment="1">
      <alignment horizontal="left" vertical="center"/>
    </xf>
    <xf numFmtId="0" fontId="33" fillId="0" borderId="47" xfId="0" applyFont="1" applyBorder="1">
      <alignment vertical="center"/>
    </xf>
    <xf numFmtId="0" fontId="33" fillId="0" borderId="49" xfId="0" applyFont="1" applyBorder="1">
      <alignment vertical="center"/>
    </xf>
    <xf numFmtId="49" fontId="60" fillId="0" borderId="0" xfId="0" applyNumberFormat="1" applyFont="1" applyAlignment="1">
      <alignment horizontal="right" vertical="center"/>
    </xf>
    <xf numFmtId="49" fontId="60" fillId="0" borderId="7" xfId="0" applyNumberFormat="1" applyFont="1" applyBorder="1" applyAlignment="1">
      <alignment horizontal="center" vertical="center"/>
    </xf>
    <xf numFmtId="0" fontId="33" fillId="0" borderId="42" xfId="0" applyFont="1" applyBorder="1" applyAlignment="1">
      <alignment horizontal="left" vertical="center"/>
    </xf>
    <xf numFmtId="0" fontId="33" fillId="0" borderId="42" xfId="0" applyFont="1" applyBorder="1">
      <alignment vertical="center"/>
    </xf>
    <xf numFmtId="0" fontId="33" fillId="0" borderId="53" xfId="0" applyFont="1" applyBorder="1">
      <alignment vertical="center"/>
    </xf>
    <xf numFmtId="0" fontId="62" fillId="0" borderId="20" xfId="0" applyFont="1" applyBorder="1" applyAlignment="1">
      <alignment horizontal="left" vertical="top" wrapText="1"/>
    </xf>
    <xf numFmtId="0" fontId="62" fillId="0" borderId="21" xfId="0" applyFont="1" applyBorder="1" applyAlignment="1">
      <alignment horizontal="left" vertical="top" wrapText="1"/>
    </xf>
    <xf numFmtId="0" fontId="62" fillId="0" borderId="22" xfId="0" applyFont="1" applyBorder="1" applyAlignment="1">
      <alignment horizontal="left" vertical="top" wrapText="1"/>
    </xf>
    <xf numFmtId="0" fontId="61" fillId="0" borderId="20" xfId="0" applyFont="1" applyBorder="1" applyAlignment="1">
      <alignment horizontal="left" vertical="top" wrapText="1"/>
    </xf>
    <xf numFmtId="0" fontId="61" fillId="0" borderId="21" xfId="0" applyFont="1" applyBorder="1" applyAlignment="1">
      <alignment horizontal="left" vertical="top" wrapText="1"/>
    </xf>
    <xf numFmtId="0" fontId="61" fillId="0" borderId="36" xfId="0" applyFont="1" applyBorder="1" applyAlignment="1">
      <alignment horizontal="left" vertical="top" wrapText="1"/>
    </xf>
    <xf numFmtId="0" fontId="33" fillId="0" borderId="20" xfId="0" applyFont="1" applyBorder="1" applyAlignment="1">
      <alignment horizontal="left" vertical="center"/>
    </xf>
    <xf numFmtId="0" fontId="33" fillId="0" borderId="21" xfId="0" applyFont="1" applyBorder="1" applyAlignment="1">
      <alignment horizontal="left" vertical="center"/>
    </xf>
    <xf numFmtId="0" fontId="33" fillId="0" borderId="36" xfId="0" applyFont="1" applyBorder="1" applyAlignment="1">
      <alignment horizontal="left" vertical="center"/>
    </xf>
    <xf numFmtId="0" fontId="33" fillId="0" borderId="41" xfId="0" applyFont="1" applyBorder="1" applyAlignment="1">
      <alignment horizontal="left" vertical="center" wrapText="1"/>
    </xf>
    <xf numFmtId="0" fontId="33" fillId="0" borderId="24" xfId="0" applyFont="1" applyBorder="1" applyAlignment="1">
      <alignment horizontal="left" vertical="center" wrapText="1"/>
    </xf>
    <xf numFmtId="0" fontId="33" fillId="0" borderId="0" xfId="0" applyFont="1" applyAlignment="1">
      <alignment horizontal="left" vertical="center" wrapText="1"/>
    </xf>
    <xf numFmtId="0" fontId="33" fillId="0" borderId="12" xfId="0" applyFont="1" applyBorder="1" applyAlignment="1">
      <alignment horizontal="left" vertical="center" wrapText="1"/>
    </xf>
    <xf numFmtId="0" fontId="33" fillId="0" borderId="18" xfId="0" applyFont="1" applyBorder="1" applyAlignment="1">
      <alignment horizontal="left" vertical="center" wrapText="1"/>
    </xf>
    <xf numFmtId="0" fontId="33" fillId="0" borderId="42" xfId="0" applyFont="1" applyBorder="1" applyAlignment="1">
      <alignment horizontal="left" vertical="center" wrapText="1"/>
    </xf>
    <xf numFmtId="0" fontId="33" fillId="0" borderId="53" xfId="0" applyFont="1" applyBorder="1" applyAlignment="1">
      <alignment horizontal="left" vertical="center" wrapText="1"/>
    </xf>
    <xf numFmtId="0" fontId="33" fillId="0" borderId="23" xfId="0" applyFont="1" applyBorder="1" applyAlignment="1">
      <alignment horizontal="left" vertical="top" wrapText="1"/>
    </xf>
    <xf numFmtId="0" fontId="33" fillId="0" borderId="40" xfId="0" applyFont="1" applyBorder="1" applyAlignment="1">
      <alignment horizontal="left" vertical="top" wrapText="1"/>
    </xf>
    <xf numFmtId="0" fontId="33" fillId="0" borderId="50" xfId="0" applyFont="1" applyBorder="1" applyAlignment="1">
      <alignment horizontal="left" vertical="top" wrapText="1"/>
    </xf>
    <xf numFmtId="0" fontId="33" fillId="0" borderId="24" xfId="0" applyFont="1" applyBorder="1" applyAlignment="1">
      <alignment horizontal="left" vertical="top" wrapText="1"/>
    </xf>
    <xf numFmtId="0" fontId="33" fillId="0" borderId="0" xfId="0" applyFont="1" applyAlignment="1">
      <alignment horizontal="left" vertical="top" wrapText="1"/>
    </xf>
    <xf numFmtId="0" fontId="33" fillId="0" borderId="51" xfId="0" applyFont="1" applyBorder="1" applyAlignment="1">
      <alignment horizontal="left" vertical="top" wrapText="1"/>
    </xf>
    <xf numFmtId="0" fontId="33" fillId="0" borderId="18" xfId="0" applyFont="1" applyBorder="1" applyAlignment="1">
      <alignment horizontal="left" vertical="top" wrapText="1"/>
    </xf>
    <xf numFmtId="0" fontId="33" fillId="0" borderId="42" xfId="0" applyFont="1" applyBorder="1" applyAlignment="1">
      <alignment horizontal="left" vertical="top" wrapText="1"/>
    </xf>
    <xf numFmtId="0" fontId="33" fillId="0" borderId="19" xfId="0" applyFont="1" applyBorder="1" applyAlignment="1">
      <alignment horizontal="left" vertical="top" wrapText="1"/>
    </xf>
    <xf numFmtId="0" fontId="62" fillId="0" borderId="23" xfId="0" applyFont="1" applyBorder="1" applyAlignment="1">
      <alignment horizontal="left" vertical="center" wrapText="1"/>
    </xf>
    <xf numFmtId="0" fontId="62" fillId="0" borderId="40" xfId="0" applyFont="1" applyBorder="1" applyAlignment="1">
      <alignment horizontal="left" vertical="center" wrapText="1"/>
    </xf>
    <xf numFmtId="0" fontId="62" fillId="0" borderId="50" xfId="0" applyFont="1" applyBorder="1" applyAlignment="1">
      <alignment horizontal="left" vertical="center" wrapText="1"/>
    </xf>
    <xf numFmtId="0" fontId="62" fillId="0" borderId="18" xfId="0" applyFont="1" applyBorder="1" applyAlignment="1">
      <alignment horizontal="left" vertical="center" wrapText="1"/>
    </xf>
    <xf numFmtId="0" fontId="62" fillId="0" borderId="42" xfId="0" applyFont="1" applyBorder="1" applyAlignment="1">
      <alignment horizontal="left" vertical="center" wrapText="1"/>
    </xf>
    <xf numFmtId="0" fontId="62" fillId="0" borderId="19" xfId="0" applyFont="1" applyBorder="1" applyAlignment="1">
      <alignment horizontal="left" vertical="center" wrapText="1"/>
    </xf>
    <xf numFmtId="0" fontId="33" fillId="0" borderId="41" xfId="0" applyFont="1" applyBorder="1" applyAlignment="1">
      <alignment horizontal="left" vertical="top" wrapText="1"/>
    </xf>
    <xf numFmtId="0" fontId="33" fillId="0" borderId="53" xfId="0" applyFont="1" applyBorder="1" applyAlignment="1">
      <alignment horizontal="left" vertical="top" wrapText="1"/>
    </xf>
    <xf numFmtId="0" fontId="33" fillId="0" borderId="23" xfId="0" applyFont="1" applyBorder="1" applyAlignment="1">
      <alignment horizontal="center" vertical="center"/>
    </xf>
    <xf numFmtId="0" fontId="33" fillId="0" borderId="40" xfId="0" applyFont="1" applyBorder="1" applyAlignment="1">
      <alignment horizontal="center" vertical="center"/>
    </xf>
    <xf numFmtId="0" fontId="33" fillId="0" borderId="41" xfId="0" applyFont="1" applyBorder="1" applyAlignment="1">
      <alignment horizontal="center" vertical="center"/>
    </xf>
    <xf numFmtId="0" fontId="33" fillId="0" borderId="18" xfId="0" applyFont="1" applyBorder="1" applyAlignment="1">
      <alignment horizontal="center" vertical="center"/>
    </xf>
    <xf numFmtId="0" fontId="33" fillId="0" borderId="42" xfId="0" applyFont="1" applyBorder="1" applyAlignment="1">
      <alignment horizontal="center" vertical="center"/>
    </xf>
    <xf numFmtId="0" fontId="33" fillId="0" borderId="53" xfId="0" applyFont="1" applyBorder="1" applyAlignment="1">
      <alignment horizontal="center" vertical="center"/>
    </xf>
    <xf numFmtId="0" fontId="62" fillId="0" borderId="24" xfId="0" applyFont="1" applyBorder="1" applyAlignment="1">
      <alignment horizontal="left" vertical="center" wrapText="1"/>
    </xf>
    <xf numFmtId="0" fontId="62" fillId="0" borderId="0" xfId="0" applyFont="1" applyAlignment="1">
      <alignment horizontal="left" vertical="center" wrapText="1"/>
    </xf>
    <xf numFmtId="0" fontId="62" fillId="0" borderId="51" xfId="0" applyFont="1" applyBorder="1" applyAlignment="1">
      <alignment horizontal="left" vertical="center" wrapText="1"/>
    </xf>
    <xf numFmtId="0" fontId="33" fillId="0" borderId="23" xfId="0" applyFont="1" applyBorder="1" applyAlignment="1">
      <alignment horizontal="center" vertical="center" wrapText="1"/>
    </xf>
    <xf numFmtId="0" fontId="33" fillId="0" borderId="40" xfId="0" applyFont="1" applyBorder="1" applyAlignment="1">
      <alignment horizontal="center" vertical="center" wrapText="1"/>
    </xf>
    <xf numFmtId="0" fontId="33" fillId="0" borderId="41" xfId="0" applyFont="1" applyBorder="1" applyAlignment="1">
      <alignment horizontal="center" vertical="center" wrapText="1"/>
    </xf>
    <xf numFmtId="0" fontId="33" fillId="0" borderId="18" xfId="0" applyFont="1" applyBorder="1" applyAlignment="1">
      <alignment horizontal="center" vertical="center" wrapText="1"/>
    </xf>
    <xf numFmtId="0" fontId="33" fillId="0" borderId="42" xfId="0" applyFont="1" applyBorder="1" applyAlignment="1">
      <alignment horizontal="center" vertical="center" wrapText="1"/>
    </xf>
    <xf numFmtId="0" fontId="33" fillId="0" borderId="53" xfId="0" applyFont="1" applyBorder="1" applyAlignment="1">
      <alignment horizontal="center" vertical="center" wrapText="1"/>
    </xf>
    <xf numFmtId="0" fontId="28" fillId="3" borderId="2" xfId="11" applyFont="1" applyFill="1" applyBorder="1" applyAlignment="1">
      <alignment horizontal="distributed" vertical="center"/>
    </xf>
    <xf numFmtId="0" fontId="28" fillId="3" borderId="0" xfId="11" applyFont="1" applyFill="1" applyAlignment="1">
      <alignment horizontal="distributed" vertical="center"/>
    </xf>
    <xf numFmtId="0" fontId="28" fillId="3" borderId="7" xfId="11" applyFont="1" applyFill="1" applyBorder="1" applyAlignment="1">
      <alignment horizontal="distributed" vertical="center"/>
    </xf>
    <xf numFmtId="0" fontId="28" fillId="3" borderId="1" xfId="11" applyFont="1" applyFill="1" applyBorder="1" applyAlignment="1">
      <alignment horizontal="right" vertical="center"/>
    </xf>
    <xf numFmtId="0" fontId="28" fillId="3" borderId="2" xfId="11" applyFont="1" applyFill="1" applyBorder="1" applyAlignment="1">
      <alignment horizontal="right" vertical="center"/>
    </xf>
    <xf numFmtId="0" fontId="28" fillId="3" borderId="3" xfId="11" applyFont="1" applyFill="1" applyBorder="1" applyAlignment="1">
      <alignment horizontal="right" vertical="center"/>
    </xf>
    <xf numFmtId="0" fontId="28" fillId="3" borderId="4" xfId="11" applyFont="1" applyFill="1" applyBorder="1" applyAlignment="1">
      <alignment horizontal="right" vertical="center"/>
    </xf>
    <xf numFmtId="0" fontId="28" fillId="3" borderId="0" xfId="11" applyFont="1" applyFill="1" applyAlignment="1">
      <alignment horizontal="right" vertical="center"/>
    </xf>
    <xf numFmtId="0" fontId="28" fillId="3" borderId="5" xfId="11" applyFont="1" applyFill="1" applyBorder="1" applyAlignment="1">
      <alignment horizontal="right" vertical="center"/>
    </xf>
    <xf numFmtId="0" fontId="28" fillId="3" borderId="6" xfId="11" applyFont="1" applyFill="1" applyBorder="1" applyAlignment="1">
      <alignment horizontal="right" vertical="center"/>
    </xf>
    <xf numFmtId="0" fontId="28" fillId="3" borderId="7" xfId="11" applyFont="1" applyFill="1" applyBorder="1" applyAlignment="1">
      <alignment horizontal="right" vertical="center"/>
    </xf>
    <xf numFmtId="0" fontId="28" fillId="3" borderId="8" xfId="11" applyFont="1" applyFill="1" applyBorder="1" applyAlignment="1">
      <alignment horizontal="right" vertical="center"/>
    </xf>
    <xf numFmtId="0" fontId="32" fillId="3" borderId="2" xfId="11" applyFont="1" applyFill="1" applyBorder="1" applyAlignment="1">
      <alignment horizontal="distributed" vertical="center" wrapText="1"/>
    </xf>
    <xf numFmtId="0" fontId="32" fillId="3" borderId="0" xfId="11" applyFont="1" applyFill="1" applyAlignment="1">
      <alignment horizontal="distributed" vertical="center" wrapText="1"/>
    </xf>
    <xf numFmtId="0" fontId="32" fillId="3" borderId="7" xfId="11" applyFont="1" applyFill="1" applyBorder="1" applyAlignment="1">
      <alignment horizontal="distributed" vertical="center" wrapText="1"/>
    </xf>
    <xf numFmtId="0" fontId="28" fillId="3" borderId="1" xfId="11" applyFont="1" applyFill="1" applyBorder="1" applyAlignment="1">
      <alignment vertical="center"/>
    </xf>
    <xf numFmtId="0" fontId="28" fillId="3" borderId="2" xfId="11" applyFont="1" applyFill="1" applyBorder="1" applyAlignment="1">
      <alignment vertical="center"/>
    </xf>
    <xf numFmtId="0" fontId="28" fillId="3" borderId="3" xfId="11" applyFont="1" applyFill="1" applyBorder="1" applyAlignment="1">
      <alignment vertical="center"/>
    </xf>
    <xf numFmtId="0" fontId="28" fillId="3" borderId="4" xfId="11" applyFont="1" applyFill="1" applyBorder="1" applyAlignment="1">
      <alignment vertical="center"/>
    </xf>
    <xf numFmtId="0" fontId="28" fillId="3" borderId="0" xfId="11" applyFont="1" applyFill="1" applyAlignment="1">
      <alignment vertical="center"/>
    </xf>
    <xf numFmtId="0" fontId="28" fillId="3" borderId="5" xfId="11" applyFont="1" applyFill="1" applyBorder="1" applyAlignment="1">
      <alignment vertical="center"/>
    </xf>
    <xf numFmtId="0" fontId="28" fillId="3" borderId="6" xfId="11" applyFont="1" applyFill="1" applyBorder="1" applyAlignment="1">
      <alignment vertical="center"/>
    </xf>
    <xf numFmtId="0" fontId="28" fillId="3" borderId="7" xfId="11" applyFont="1" applyFill="1" applyBorder="1" applyAlignment="1">
      <alignment vertical="center"/>
    </xf>
    <xf numFmtId="0" fontId="28" fillId="3" borderId="8" xfId="11" applyFont="1" applyFill="1" applyBorder="1" applyAlignment="1">
      <alignment vertical="center"/>
    </xf>
    <xf numFmtId="0" fontId="30" fillId="3" borderId="1" xfId="11" applyFont="1" applyFill="1" applyBorder="1" applyAlignment="1">
      <alignment horizontal="center" vertical="center"/>
    </xf>
    <xf numFmtId="0" fontId="30" fillId="3" borderId="2" xfId="11" applyFont="1" applyFill="1" applyBorder="1" applyAlignment="1">
      <alignment horizontal="center" vertical="center"/>
    </xf>
    <xf numFmtId="0" fontId="28" fillId="3" borderId="2" xfId="11" applyFont="1" applyFill="1" applyBorder="1" applyAlignment="1">
      <alignment horizontal="distributed" vertical="center" wrapText="1"/>
    </xf>
    <xf numFmtId="0" fontId="28" fillId="3" borderId="0" xfId="11" applyFont="1" applyFill="1" applyAlignment="1">
      <alignment horizontal="distributed" vertical="center" wrapText="1"/>
    </xf>
    <xf numFmtId="0" fontId="28" fillId="3" borderId="7" xfId="11" applyFont="1" applyFill="1" applyBorder="1" applyAlignment="1">
      <alignment horizontal="distributed" vertical="center" wrapText="1"/>
    </xf>
    <xf numFmtId="0" fontId="28" fillId="3" borderId="1" xfId="11" applyFont="1" applyFill="1" applyBorder="1" applyAlignment="1">
      <alignment horizontal="center" vertical="center"/>
    </xf>
    <xf numFmtId="0" fontId="28" fillId="3" borderId="2" xfId="11" applyFont="1" applyFill="1" applyBorder="1" applyAlignment="1">
      <alignment horizontal="center" vertical="center"/>
    </xf>
    <xf numFmtId="0" fontId="28" fillId="3" borderId="3" xfId="11" applyFont="1" applyFill="1" applyBorder="1" applyAlignment="1">
      <alignment horizontal="center" vertical="center"/>
    </xf>
    <xf numFmtId="0" fontId="28" fillId="3" borderId="6" xfId="11" applyFont="1" applyFill="1" applyBorder="1" applyAlignment="1">
      <alignment horizontal="center" vertical="center"/>
    </xf>
    <xf numFmtId="0" fontId="28" fillId="3" borderId="7" xfId="11" applyFont="1" applyFill="1" applyBorder="1" applyAlignment="1">
      <alignment horizontal="center" vertical="center"/>
    </xf>
    <xf numFmtId="0" fontId="28" fillId="3" borderId="8" xfId="11" applyFont="1" applyFill="1" applyBorder="1" applyAlignment="1">
      <alignment horizontal="center" vertical="center"/>
    </xf>
    <xf numFmtId="0" fontId="28" fillId="3" borderId="1" xfId="11" applyFont="1" applyFill="1" applyBorder="1"/>
    <xf numFmtId="0" fontId="28" fillId="3" borderId="2" xfId="11" applyFont="1" applyFill="1" applyBorder="1"/>
    <xf numFmtId="0" fontId="28" fillId="3" borderId="3" xfId="11" applyFont="1" applyFill="1" applyBorder="1"/>
    <xf numFmtId="0" fontId="28" fillId="3" borderId="4" xfId="11" applyFont="1" applyFill="1" applyBorder="1"/>
    <xf numFmtId="0" fontId="28" fillId="3" borderId="0" xfId="11" applyFont="1" applyFill="1"/>
    <xf numFmtId="0" fontId="28" fillId="3" borderId="5" xfId="11" applyFont="1" applyFill="1" applyBorder="1"/>
    <xf numFmtId="0" fontId="28" fillId="3" borderId="6" xfId="11" applyFont="1" applyFill="1" applyBorder="1"/>
    <xf numFmtId="0" fontId="28" fillId="3" borderId="7" xfId="11" applyFont="1" applyFill="1" applyBorder="1"/>
    <xf numFmtId="0" fontId="28" fillId="3" borderId="8" xfId="11" applyFont="1" applyFill="1" applyBorder="1"/>
    <xf numFmtId="0" fontId="36" fillId="3" borderId="0" xfId="11" applyFont="1" applyFill="1" applyAlignment="1">
      <alignment horizontal="center" vertical="top"/>
    </xf>
    <xf numFmtId="0" fontId="35" fillId="3" borderId="0" xfId="11" applyFont="1" applyFill="1" applyAlignment="1">
      <alignment horizontal="center" vertical="top"/>
    </xf>
    <xf numFmtId="0" fontId="30" fillId="3" borderId="6" xfId="11" applyFont="1" applyFill="1" applyBorder="1" applyAlignment="1">
      <alignment horizontal="center" vertical="center"/>
    </xf>
    <xf numFmtId="0" fontId="30" fillId="3" borderId="7" xfId="11" applyFont="1" applyFill="1" applyBorder="1" applyAlignment="1">
      <alignment horizontal="center" vertical="center"/>
    </xf>
    <xf numFmtId="0" fontId="30" fillId="3" borderId="2" xfId="11" applyFont="1" applyFill="1" applyBorder="1" applyAlignment="1">
      <alignment horizontal="left" vertical="center"/>
    </xf>
    <xf numFmtId="0" fontId="30" fillId="3" borderId="2" xfId="11" applyFont="1" applyFill="1" applyBorder="1" applyAlignment="1">
      <alignment vertical="center"/>
    </xf>
    <xf numFmtId="0" fontId="30" fillId="3" borderId="3" xfId="11" applyFont="1" applyFill="1" applyBorder="1" applyAlignment="1">
      <alignment vertical="center"/>
    </xf>
    <xf numFmtId="0" fontId="30" fillId="3" borderId="7" xfId="11" applyFont="1" applyFill="1" applyBorder="1" applyAlignment="1">
      <alignment vertical="center"/>
    </xf>
    <xf numFmtId="0" fontId="30" fillId="3" borderId="8" xfId="11" applyFont="1" applyFill="1" applyBorder="1" applyAlignment="1">
      <alignment vertical="center"/>
    </xf>
    <xf numFmtId="0" fontId="29" fillId="3" borderId="2" xfId="11" applyFont="1" applyFill="1" applyBorder="1" applyAlignment="1">
      <alignment horizontal="distributed" vertical="center" wrapText="1"/>
    </xf>
    <xf numFmtId="0" fontId="29" fillId="3" borderId="7" xfId="11" applyFont="1" applyFill="1" applyBorder="1" applyAlignment="1">
      <alignment horizontal="distributed" vertical="center" wrapText="1"/>
    </xf>
    <xf numFmtId="0" fontId="30" fillId="3" borderId="2" xfId="11" applyFont="1" applyFill="1" applyBorder="1" applyAlignment="1">
      <alignment horizontal="distributed" vertical="center" wrapText="1"/>
    </xf>
    <xf numFmtId="0" fontId="30" fillId="3" borderId="7" xfId="11" applyFont="1" applyFill="1" applyBorder="1" applyAlignment="1">
      <alignment horizontal="distributed" vertical="center" wrapText="1"/>
    </xf>
    <xf numFmtId="0" fontId="32" fillId="3" borderId="2" xfId="11" applyFont="1" applyFill="1" applyBorder="1" applyAlignment="1">
      <alignment horizontal="center" vertical="center"/>
    </xf>
    <xf numFmtId="0" fontId="32" fillId="3" borderId="3" xfId="11" applyFont="1" applyFill="1" applyBorder="1" applyAlignment="1">
      <alignment horizontal="center" vertical="center"/>
    </xf>
    <xf numFmtId="0" fontId="32" fillId="3" borderId="7" xfId="11" applyFont="1" applyFill="1" applyBorder="1" applyAlignment="1">
      <alignment horizontal="center" vertical="center"/>
    </xf>
    <xf numFmtId="0" fontId="32" fillId="3" borderId="8" xfId="11" applyFont="1" applyFill="1" applyBorder="1" applyAlignment="1">
      <alignment horizontal="center" vertical="center"/>
    </xf>
    <xf numFmtId="0" fontId="28" fillId="3" borderId="1" xfId="11" applyFont="1" applyFill="1" applyBorder="1" applyAlignment="1">
      <alignment horizontal="left" vertical="center"/>
    </xf>
    <xf numFmtId="0" fontId="28" fillId="3" borderId="2" xfId="11" applyFont="1" applyFill="1" applyBorder="1" applyAlignment="1">
      <alignment horizontal="left" vertical="center"/>
    </xf>
    <xf numFmtId="0" fontId="28" fillId="3" borderId="3" xfId="11" applyFont="1" applyFill="1" applyBorder="1" applyAlignment="1">
      <alignment horizontal="left" vertical="center"/>
    </xf>
    <xf numFmtId="0" fontId="28" fillId="3" borderId="6" xfId="11" applyFont="1" applyFill="1" applyBorder="1" applyAlignment="1">
      <alignment horizontal="left" vertical="center"/>
    </xf>
    <xf numFmtId="0" fontId="28" fillId="3" borderId="7" xfId="11" applyFont="1" applyFill="1" applyBorder="1" applyAlignment="1">
      <alignment horizontal="left" vertical="center"/>
    </xf>
    <xf numFmtId="0" fontId="28" fillId="3" borderId="8" xfId="11" applyFont="1" applyFill="1" applyBorder="1" applyAlignment="1">
      <alignment horizontal="left" vertical="center"/>
    </xf>
    <xf numFmtId="0" fontId="30" fillId="3" borderId="2" xfId="11" applyFont="1" applyFill="1" applyBorder="1" applyAlignment="1">
      <alignment horizontal="center" vertical="center" wrapText="1"/>
    </xf>
    <xf numFmtId="0" fontId="30" fillId="3" borderId="7" xfId="11" applyFont="1" applyFill="1" applyBorder="1" applyAlignment="1">
      <alignment horizontal="center" vertical="center" wrapText="1"/>
    </xf>
    <xf numFmtId="0" fontId="28" fillId="3" borderId="2" xfId="11" applyFont="1" applyFill="1" applyBorder="1" applyAlignment="1">
      <alignment horizontal="center" vertical="center" wrapText="1"/>
    </xf>
    <xf numFmtId="0" fontId="28" fillId="3" borderId="0" xfId="11" applyFont="1" applyFill="1" applyAlignment="1">
      <alignment horizontal="center" vertical="center" wrapText="1"/>
    </xf>
    <xf numFmtId="0" fontId="28" fillId="3" borderId="7" xfId="11" applyFont="1" applyFill="1" applyBorder="1" applyAlignment="1">
      <alignment horizontal="center" vertical="center" wrapText="1"/>
    </xf>
    <xf numFmtId="0" fontId="28" fillId="3" borderId="1" xfId="11" applyFont="1" applyFill="1" applyBorder="1" applyAlignment="1">
      <alignment horizontal="center" vertical="center" wrapText="1"/>
    </xf>
    <xf numFmtId="0" fontId="33" fillId="0" borderId="2" xfId="11" applyFont="1" applyBorder="1" applyAlignment="1">
      <alignment vertical="center"/>
    </xf>
    <xf numFmtId="0" fontId="33" fillId="0" borderId="3" xfId="11" applyFont="1" applyBorder="1" applyAlignment="1">
      <alignment vertical="center"/>
    </xf>
    <xf numFmtId="0" fontId="33" fillId="0" borderId="4" xfId="11" applyFont="1" applyBorder="1" applyAlignment="1">
      <alignment vertical="center"/>
    </xf>
    <xf numFmtId="0" fontId="33" fillId="0" borderId="0" xfId="11" applyFont="1" applyAlignment="1">
      <alignment vertical="center"/>
    </xf>
    <xf numFmtId="0" fontId="33" fillId="0" borderId="5" xfId="11" applyFont="1" applyBorder="1" applyAlignment="1">
      <alignment vertical="center"/>
    </xf>
    <xf numFmtId="0" fontId="33" fillId="0" borderId="6" xfId="11" applyFont="1" applyBorder="1" applyAlignment="1">
      <alignment vertical="center"/>
    </xf>
    <xf numFmtId="0" fontId="33" fillId="0" borderId="7" xfId="11" applyFont="1" applyBorder="1" applyAlignment="1">
      <alignment vertical="center"/>
    </xf>
    <xf numFmtId="0" fontId="33" fillId="0" borderId="8" xfId="11" applyFont="1" applyBorder="1" applyAlignment="1">
      <alignment vertical="center"/>
    </xf>
    <xf numFmtId="0" fontId="27" fillId="3" borderId="0" xfId="11" applyFont="1" applyFill="1" applyAlignment="1">
      <alignment horizontal="left" vertical="center"/>
    </xf>
    <xf numFmtId="0" fontId="29" fillId="3" borderId="1" xfId="11" applyFont="1" applyFill="1" applyBorder="1" applyAlignment="1">
      <alignment horizontal="distributed" vertical="center"/>
    </xf>
    <xf numFmtId="0" fontId="28" fillId="3" borderId="3" xfId="11" applyFont="1" applyFill="1" applyBorder="1" applyAlignment="1">
      <alignment horizontal="distributed" vertical="center"/>
    </xf>
    <xf numFmtId="0" fontId="28" fillId="3" borderId="6" xfId="11" applyFont="1" applyFill="1" applyBorder="1" applyAlignment="1">
      <alignment horizontal="distributed" vertical="center"/>
    </xf>
    <xf numFmtId="0" fontId="28" fillId="3" borderId="8" xfId="11" applyFont="1" applyFill="1" applyBorder="1" applyAlignment="1">
      <alignment horizontal="distributed" vertical="center"/>
    </xf>
    <xf numFmtId="0" fontId="29" fillId="3" borderId="1" xfId="11" applyFont="1" applyFill="1" applyBorder="1" applyAlignment="1">
      <alignment horizontal="distributed" vertical="center" wrapText="1"/>
    </xf>
    <xf numFmtId="0" fontId="29" fillId="3" borderId="3" xfId="11" applyFont="1" applyFill="1" applyBorder="1" applyAlignment="1">
      <alignment horizontal="distributed" vertical="center" wrapText="1"/>
    </xf>
    <xf numFmtId="0" fontId="29" fillId="3" borderId="6" xfId="11" applyFont="1" applyFill="1" applyBorder="1" applyAlignment="1">
      <alignment horizontal="distributed" vertical="center" wrapText="1"/>
    </xf>
    <xf numFmtId="0" fontId="29" fillId="3" borderId="8" xfId="11" applyFont="1" applyFill="1" applyBorder="1" applyAlignment="1">
      <alignment horizontal="distributed" vertical="center" wrapText="1"/>
    </xf>
    <xf numFmtId="0" fontId="29" fillId="3" borderId="0" xfId="11" applyFont="1" applyFill="1" applyAlignment="1">
      <alignment horizontal="distributed" vertical="center" wrapText="1"/>
    </xf>
    <xf numFmtId="0" fontId="28" fillId="3" borderId="4" xfId="11" applyFont="1" applyFill="1" applyBorder="1" applyAlignment="1">
      <alignment horizontal="center" vertical="center"/>
    </xf>
    <xf numFmtId="0" fontId="28" fillId="3" borderId="0" xfId="11" applyFont="1" applyFill="1" applyAlignment="1">
      <alignment horizontal="center" vertical="center"/>
    </xf>
    <xf numFmtId="0" fontId="28" fillId="3" borderId="5" xfId="11" applyFont="1" applyFill="1" applyBorder="1" applyAlignment="1">
      <alignment horizontal="center" vertical="center"/>
    </xf>
    <xf numFmtId="0" fontId="28" fillId="3" borderId="3" xfId="11" applyFont="1" applyFill="1" applyBorder="1" applyAlignment="1">
      <alignment horizontal="center" vertical="center" wrapText="1"/>
    </xf>
    <xf numFmtId="0" fontId="28" fillId="3" borderId="4" xfId="11" applyFont="1" applyFill="1" applyBorder="1" applyAlignment="1">
      <alignment horizontal="center" vertical="center" wrapText="1"/>
    </xf>
    <xf numFmtId="0" fontId="28" fillId="3" borderId="5" xfId="11" applyFont="1" applyFill="1" applyBorder="1" applyAlignment="1">
      <alignment horizontal="center" vertical="center" wrapText="1"/>
    </xf>
    <xf numFmtId="0" fontId="28" fillId="3" borderId="6" xfId="11" applyFont="1" applyFill="1" applyBorder="1" applyAlignment="1">
      <alignment horizontal="center" vertical="center" wrapText="1"/>
    </xf>
    <xf numFmtId="0" fontId="28" fillId="3" borderId="8" xfId="11" applyFont="1" applyFill="1" applyBorder="1" applyAlignment="1">
      <alignment horizontal="center" vertical="center" wrapText="1"/>
    </xf>
    <xf numFmtId="0" fontId="34" fillId="3" borderId="0" xfId="11" applyFont="1" applyFill="1" applyAlignment="1">
      <alignment horizontal="left" vertical="center"/>
    </xf>
    <xf numFmtId="0" fontId="28" fillId="3" borderId="4" xfId="11" applyFont="1" applyFill="1" applyBorder="1" applyAlignment="1">
      <alignment horizontal="left" vertical="center"/>
    </xf>
    <xf numFmtId="0" fontId="28" fillId="3" borderId="0" xfId="11" applyFont="1" applyFill="1" applyAlignment="1">
      <alignment horizontal="left" vertical="center"/>
    </xf>
    <xf numFmtId="0" fontId="28" fillId="3" borderId="5" xfId="11" applyFont="1" applyFill="1" applyBorder="1" applyAlignment="1">
      <alignment horizontal="left" vertical="center"/>
    </xf>
    <xf numFmtId="0" fontId="28" fillId="3" borderId="1" xfId="11" applyFont="1" applyFill="1" applyBorder="1" applyAlignment="1">
      <alignment horizontal="left" vertical="top"/>
    </xf>
    <xf numFmtId="0" fontId="28" fillId="3" borderId="2" xfId="11" applyFont="1" applyFill="1" applyBorder="1" applyAlignment="1">
      <alignment horizontal="left" vertical="top"/>
    </xf>
    <xf numFmtId="0" fontId="28" fillId="3" borderId="3" xfId="11" applyFont="1" applyFill="1" applyBorder="1" applyAlignment="1">
      <alignment horizontal="left" vertical="top"/>
    </xf>
    <xf numFmtId="0" fontId="28" fillId="3" borderId="4" xfId="11" applyFont="1" applyFill="1" applyBorder="1" applyAlignment="1">
      <alignment horizontal="left" vertical="top"/>
    </xf>
    <xf numFmtId="0" fontId="28" fillId="3" borderId="0" xfId="11" applyFont="1" applyFill="1" applyAlignment="1">
      <alignment horizontal="left" vertical="top"/>
    </xf>
    <xf numFmtId="0" fontId="28" fillId="3" borderId="5" xfId="11" applyFont="1" applyFill="1" applyBorder="1" applyAlignment="1">
      <alignment horizontal="left" vertical="top"/>
    </xf>
    <xf numFmtId="0" fontId="28" fillId="3" borderId="1" xfId="11" applyFont="1" applyFill="1" applyBorder="1" applyAlignment="1">
      <alignment horizontal="center" vertical="center" justifyLastLine="1"/>
    </xf>
    <xf numFmtId="0" fontId="28" fillId="3" borderId="2" xfId="11" applyFont="1" applyFill="1" applyBorder="1" applyAlignment="1">
      <alignment horizontal="center" vertical="center" justifyLastLine="1"/>
    </xf>
    <xf numFmtId="0" fontId="28" fillId="3" borderId="3" xfId="11" applyFont="1" applyFill="1" applyBorder="1" applyAlignment="1">
      <alignment horizontal="center" vertical="center" justifyLastLine="1"/>
    </xf>
    <xf numFmtId="0" fontId="28" fillId="3" borderId="4" xfId="11" applyFont="1" applyFill="1" applyBorder="1" applyAlignment="1">
      <alignment horizontal="center" vertical="center" justifyLastLine="1"/>
    </xf>
    <xf numFmtId="0" fontId="28" fillId="3" borderId="0" xfId="11" applyFont="1" applyFill="1" applyAlignment="1">
      <alignment horizontal="center" vertical="center" justifyLastLine="1"/>
    </xf>
    <xf numFmtId="0" fontId="28" fillId="3" borderId="5" xfId="11" applyFont="1" applyFill="1" applyBorder="1" applyAlignment="1">
      <alignment horizontal="center" vertical="center" justifyLastLine="1"/>
    </xf>
    <xf numFmtId="0" fontId="32" fillId="3" borderId="1" xfId="11" applyFont="1" applyFill="1" applyBorder="1" applyAlignment="1">
      <alignment horizontal="left" vertical="center" wrapText="1"/>
    </xf>
    <xf numFmtId="0" fontId="32" fillId="3" borderId="2" xfId="11" applyFont="1" applyFill="1" applyBorder="1" applyAlignment="1">
      <alignment horizontal="left" vertical="center" wrapText="1"/>
    </xf>
    <xf numFmtId="0" fontId="32" fillId="3" borderId="3" xfId="11" applyFont="1" applyFill="1" applyBorder="1" applyAlignment="1">
      <alignment horizontal="left" vertical="center" wrapText="1"/>
    </xf>
    <xf numFmtId="0" fontId="32" fillId="3" borderId="4" xfId="11" applyFont="1" applyFill="1" applyBorder="1" applyAlignment="1">
      <alignment horizontal="left" vertical="center" wrapText="1"/>
    </xf>
    <xf numFmtId="0" fontId="32" fillId="3" borderId="0" xfId="11" applyFont="1" applyFill="1" applyAlignment="1">
      <alignment horizontal="left" vertical="center" wrapText="1"/>
    </xf>
    <xf numFmtId="0" fontId="32" fillId="3" borderId="5" xfId="11" applyFont="1" applyFill="1" applyBorder="1" applyAlignment="1">
      <alignment horizontal="left" vertical="center" wrapText="1"/>
    </xf>
    <xf numFmtId="0" fontId="28" fillId="3" borderId="6" xfId="11" applyFont="1" applyFill="1" applyBorder="1" applyAlignment="1">
      <alignment horizontal="center" vertical="center" justifyLastLine="1"/>
    </xf>
    <xf numFmtId="0" fontId="28" fillId="3" borderId="7" xfId="11" applyFont="1" applyFill="1" applyBorder="1" applyAlignment="1">
      <alignment horizontal="center" vertical="center" justifyLastLine="1"/>
    </xf>
    <xf numFmtId="0" fontId="28" fillId="3" borderId="8" xfId="11" applyFont="1" applyFill="1" applyBorder="1" applyAlignment="1">
      <alignment horizontal="center" vertical="center" justifyLastLine="1"/>
    </xf>
    <xf numFmtId="0" fontId="30" fillId="3" borderId="3" xfId="11" applyFont="1" applyFill="1" applyBorder="1" applyAlignment="1">
      <alignment horizontal="center" vertical="center" wrapText="1"/>
    </xf>
    <xf numFmtId="0" fontId="30" fillId="3" borderId="8" xfId="11" applyFont="1" applyFill="1" applyBorder="1" applyAlignment="1">
      <alignment horizontal="center" vertical="center" wrapText="1"/>
    </xf>
    <xf numFmtId="0" fontId="30" fillId="3" borderId="28" xfId="11" applyFont="1" applyFill="1" applyBorder="1" applyAlignment="1">
      <alignment horizontal="center" vertical="center" wrapText="1"/>
    </xf>
    <xf numFmtId="0" fontId="32" fillId="3" borderId="1" xfId="11" applyFont="1" applyFill="1" applyBorder="1" applyAlignment="1">
      <alignment horizontal="center" vertical="center" wrapText="1"/>
    </xf>
    <xf numFmtId="0" fontId="32" fillId="3" borderId="2" xfId="11" applyFont="1" applyFill="1" applyBorder="1" applyAlignment="1">
      <alignment horizontal="center" vertical="center" wrapText="1"/>
    </xf>
    <xf numFmtId="0" fontId="32" fillId="3" borderId="4" xfId="11" applyFont="1" applyFill="1" applyBorder="1" applyAlignment="1">
      <alignment horizontal="center" vertical="center" wrapText="1"/>
    </xf>
    <xf numFmtId="0" fontId="32" fillId="3" borderId="0" xfId="11" applyFont="1" applyFill="1" applyAlignment="1">
      <alignment horizontal="center" vertical="center" wrapText="1"/>
    </xf>
    <xf numFmtId="0" fontId="32" fillId="3" borderId="6" xfId="11" applyFont="1" applyFill="1" applyBorder="1" applyAlignment="1">
      <alignment horizontal="center" vertical="center" wrapText="1"/>
    </xf>
    <xf numFmtId="0" fontId="32" fillId="3" borderId="7" xfId="11" applyFont="1" applyFill="1" applyBorder="1" applyAlignment="1">
      <alignment horizontal="center" vertical="center" wrapText="1"/>
    </xf>
    <xf numFmtId="0" fontId="32" fillId="3" borderId="3" xfId="11" applyFont="1" applyFill="1" applyBorder="1" applyAlignment="1">
      <alignment horizontal="center" vertical="center" wrapText="1"/>
    </xf>
    <xf numFmtId="0" fontId="32" fillId="3" borderId="5" xfId="11" applyFont="1" applyFill="1" applyBorder="1" applyAlignment="1">
      <alignment horizontal="center" vertical="center" wrapText="1"/>
    </xf>
    <xf numFmtId="0" fontId="28" fillId="3" borderId="28" xfId="11" applyFont="1" applyFill="1" applyBorder="1" applyAlignment="1">
      <alignment horizontal="center" vertical="center" wrapText="1"/>
    </xf>
    <xf numFmtId="0" fontId="30" fillId="3" borderId="1" xfId="11" applyFont="1" applyFill="1" applyBorder="1" applyAlignment="1">
      <alignment vertical="center" wrapText="1"/>
    </xf>
    <xf numFmtId="0" fontId="30" fillId="3" borderId="2" xfId="11" applyFont="1" applyFill="1" applyBorder="1" applyAlignment="1">
      <alignment vertical="center" wrapText="1"/>
    </xf>
    <xf numFmtId="0" fontId="30" fillId="3" borderId="3" xfId="11" applyFont="1" applyFill="1" applyBorder="1" applyAlignment="1">
      <alignment vertical="center" wrapText="1"/>
    </xf>
    <xf numFmtId="0" fontId="30" fillId="3" borderId="6" xfId="11" applyFont="1" applyFill="1" applyBorder="1" applyAlignment="1">
      <alignment vertical="center" wrapText="1"/>
    </xf>
    <xf numFmtId="0" fontId="30" fillId="3" borderId="7" xfId="11" applyFont="1" applyFill="1" applyBorder="1" applyAlignment="1">
      <alignment vertical="center" wrapText="1"/>
    </xf>
    <xf numFmtId="0" fontId="30" fillId="3" borderId="8" xfId="11" applyFont="1" applyFill="1" applyBorder="1" applyAlignment="1">
      <alignment vertical="center" wrapText="1"/>
    </xf>
    <xf numFmtId="0" fontId="29" fillId="3" borderId="2" xfId="11" applyFont="1" applyFill="1" applyBorder="1" applyAlignment="1">
      <alignment horizontal="distributed" vertical="center"/>
    </xf>
    <xf numFmtId="0" fontId="29" fillId="3" borderId="7" xfId="11" applyFont="1" applyFill="1" applyBorder="1" applyAlignment="1">
      <alignment horizontal="distributed" vertical="center"/>
    </xf>
    <xf numFmtId="0" fontId="31" fillId="3" borderId="1" xfId="11" applyFont="1" applyFill="1" applyBorder="1" applyAlignment="1">
      <alignment horizontal="center" vertical="center" wrapText="1"/>
    </xf>
    <xf numFmtId="0" fontId="31" fillId="3" borderId="2" xfId="11" applyFont="1" applyFill="1" applyBorder="1" applyAlignment="1">
      <alignment horizontal="center" vertical="center" wrapText="1"/>
    </xf>
    <xf numFmtId="0" fontId="31" fillId="3" borderId="3" xfId="11" applyFont="1" applyFill="1" applyBorder="1" applyAlignment="1">
      <alignment horizontal="center" vertical="center" wrapText="1"/>
    </xf>
    <xf numFmtId="0" fontId="31" fillId="3" borderId="6" xfId="11" applyFont="1" applyFill="1" applyBorder="1" applyAlignment="1">
      <alignment horizontal="center" vertical="center" wrapText="1"/>
    </xf>
    <xf numFmtId="0" fontId="31" fillId="3" borderId="7" xfId="11" applyFont="1" applyFill="1" applyBorder="1" applyAlignment="1">
      <alignment horizontal="center" vertical="center" wrapText="1"/>
    </xf>
    <xf numFmtId="0" fontId="31" fillId="3" borderId="8" xfId="11" applyFont="1" applyFill="1" applyBorder="1" applyAlignment="1">
      <alignment horizontal="center" vertical="center" wrapText="1"/>
    </xf>
    <xf numFmtId="0" fontId="31" fillId="3" borderId="2" xfId="11" applyFont="1" applyFill="1" applyBorder="1" applyAlignment="1">
      <alignment horizontal="distributed" vertical="center" wrapText="1"/>
    </xf>
    <xf numFmtId="0" fontId="31" fillId="3" borderId="7" xfId="11" applyFont="1" applyFill="1" applyBorder="1" applyAlignment="1">
      <alignment horizontal="distributed" vertical="center" wrapText="1"/>
    </xf>
    <xf numFmtId="0" fontId="28" fillId="3" borderId="1" xfId="1" applyFont="1" applyFill="1" applyBorder="1" applyAlignment="1">
      <alignment horizontal="center" vertical="center"/>
    </xf>
    <xf numFmtId="0" fontId="28" fillId="3" borderId="2" xfId="1" applyFont="1" applyFill="1" applyBorder="1" applyAlignment="1">
      <alignment horizontal="center" vertical="center"/>
    </xf>
    <xf numFmtId="0" fontId="28" fillId="3" borderId="3" xfId="1" applyFont="1" applyFill="1" applyBorder="1" applyAlignment="1">
      <alignment horizontal="center" vertical="center"/>
    </xf>
    <xf numFmtId="0" fontId="28" fillId="3" borderId="4" xfId="1" applyFont="1" applyFill="1" applyBorder="1" applyAlignment="1">
      <alignment horizontal="center" vertical="center"/>
    </xf>
    <xf numFmtId="0" fontId="28" fillId="3" borderId="0" xfId="1" applyFont="1" applyFill="1" applyAlignment="1">
      <alignment horizontal="center" vertical="center"/>
    </xf>
    <xf numFmtId="0" fontId="28" fillId="3" borderId="5" xfId="1" applyFont="1" applyFill="1" applyBorder="1" applyAlignment="1">
      <alignment horizontal="center" vertical="center"/>
    </xf>
    <xf numFmtId="0" fontId="28" fillId="3" borderId="1" xfId="1" applyFont="1" applyFill="1" applyBorder="1" applyAlignment="1">
      <alignment horizontal="center" vertical="center" wrapText="1"/>
    </xf>
    <xf numFmtId="0" fontId="33" fillId="0" borderId="2" xfId="1" applyFont="1" applyBorder="1" applyAlignment="1">
      <alignment vertical="center"/>
    </xf>
    <xf numFmtId="0" fontId="33" fillId="0" borderId="3" xfId="1" applyFont="1" applyBorder="1" applyAlignment="1">
      <alignment vertical="center"/>
    </xf>
    <xf numFmtId="0" fontId="33" fillId="0" borderId="4" xfId="1" applyFont="1" applyBorder="1" applyAlignment="1">
      <alignment vertical="center"/>
    </xf>
    <xf numFmtId="0" fontId="33" fillId="0" borderId="0" xfId="1" applyFont="1" applyAlignment="1">
      <alignment vertical="center"/>
    </xf>
    <xf numFmtId="0" fontId="33" fillId="0" borderId="5" xfId="1" applyFont="1" applyBorder="1" applyAlignment="1">
      <alignment vertical="center"/>
    </xf>
    <xf numFmtId="0" fontId="33" fillId="0" borderId="6" xfId="1" applyFont="1" applyBorder="1" applyAlignment="1">
      <alignment vertical="center"/>
    </xf>
    <xf numFmtId="0" fontId="33" fillId="0" borderId="7" xfId="1" applyFont="1" applyBorder="1" applyAlignment="1">
      <alignment vertical="center"/>
    </xf>
    <xf numFmtId="0" fontId="33" fillId="0" borderId="8" xfId="1" applyFont="1" applyBorder="1" applyAlignment="1">
      <alignment vertical="center"/>
    </xf>
    <xf numFmtId="0" fontId="28" fillId="3" borderId="6" xfId="1" applyFont="1" applyFill="1" applyBorder="1" applyAlignment="1">
      <alignment horizontal="center" vertical="center"/>
    </xf>
    <xf numFmtId="0" fontId="28" fillId="3" borderId="7" xfId="1" applyFont="1" applyFill="1" applyBorder="1" applyAlignment="1">
      <alignment horizontal="center" vertical="center"/>
    </xf>
    <xf numFmtId="0" fontId="28" fillId="3" borderId="8" xfId="1" applyFont="1" applyFill="1" applyBorder="1" applyAlignment="1">
      <alignment horizontal="center" vertical="center"/>
    </xf>
    <xf numFmtId="0" fontId="28" fillId="3" borderId="2" xfId="1" applyFont="1" applyFill="1" applyBorder="1" applyAlignment="1">
      <alignment horizontal="center" vertical="center" wrapText="1"/>
    </xf>
    <xf numFmtId="0" fontId="28" fillId="3" borderId="0" xfId="1" applyFont="1" applyFill="1" applyAlignment="1">
      <alignment horizontal="center" vertical="center" wrapText="1"/>
    </xf>
    <xf numFmtId="0" fontId="28" fillId="3" borderId="7" xfId="1" applyFont="1" applyFill="1" applyBorder="1" applyAlignment="1">
      <alignment horizontal="center" vertical="center" wrapText="1"/>
    </xf>
    <xf numFmtId="0" fontId="28" fillId="3" borderId="1" xfId="1" applyFont="1" applyFill="1" applyBorder="1" applyAlignment="1">
      <alignment horizontal="distributed" vertical="center" justifyLastLine="1"/>
    </xf>
    <xf numFmtId="0" fontId="28" fillId="3" borderId="2" xfId="1" applyFont="1" applyFill="1" applyBorder="1" applyAlignment="1">
      <alignment horizontal="distributed" vertical="center" justifyLastLine="1"/>
    </xf>
    <xf numFmtId="0" fontId="28" fillId="3" borderId="3" xfId="1" applyFont="1" applyFill="1" applyBorder="1" applyAlignment="1">
      <alignment horizontal="distributed" vertical="center" justifyLastLine="1"/>
    </xf>
    <xf numFmtId="0" fontId="28" fillId="3" borderId="4" xfId="1" applyFont="1" applyFill="1" applyBorder="1" applyAlignment="1">
      <alignment horizontal="distributed" vertical="center" justifyLastLine="1"/>
    </xf>
    <xf numFmtId="0" fontId="28" fillId="3" borderId="0" xfId="1" applyFont="1" applyFill="1" applyAlignment="1">
      <alignment horizontal="distributed" vertical="center" justifyLastLine="1"/>
    </xf>
    <xf numFmtId="0" fontId="28" fillId="3" borderId="5" xfId="1" applyFont="1" applyFill="1" applyBorder="1" applyAlignment="1">
      <alignment horizontal="distributed" vertical="center" justifyLastLine="1"/>
    </xf>
    <xf numFmtId="0" fontId="30" fillId="3" borderId="28" xfId="1" applyFont="1" applyFill="1" applyBorder="1" applyAlignment="1">
      <alignment horizontal="center" vertical="center" wrapText="1"/>
    </xf>
    <xf numFmtId="0" fontId="30" fillId="3" borderId="2" xfId="1" applyFont="1" applyFill="1" applyBorder="1" applyAlignment="1">
      <alignment horizontal="center" vertical="center" wrapText="1"/>
    </xf>
    <xf numFmtId="0" fontId="30" fillId="3" borderId="3" xfId="1" applyFont="1" applyFill="1" applyBorder="1" applyAlignment="1">
      <alignment horizontal="center" vertical="center" wrapText="1"/>
    </xf>
    <xf numFmtId="0" fontId="30" fillId="3" borderId="7" xfId="1" applyFont="1" applyFill="1" applyBorder="1" applyAlignment="1">
      <alignment horizontal="center" vertical="center" wrapText="1"/>
    </xf>
    <xf numFmtId="0" fontId="30" fillId="3" borderId="8" xfId="1" applyFont="1" applyFill="1" applyBorder="1" applyAlignment="1">
      <alignment horizontal="center" vertical="center" wrapText="1"/>
    </xf>
    <xf numFmtId="0" fontId="28" fillId="3" borderId="28" xfId="1" applyFont="1" applyFill="1" applyBorder="1" applyAlignment="1">
      <alignment horizontal="center" vertical="center" wrapText="1"/>
    </xf>
    <xf numFmtId="0" fontId="28" fillId="3" borderId="3" xfId="1" applyFont="1" applyFill="1" applyBorder="1" applyAlignment="1">
      <alignment horizontal="center" vertical="center" wrapText="1"/>
    </xf>
    <xf numFmtId="0" fontId="28" fillId="3" borderId="8" xfId="1" applyFont="1" applyFill="1" applyBorder="1" applyAlignment="1">
      <alignment horizontal="center" vertical="center" wrapText="1"/>
    </xf>
    <xf numFmtId="0" fontId="28" fillId="3" borderId="4" xfId="1" applyFont="1" applyFill="1" applyBorder="1" applyAlignment="1">
      <alignment horizontal="center" vertical="center" wrapText="1"/>
    </xf>
    <xf numFmtId="0" fontId="28" fillId="3" borderId="5" xfId="1" applyFont="1" applyFill="1" applyBorder="1" applyAlignment="1">
      <alignment horizontal="center" vertical="center" wrapText="1"/>
    </xf>
    <xf numFmtId="0" fontId="30" fillId="3" borderId="2" xfId="1" applyFont="1" applyFill="1" applyBorder="1" applyAlignment="1">
      <alignment horizontal="left" vertical="center"/>
    </xf>
    <xf numFmtId="0" fontId="30" fillId="3" borderId="2" xfId="1" applyFont="1" applyFill="1" applyBorder="1" applyAlignment="1">
      <alignment vertical="center"/>
    </xf>
    <xf numFmtId="0" fontId="30" fillId="3" borderId="3" xfId="1" applyFont="1" applyFill="1" applyBorder="1" applyAlignment="1">
      <alignment vertical="center"/>
    </xf>
    <xf numFmtId="0" fontId="30" fillId="3" borderId="7" xfId="1" applyFont="1" applyFill="1" applyBorder="1" applyAlignment="1">
      <alignment vertical="center"/>
    </xf>
    <xf numFmtId="0" fontId="30" fillId="3" borderId="8" xfId="1" applyFont="1" applyFill="1" applyBorder="1" applyAlignment="1">
      <alignment vertical="center"/>
    </xf>
    <xf numFmtId="0" fontId="28" fillId="3" borderId="2" xfId="1" applyFont="1" applyFill="1" applyBorder="1" applyAlignment="1">
      <alignment horizontal="distributed" vertical="center"/>
    </xf>
    <xf numFmtId="0" fontId="28" fillId="3" borderId="0" xfId="1" applyFont="1" applyFill="1" applyAlignment="1">
      <alignment horizontal="distributed" vertical="center"/>
    </xf>
    <xf numFmtId="0" fontId="28" fillId="3" borderId="7" xfId="1" applyFont="1" applyFill="1" applyBorder="1" applyAlignment="1">
      <alignment horizontal="distributed" vertical="center"/>
    </xf>
    <xf numFmtId="0" fontId="34" fillId="3" borderId="0" xfId="1" applyFont="1" applyFill="1" applyAlignment="1">
      <alignment vertical="center"/>
    </xf>
    <xf numFmtId="0" fontId="34" fillId="3" borderId="7" xfId="1" applyFont="1" applyFill="1" applyBorder="1" applyAlignment="1">
      <alignment vertical="center"/>
    </xf>
    <xf numFmtId="0" fontId="28" fillId="3" borderId="1" xfId="1" applyFont="1" applyFill="1" applyBorder="1" applyAlignment="1">
      <alignment vertical="center"/>
    </xf>
    <xf numFmtId="0" fontId="28" fillId="3" borderId="2" xfId="1" applyFont="1" applyFill="1" applyBorder="1" applyAlignment="1">
      <alignment vertical="center"/>
    </xf>
    <xf numFmtId="0" fontId="28" fillId="3" borderId="3" xfId="1" applyFont="1" applyFill="1" applyBorder="1" applyAlignment="1">
      <alignment vertical="center"/>
    </xf>
    <xf numFmtId="0" fontId="28" fillId="3" borderId="4" xfId="1" applyFont="1" applyFill="1" applyBorder="1" applyAlignment="1">
      <alignment vertical="center"/>
    </xf>
    <xf numFmtId="0" fontId="28" fillId="3" borderId="0" xfId="1" applyFont="1" applyFill="1" applyAlignment="1">
      <alignment vertical="center"/>
    </xf>
    <xf numFmtId="0" fontId="28" fillId="3" borderId="5" xfId="1" applyFont="1" applyFill="1" applyBorder="1" applyAlignment="1">
      <alignment vertical="center"/>
    </xf>
    <xf numFmtId="0" fontId="28" fillId="3" borderId="6" xfId="1" applyFont="1" applyFill="1" applyBorder="1" applyAlignment="1">
      <alignment vertical="center"/>
    </xf>
    <xf numFmtId="0" fontId="28" fillId="3" borderId="7" xfId="1" applyFont="1" applyFill="1" applyBorder="1" applyAlignment="1">
      <alignment vertical="center"/>
    </xf>
    <xf numFmtId="0" fontId="28" fillId="3" borderId="8" xfId="1" applyFont="1" applyFill="1" applyBorder="1" applyAlignment="1">
      <alignment vertical="center"/>
    </xf>
    <xf numFmtId="0" fontId="30" fillId="3" borderId="1" xfId="1" applyFont="1" applyFill="1" applyBorder="1" applyAlignment="1">
      <alignment horizontal="center" vertical="center"/>
    </xf>
    <xf numFmtId="0" fontId="30" fillId="3" borderId="2" xfId="1" applyFont="1" applyFill="1" applyBorder="1" applyAlignment="1">
      <alignment horizontal="center" vertical="center"/>
    </xf>
    <xf numFmtId="0" fontId="30" fillId="3" borderId="6" xfId="1" applyFont="1" applyFill="1" applyBorder="1" applyAlignment="1">
      <alignment horizontal="center" vertical="center"/>
    </xf>
    <xf numFmtId="0" fontId="30" fillId="3" borderId="7" xfId="1" applyFont="1" applyFill="1" applyBorder="1" applyAlignment="1">
      <alignment horizontal="center" vertical="center"/>
    </xf>
    <xf numFmtId="0" fontId="32" fillId="3" borderId="2" xfId="1" applyFont="1" applyFill="1" applyBorder="1" applyAlignment="1">
      <alignment horizontal="distributed" vertical="center" wrapText="1"/>
    </xf>
    <xf numFmtId="0" fontId="32" fillId="3" borderId="0" xfId="1" applyFont="1" applyFill="1" applyAlignment="1">
      <alignment horizontal="distributed" vertical="center" wrapText="1"/>
    </xf>
    <xf numFmtId="0" fontId="32" fillId="3" borderId="7" xfId="1" applyFont="1" applyFill="1" applyBorder="1" applyAlignment="1">
      <alignment horizontal="distributed" vertical="center" wrapText="1"/>
    </xf>
    <xf numFmtId="0" fontId="32" fillId="3" borderId="1" xfId="1" applyFont="1" applyFill="1" applyBorder="1" applyAlignment="1">
      <alignment horizontal="center" vertical="center" wrapText="1"/>
    </xf>
    <xf numFmtId="0" fontId="32" fillId="3" borderId="2" xfId="1" applyFont="1" applyFill="1" applyBorder="1" applyAlignment="1">
      <alignment horizontal="center" vertical="center" wrapText="1"/>
    </xf>
    <xf numFmtId="0" fontId="32" fillId="3" borderId="4" xfId="1" applyFont="1" applyFill="1" applyBorder="1" applyAlignment="1">
      <alignment horizontal="center" vertical="center" wrapText="1"/>
    </xf>
    <xf numFmtId="0" fontId="32" fillId="3" borderId="0" xfId="1" applyFont="1" applyFill="1" applyAlignment="1">
      <alignment horizontal="center" vertical="center" wrapText="1"/>
    </xf>
    <xf numFmtId="0" fontId="32" fillId="3" borderId="6" xfId="1" applyFont="1" applyFill="1" applyBorder="1" applyAlignment="1">
      <alignment horizontal="center" vertical="center" wrapText="1"/>
    </xf>
    <xf numFmtId="0" fontId="32" fillId="3" borderId="7" xfId="1" applyFont="1" applyFill="1" applyBorder="1" applyAlignment="1">
      <alignment horizontal="center" vertical="center" wrapText="1"/>
    </xf>
    <xf numFmtId="0" fontId="28" fillId="3" borderId="1" xfId="1" applyFont="1" applyFill="1" applyBorder="1" applyAlignment="1">
      <alignment horizontal="right" vertical="center"/>
    </xf>
    <xf numFmtId="0" fontId="28" fillId="3" borderId="2" xfId="1" applyFont="1" applyFill="1" applyBorder="1" applyAlignment="1">
      <alignment horizontal="right" vertical="center"/>
    </xf>
    <xf numFmtId="0" fontId="28" fillId="3" borderId="3" xfId="1" applyFont="1" applyFill="1" applyBorder="1" applyAlignment="1">
      <alignment horizontal="right" vertical="center"/>
    </xf>
    <xf numFmtId="0" fontId="28" fillId="3" borderId="4" xfId="1" applyFont="1" applyFill="1" applyBorder="1" applyAlignment="1">
      <alignment horizontal="right" vertical="center"/>
    </xf>
    <xf numFmtId="0" fontId="28" fillId="3" borderId="0" xfId="1" applyFont="1" applyFill="1" applyAlignment="1">
      <alignment horizontal="right" vertical="center"/>
    </xf>
    <xf numFmtId="0" fontId="28" fillId="3" borderId="5" xfId="1" applyFont="1" applyFill="1" applyBorder="1" applyAlignment="1">
      <alignment horizontal="right" vertical="center"/>
    </xf>
    <xf numFmtId="0" fontId="28" fillId="3" borderId="6" xfId="1" applyFont="1" applyFill="1" applyBorder="1" applyAlignment="1">
      <alignment horizontal="right" vertical="center"/>
    </xf>
    <xf numFmtId="0" fontId="28" fillId="3" borderId="7" xfId="1" applyFont="1" applyFill="1" applyBorder="1" applyAlignment="1">
      <alignment horizontal="right" vertical="center"/>
    </xf>
    <xf numFmtId="0" fontId="28" fillId="3" borderId="8" xfId="1" applyFont="1" applyFill="1" applyBorder="1" applyAlignment="1">
      <alignment horizontal="right" vertical="center"/>
    </xf>
    <xf numFmtId="0" fontId="32" fillId="3" borderId="7" xfId="1" applyFont="1" applyFill="1" applyBorder="1" applyAlignment="1">
      <alignment vertical="center"/>
    </xf>
    <xf numFmtId="0" fontId="28" fillId="3" borderId="2" xfId="1" applyFont="1" applyFill="1" applyBorder="1" applyAlignment="1">
      <alignment horizontal="distributed" vertical="center" wrapText="1"/>
    </xf>
    <xf numFmtId="0" fontId="28" fillId="3" borderId="0" xfId="1" applyFont="1" applyFill="1" applyAlignment="1">
      <alignment horizontal="distributed" vertical="center" wrapText="1"/>
    </xf>
    <xf numFmtId="0" fontId="28" fillId="3" borderId="7" xfId="1" applyFont="1" applyFill="1" applyBorder="1" applyAlignment="1">
      <alignment horizontal="distributed" vertical="center" wrapText="1"/>
    </xf>
    <xf numFmtId="0" fontId="32" fillId="3" borderId="0" xfId="1" applyFont="1" applyFill="1" applyAlignment="1">
      <alignment horizontal="distributed" vertical="center"/>
    </xf>
    <xf numFmtId="0" fontId="32" fillId="3" borderId="7" xfId="1" applyFont="1" applyFill="1" applyBorder="1" applyAlignment="1">
      <alignment horizontal="right" vertical="center"/>
    </xf>
    <xf numFmtId="0" fontId="28" fillId="3" borderId="1" xfId="1" applyFont="1" applyFill="1" applyBorder="1" applyAlignment="1">
      <alignment horizontal="center" vertical="center" justifyLastLine="1"/>
    </xf>
    <xf numFmtId="0" fontId="28" fillId="3" borderId="2" xfId="1" applyFont="1" applyFill="1" applyBorder="1" applyAlignment="1">
      <alignment horizontal="center" vertical="center" justifyLastLine="1"/>
    </xf>
    <xf numFmtId="0" fontId="28" fillId="3" borderId="3" xfId="1" applyFont="1" applyFill="1" applyBorder="1" applyAlignment="1">
      <alignment horizontal="center" vertical="center" justifyLastLine="1"/>
    </xf>
    <xf numFmtId="0" fontId="28" fillId="3" borderId="4" xfId="1" applyFont="1" applyFill="1" applyBorder="1" applyAlignment="1">
      <alignment horizontal="center" vertical="center" justifyLastLine="1"/>
    </xf>
    <xf numFmtId="0" fontId="28" fillId="3" borderId="0" xfId="1" applyFont="1" applyFill="1" applyAlignment="1">
      <alignment horizontal="center" vertical="center" justifyLastLine="1"/>
    </xf>
    <xf numFmtId="0" fontId="28" fillId="3" borderId="5" xfId="1" applyFont="1" applyFill="1" applyBorder="1" applyAlignment="1">
      <alignment horizontal="center" vertical="center" justifyLastLine="1"/>
    </xf>
    <xf numFmtId="0" fontId="28" fillId="3" borderId="6" xfId="1" applyFont="1" applyFill="1" applyBorder="1" applyAlignment="1">
      <alignment horizontal="center" vertical="center" wrapText="1"/>
    </xf>
    <xf numFmtId="0" fontId="28" fillId="3" borderId="6" xfId="1" applyFont="1" applyFill="1" applyBorder="1" applyAlignment="1">
      <alignment horizontal="center" vertical="center" justifyLastLine="1"/>
    </xf>
    <xf numFmtId="0" fontId="28" fillId="3" borderId="7" xfId="1" applyFont="1" applyFill="1" applyBorder="1" applyAlignment="1">
      <alignment horizontal="center" vertical="center" justifyLastLine="1"/>
    </xf>
    <xf numFmtId="0" fontId="28" fillId="3" borderId="8" xfId="1" applyFont="1" applyFill="1" applyBorder="1" applyAlignment="1">
      <alignment horizontal="center" vertical="center" justifyLastLine="1"/>
    </xf>
    <xf numFmtId="0" fontId="32" fillId="3" borderId="1" xfId="1" applyFont="1" applyFill="1" applyBorder="1" applyAlignment="1">
      <alignment horizontal="left" vertical="center" wrapText="1"/>
    </xf>
    <xf numFmtId="0" fontId="32" fillId="3" borderId="2" xfId="1" applyFont="1" applyFill="1" applyBorder="1" applyAlignment="1">
      <alignment horizontal="left" vertical="center" wrapText="1"/>
    </xf>
    <xf numFmtId="0" fontId="32" fillId="3" borderId="3" xfId="1" applyFont="1" applyFill="1" applyBorder="1" applyAlignment="1">
      <alignment horizontal="left" vertical="center" wrapText="1"/>
    </xf>
    <xf numFmtId="0" fontId="32" fillId="3" borderId="4" xfId="1" applyFont="1" applyFill="1" applyBorder="1" applyAlignment="1">
      <alignment horizontal="left" vertical="center" wrapText="1"/>
    </xf>
    <xf numFmtId="0" fontId="32" fillId="3" borderId="0" xfId="1" applyFont="1" applyFill="1" applyAlignment="1">
      <alignment horizontal="left" vertical="center" wrapText="1"/>
    </xf>
    <xf numFmtId="0" fontId="32" fillId="3" borderId="5" xfId="1" applyFont="1" applyFill="1" applyBorder="1" applyAlignment="1">
      <alignment horizontal="left" vertical="center" wrapText="1"/>
    </xf>
    <xf numFmtId="0" fontId="34" fillId="3" borderId="0" xfId="1" applyFont="1" applyFill="1" applyAlignment="1">
      <alignment horizontal="left" vertical="center"/>
    </xf>
    <xf numFmtId="0" fontId="34" fillId="3" borderId="7" xfId="1" applyFont="1" applyFill="1" applyBorder="1" applyAlignment="1">
      <alignment horizontal="left" vertical="center"/>
    </xf>
    <xf numFmtId="0" fontId="27" fillId="3" borderId="7" xfId="1" applyFont="1" applyFill="1" applyBorder="1" applyAlignment="1">
      <alignment horizontal="right" vertical="center"/>
    </xf>
    <xf numFmtId="0" fontId="36" fillId="3" borderId="0" xfId="1" applyFont="1" applyFill="1" applyAlignment="1">
      <alignment horizontal="center" vertical="top"/>
    </xf>
    <xf numFmtId="0" fontId="35" fillId="3" borderId="0" xfId="1" applyFont="1" applyFill="1" applyAlignment="1">
      <alignment horizontal="center" vertical="top"/>
    </xf>
    <xf numFmtId="0" fontId="28" fillId="3" borderId="1" xfId="1" applyFont="1" applyFill="1" applyBorder="1" applyAlignment="1">
      <alignment horizontal="left" vertical="center"/>
    </xf>
    <xf numFmtId="0" fontId="28" fillId="3" borderId="2" xfId="1" applyFont="1" applyFill="1" applyBorder="1" applyAlignment="1">
      <alignment horizontal="left" vertical="center"/>
    </xf>
    <xf numFmtId="0" fontId="28" fillId="3" borderId="3" xfId="1" applyFont="1" applyFill="1" applyBorder="1" applyAlignment="1">
      <alignment horizontal="left" vertical="center"/>
    </xf>
    <xf numFmtId="0" fontId="28" fillId="3" borderId="4" xfId="1" applyFont="1" applyFill="1" applyBorder="1" applyAlignment="1">
      <alignment horizontal="left" vertical="center"/>
    </xf>
    <xf numFmtId="0" fontId="28" fillId="3" borderId="0" xfId="1" applyFont="1" applyFill="1" applyAlignment="1">
      <alignment horizontal="left" vertical="center"/>
    </xf>
    <xf numFmtId="0" fontId="28" fillId="3" borderId="5" xfId="1" applyFont="1" applyFill="1" applyBorder="1" applyAlignment="1">
      <alignment horizontal="left" vertical="center"/>
    </xf>
    <xf numFmtId="0" fontId="28" fillId="3" borderId="6" xfId="1" applyFont="1" applyFill="1" applyBorder="1" applyAlignment="1">
      <alignment horizontal="left" vertical="center"/>
    </xf>
    <xf numFmtId="0" fontId="28" fillId="3" borderId="7" xfId="1" applyFont="1" applyFill="1" applyBorder="1" applyAlignment="1">
      <alignment horizontal="left" vertical="center"/>
    </xf>
    <xf numFmtId="0" fontId="28" fillId="3" borderId="8" xfId="1" applyFont="1" applyFill="1" applyBorder="1" applyAlignment="1">
      <alignment horizontal="left" vertical="center"/>
    </xf>
    <xf numFmtId="0" fontId="28" fillId="3" borderId="1" xfId="1" applyFont="1" applyFill="1" applyBorder="1" applyAlignment="1">
      <alignment horizontal="left" vertical="top"/>
    </xf>
    <xf numFmtId="0" fontId="28" fillId="3" borderId="2" xfId="1" applyFont="1" applyFill="1" applyBorder="1" applyAlignment="1">
      <alignment horizontal="left" vertical="top"/>
    </xf>
    <xf numFmtId="0" fontId="28" fillId="3" borderId="3" xfId="1" applyFont="1" applyFill="1" applyBorder="1" applyAlignment="1">
      <alignment horizontal="left" vertical="top"/>
    </xf>
    <xf numFmtId="0" fontId="28" fillId="3" borderId="4" xfId="1" applyFont="1" applyFill="1" applyBorder="1" applyAlignment="1">
      <alignment horizontal="left" vertical="top"/>
    </xf>
    <xf numFmtId="0" fontId="28" fillId="3" borderId="0" xfId="1" applyFont="1" applyFill="1" applyAlignment="1">
      <alignment horizontal="left" vertical="top"/>
    </xf>
    <xf numFmtId="0" fontId="28" fillId="3" borderId="5" xfId="1" applyFont="1" applyFill="1" applyBorder="1" applyAlignment="1">
      <alignment horizontal="left" vertical="top"/>
    </xf>
    <xf numFmtId="0" fontId="28" fillId="3" borderId="6" xfId="1" applyFont="1" applyFill="1" applyBorder="1" applyAlignment="1">
      <alignment horizontal="distributed" vertical="center" justifyLastLine="1"/>
    </xf>
    <xf numFmtId="0" fontId="28" fillId="3" borderId="7" xfId="1" applyFont="1" applyFill="1" applyBorder="1" applyAlignment="1">
      <alignment horizontal="distributed" vertical="center" justifyLastLine="1"/>
    </xf>
    <xf numFmtId="0" fontId="28" fillId="3" borderId="8" xfId="1" applyFont="1" applyFill="1" applyBorder="1" applyAlignment="1">
      <alignment horizontal="distributed" vertical="center" justifyLastLine="1"/>
    </xf>
    <xf numFmtId="0" fontId="38" fillId="0" borderId="29" xfId="12" applyFont="1" applyBorder="1" applyAlignment="1">
      <alignment horizontal="distributed" vertical="center"/>
    </xf>
    <xf numFmtId="0" fontId="38" fillId="0" borderId="32" xfId="12" applyFont="1" applyBorder="1" applyAlignment="1">
      <alignment horizontal="distributed" vertical="center"/>
    </xf>
    <xf numFmtId="0" fontId="38" fillId="0" borderId="30" xfId="12" applyFont="1" applyBorder="1" applyAlignment="1">
      <alignment horizontal="distributed" vertical="center"/>
    </xf>
    <xf numFmtId="0" fontId="38" fillId="0" borderId="29" xfId="12" applyFont="1" applyBorder="1" applyAlignment="1">
      <alignment horizontal="left" vertical="center"/>
    </xf>
    <xf numFmtId="0" fontId="38" fillId="0" borderId="32" xfId="12" applyFont="1" applyBorder="1" applyAlignment="1">
      <alignment horizontal="left" vertical="center"/>
    </xf>
    <xf numFmtId="0" fontId="38" fillId="0" borderId="30" xfId="12" applyFont="1" applyBorder="1" applyAlignment="1">
      <alignment horizontal="left" vertical="center"/>
    </xf>
    <xf numFmtId="0" fontId="38" fillId="0" borderId="1" xfId="12" applyFont="1" applyBorder="1" applyAlignment="1">
      <alignment horizontal="distributed" vertical="center"/>
    </xf>
    <xf numFmtId="0" fontId="38" fillId="0" borderId="6" xfId="12" applyFont="1" applyBorder="1" applyAlignment="1">
      <alignment horizontal="center" vertical="center" wrapText="1"/>
    </xf>
    <xf numFmtId="0" fontId="38" fillId="0" borderId="8" xfId="12" applyFont="1" applyBorder="1" applyAlignment="1">
      <alignment horizontal="center" vertical="center" wrapText="1"/>
    </xf>
    <xf numFmtId="0" fontId="38" fillId="0" borderId="1" xfId="12" applyFont="1" applyBorder="1" applyAlignment="1">
      <alignment horizontal="center" textRotation="255" wrapText="1"/>
    </xf>
    <xf numFmtId="0" fontId="38" fillId="0" borderId="3" xfId="12" applyFont="1" applyBorder="1" applyAlignment="1">
      <alignment horizontal="center" textRotation="255" wrapText="1"/>
    </xf>
    <xf numFmtId="0" fontId="38" fillId="0" borderId="4" xfId="12" applyFont="1" applyBorder="1" applyAlignment="1">
      <alignment horizontal="center" textRotation="255" wrapText="1"/>
    </xf>
    <xf numFmtId="0" fontId="38" fillId="0" borderId="5" xfId="12" applyFont="1" applyBorder="1" applyAlignment="1">
      <alignment horizontal="center" textRotation="255" wrapText="1"/>
    </xf>
    <xf numFmtId="0" fontId="38" fillId="0" borderId="6" xfId="12" applyFont="1" applyBorder="1" applyAlignment="1">
      <alignment horizontal="center" textRotation="255" wrapText="1"/>
    </xf>
    <xf numFmtId="0" fontId="38" fillId="0" borderId="8" xfId="12" applyFont="1" applyBorder="1" applyAlignment="1">
      <alignment horizontal="center" textRotation="255" wrapText="1"/>
    </xf>
    <xf numFmtId="0" fontId="38" fillId="0" borderId="0" xfId="12" applyFont="1" applyAlignment="1">
      <alignment horizontal="center" textRotation="255" wrapText="1"/>
    </xf>
    <xf numFmtId="0" fontId="20" fillId="0" borderId="0" xfId="3" applyFont="1" applyAlignment="1">
      <alignment horizontal="center" vertical="center"/>
    </xf>
    <xf numFmtId="0" fontId="38" fillId="0" borderId="1" xfId="12" applyFont="1" applyBorder="1" applyAlignment="1">
      <alignment horizontal="center" vertical="center"/>
    </xf>
    <xf numFmtId="0" fontId="38" fillId="0" borderId="3" xfId="12" applyFont="1" applyBorder="1" applyAlignment="1">
      <alignment horizontal="center" vertical="center"/>
    </xf>
    <xf numFmtId="0" fontId="38" fillId="0" borderId="6" xfId="12" applyFont="1" applyBorder="1" applyAlignment="1">
      <alignment horizontal="center" vertical="center"/>
    </xf>
    <xf numFmtId="0" fontId="38" fillId="0" borderId="8" xfId="12" applyFont="1" applyBorder="1" applyAlignment="1">
      <alignment horizontal="center" vertical="center"/>
    </xf>
    <xf numFmtId="0" fontId="38" fillId="0" borderId="1" xfId="12" applyFont="1" applyBorder="1" applyAlignment="1">
      <alignment horizontal="left" vertical="center" wrapText="1"/>
    </xf>
    <xf numFmtId="0" fontId="38" fillId="0" borderId="2" xfId="12" applyFont="1" applyBorder="1" applyAlignment="1">
      <alignment horizontal="left" vertical="center"/>
    </xf>
    <xf numFmtId="0" fontId="38" fillId="0" borderId="3" xfId="12" applyFont="1" applyBorder="1" applyAlignment="1">
      <alignment horizontal="left" vertical="center"/>
    </xf>
    <xf numFmtId="0" fontId="38" fillId="0" borderId="6" xfId="12" applyFont="1" applyBorder="1" applyAlignment="1">
      <alignment horizontal="left" vertical="center"/>
    </xf>
    <xf numFmtId="0" fontId="38" fillId="0" borderId="7" xfId="12" applyFont="1" applyBorder="1" applyAlignment="1">
      <alignment horizontal="left" vertical="center"/>
    </xf>
    <xf numFmtId="0" fontId="38" fillId="0" borderId="8" xfId="12" applyFont="1" applyBorder="1" applyAlignment="1">
      <alignment horizontal="left" vertical="center"/>
    </xf>
    <xf numFmtId="0" fontId="39" fillId="0" borderId="1" xfId="12" applyFont="1" applyBorder="1" applyAlignment="1">
      <alignment horizontal="center" vertical="center"/>
    </xf>
    <xf numFmtId="0" fontId="39" fillId="0" borderId="3" xfId="12" applyFont="1" applyBorder="1" applyAlignment="1">
      <alignment horizontal="center" vertical="center"/>
    </xf>
    <xf numFmtId="0" fontId="39" fillId="0" borderId="6" xfId="12" applyFont="1" applyBorder="1" applyAlignment="1">
      <alignment horizontal="center" vertical="center"/>
    </xf>
    <xf numFmtId="0" fontId="39" fillId="0" borderId="8" xfId="12" applyFont="1" applyBorder="1" applyAlignment="1">
      <alignment horizontal="center" vertical="center"/>
    </xf>
    <xf numFmtId="0" fontId="39" fillId="0" borderId="29" xfId="12" applyFont="1" applyBorder="1" applyAlignment="1">
      <alignment horizontal="distributed" vertical="center"/>
    </xf>
    <xf numFmtId="0" fontId="39" fillId="0" borderId="30" xfId="12" applyFont="1" applyBorder="1" applyAlignment="1">
      <alignment horizontal="distributed" vertical="center"/>
    </xf>
    <xf numFmtId="0" fontId="39" fillId="0" borderId="29" xfId="12" applyFont="1" applyBorder="1" applyAlignment="1">
      <alignment horizontal="distributed" vertical="center" wrapText="1"/>
    </xf>
    <xf numFmtId="0" fontId="39" fillId="0" borderId="28" xfId="12" applyFont="1" applyBorder="1" applyAlignment="1">
      <alignment horizontal="center"/>
    </xf>
    <xf numFmtId="0" fontId="39" fillId="0" borderId="1" xfId="12" applyFont="1" applyBorder="1" applyAlignment="1">
      <alignment horizontal="distributed" vertical="center"/>
    </xf>
    <xf numFmtId="0" fontId="39" fillId="0" borderId="3" xfId="12" applyFont="1" applyBorder="1" applyAlignment="1">
      <alignment horizontal="distributed" vertical="center"/>
    </xf>
    <xf numFmtId="0" fontId="13" fillId="4" borderId="0" xfId="8" applyFont="1" applyFill="1" applyAlignment="1">
      <alignment vertical="center"/>
    </xf>
    <xf numFmtId="0" fontId="1" fillId="3" borderId="7" xfId="8" applyFill="1" applyBorder="1" applyAlignment="1">
      <alignment horizontal="center"/>
    </xf>
    <xf numFmtId="0" fontId="1" fillId="3" borderId="7" xfId="8" applyFill="1" applyBorder="1"/>
    <xf numFmtId="0" fontId="1" fillId="0" borderId="7" xfId="8" applyBorder="1"/>
    <xf numFmtId="0" fontId="1" fillId="3" borderId="29" xfId="8" applyFill="1" applyBorder="1" applyAlignment="1">
      <alignment horizontal="left"/>
    </xf>
    <xf numFmtId="0" fontId="1" fillId="3" borderId="30" xfId="8" applyFill="1" applyBorder="1" applyAlignment="1">
      <alignment horizontal="left"/>
    </xf>
    <xf numFmtId="0" fontId="1" fillId="3" borderId="28" xfId="8" applyFill="1" applyBorder="1" applyAlignment="1">
      <alignment horizontal="center"/>
    </xf>
    <xf numFmtId="0" fontId="8" fillId="3" borderId="1" xfId="8" applyFont="1" applyFill="1" applyBorder="1" applyAlignment="1">
      <alignment horizontal="left" vertical="center" wrapText="1"/>
    </xf>
    <xf numFmtId="0" fontId="8" fillId="3" borderId="3" xfId="8" applyFont="1" applyFill="1" applyBorder="1" applyAlignment="1">
      <alignment horizontal="left" vertical="center" wrapText="1"/>
    </xf>
    <xf numFmtId="0" fontId="8" fillId="3" borderId="6" xfId="8" applyFont="1" applyFill="1" applyBorder="1" applyAlignment="1">
      <alignment horizontal="left" vertical="center" wrapText="1"/>
    </xf>
    <xf numFmtId="0" fontId="8" fillId="3" borderId="8" xfId="8" applyFont="1" applyFill="1" applyBorder="1" applyAlignment="1">
      <alignment horizontal="left" vertical="center" wrapText="1"/>
    </xf>
    <xf numFmtId="0" fontId="1" fillId="3" borderId="1" xfId="8" applyFill="1" applyBorder="1" applyAlignment="1">
      <alignment vertical="center"/>
    </xf>
    <xf numFmtId="0" fontId="1" fillId="4" borderId="3" xfId="8" applyFill="1" applyBorder="1" applyAlignment="1">
      <alignment vertical="center"/>
    </xf>
    <xf numFmtId="0" fontId="1" fillId="4" borderId="6" xfId="8" applyFill="1" applyBorder="1" applyAlignment="1">
      <alignment vertical="center"/>
    </xf>
    <xf numFmtId="0" fontId="1" fillId="4" borderId="8" xfId="8" applyFill="1" applyBorder="1" applyAlignment="1">
      <alignment vertical="center"/>
    </xf>
    <xf numFmtId="0" fontId="1" fillId="3" borderId="32" xfId="8" applyFill="1" applyBorder="1" applyAlignment="1">
      <alignment horizontal="center"/>
    </xf>
    <xf numFmtId="0" fontId="1" fillId="3" borderId="30" xfId="8" applyFill="1" applyBorder="1" applyAlignment="1">
      <alignment horizontal="center"/>
    </xf>
    <xf numFmtId="0" fontId="1" fillId="3" borderId="23" xfId="8" applyFill="1" applyBorder="1" applyAlignment="1">
      <alignment horizontal="center" vertical="center"/>
    </xf>
    <xf numFmtId="0" fontId="1" fillId="3" borderId="50" xfId="8" applyFill="1" applyBorder="1" applyAlignment="1">
      <alignment horizontal="center" vertical="center"/>
    </xf>
    <xf numFmtId="0" fontId="1" fillId="3" borderId="24" xfId="8" applyFill="1" applyBorder="1" applyAlignment="1">
      <alignment horizontal="center" vertical="center"/>
    </xf>
    <xf numFmtId="0" fontId="1" fillId="3" borderId="51" xfId="8" applyFill="1" applyBorder="1" applyAlignment="1">
      <alignment horizontal="center" vertical="center"/>
    </xf>
    <xf numFmtId="0" fontId="1" fillId="3" borderId="18" xfId="8" applyFill="1" applyBorder="1" applyAlignment="1">
      <alignment horizontal="center" vertical="center"/>
    </xf>
    <xf numFmtId="0" fontId="1" fillId="3" borderId="19" xfId="8" applyFill="1" applyBorder="1" applyAlignment="1">
      <alignment horizontal="center" vertical="center"/>
    </xf>
    <xf numFmtId="0" fontId="0" fillId="3" borderId="23" xfId="8" applyFont="1" applyFill="1" applyBorder="1" applyAlignment="1">
      <alignment horizontal="center" vertical="center"/>
    </xf>
    <xf numFmtId="0" fontId="1" fillId="3" borderId="29" xfId="8" applyFill="1" applyBorder="1" applyAlignment="1">
      <alignment horizontal="center"/>
    </xf>
    <xf numFmtId="14" fontId="1" fillId="3" borderId="28" xfId="8" applyNumberFormat="1" applyFill="1" applyBorder="1" applyAlignment="1">
      <alignment horizontal="center"/>
    </xf>
    <xf numFmtId="0" fontId="50" fillId="0" borderId="0" xfId="7" applyFont="1" applyAlignment="1">
      <alignment horizontal="center" vertical="center" wrapText="1"/>
    </xf>
    <xf numFmtId="0" fontId="13" fillId="0" borderId="0" xfId="7" applyFont="1" applyAlignment="1">
      <alignment horizontal="center" vertical="center" wrapText="1"/>
    </xf>
    <xf numFmtId="0" fontId="13" fillId="0" borderId="86" xfId="7" applyFont="1" applyBorder="1" applyAlignment="1">
      <alignment horizontal="center" vertical="center" wrapText="1"/>
    </xf>
    <xf numFmtId="0" fontId="13" fillId="0" borderId="94" xfId="7" applyFont="1" applyBorder="1" applyAlignment="1">
      <alignment horizontal="center" vertical="center" wrapText="1"/>
    </xf>
    <xf numFmtId="0" fontId="13" fillId="0" borderId="23" xfId="7" applyFont="1" applyBorder="1" applyAlignment="1">
      <alignment horizontal="center" vertical="center"/>
    </xf>
    <xf numFmtId="0" fontId="13" fillId="0" borderId="50" xfId="7" applyFont="1" applyBorder="1" applyAlignment="1">
      <alignment horizontal="center" vertical="center"/>
    </xf>
    <xf numFmtId="0" fontId="13" fillId="0" borderId="18" xfId="7" applyFont="1" applyBorder="1" applyAlignment="1">
      <alignment horizontal="center" vertical="center"/>
    </xf>
    <xf numFmtId="0" fontId="13" fillId="0" borderId="19" xfId="7" applyFont="1" applyBorder="1" applyAlignment="1">
      <alignment horizontal="center" vertical="center"/>
    </xf>
    <xf numFmtId="0" fontId="13" fillId="0" borderId="42" xfId="7" applyFont="1" applyBorder="1" applyAlignment="1">
      <alignment horizontal="center" vertical="center"/>
    </xf>
    <xf numFmtId="0" fontId="48" fillId="0" borderId="0" xfId="7" applyFont="1" applyAlignment="1">
      <alignment horizontal="left" vertical="center" wrapText="1"/>
    </xf>
    <xf numFmtId="0" fontId="13" fillId="0" borderId="0" xfId="7" applyFont="1" applyAlignment="1">
      <alignment horizontal="center" vertical="center"/>
    </xf>
    <xf numFmtId="0" fontId="13" fillId="0" borderId="21" xfId="7" applyFont="1" applyBorder="1" applyAlignment="1">
      <alignment horizontal="center" vertical="center"/>
    </xf>
    <xf numFmtId="0" fontId="15" fillId="0" borderId="0" xfId="7" applyFont="1" applyAlignment="1">
      <alignment horizontal="right" vertical="center"/>
    </xf>
    <xf numFmtId="0" fontId="9" fillId="0" borderId="0" xfId="7" applyFont="1">
      <alignment vertical="center"/>
    </xf>
    <xf numFmtId="0" fontId="47" fillId="0" borderId="42" xfId="7" applyFont="1" applyBorder="1" applyAlignment="1">
      <alignment horizontal="center" vertical="center"/>
    </xf>
    <xf numFmtId="0" fontId="15" fillId="0" borderId="79" xfId="7" applyFont="1" applyBorder="1" applyAlignment="1">
      <alignment horizontal="center" vertical="center" textRotation="255"/>
    </xf>
    <xf numFmtId="0" fontId="15" fillId="0" borderId="67" xfId="7" applyFont="1" applyBorder="1" applyAlignment="1">
      <alignment horizontal="center" vertical="center" textRotation="255"/>
    </xf>
    <xf numFmtId="0" fontId="15" fillId="0" borderId="61" xfId="7" applyFont="1" applyBorder="1" applyAlignment="1">
      <alignment horizontal="center" vertical="center" textRotation="255"/>
    </xf>
    <xf numFmtId="0" fontId="15" fillId="0" borderId="73" xfId="7" applyFont="1" applyBorder="1" applyAlignment="1">
      <alignment horizontal="center" vertical="center"/>
    </xf>
    <xf numFmtId="0" fontId="15" fillId="0" borderId="2" xfId="7" applyFont="1" applyBorder="1" applyAlignment="1">
      <alignment horizontal="center" vertical="center"/>
    </xf>
    <xf numFmtId="0" fontId="15" fillId="0" borderId="75" xfId="7" applyFont="1" applyBorder="1" applyAlignment="1">
      <alignment horizontal="center" vertical="center"/>
    </xf>
    <xf numFmtId="0" fontId="15" fillId="0" borderId="24" xfId="7" applyFont="1" applyBorder="1" applyAlignment="1">
      <alignment horizontal="center" vertical="center"/>
    </xf>
    <xf numFmtId="0" fontId="15" fillId="0" borderId="0" xfId="7" applyFont="1" applyAlignment="1">
      <alignment horizontal="center" vertical="center"/>
    </xf>
    <xf numFmtId="0" fontId="15" fillId="0" borderId="51" xfId="7" applyFont="1" applyBorder="1" applyAlignment="1">
      <alignment horizontal="center" vertical="center"/>
    </xf>
    <xf numFmtId="0" fontId="15" fillId="0" borderId="73" xfId="7" applyFont="1" applyBorder="1" applyAlignment="1">
      <alignment horizontal="distributed" vertical="center" indent="2"/>
    </xf>
    <xf numFmtId="0" fontId="15" fillId="0" borderId="2" xfId="7" applyFont="1" applyBorder="1" applyAlignment="1">
      <alignment horizontal="distributed" vertical="center" indent="2"/>
    </xf>
    <xf numFmtId="0" fontId="15" fillId="0" borderId="75" xfId="7" applyFont="1" applyBorder="1" applyAlignment="1">
      <alignment horizontal="distributed" vertical="center" indent="2"/>
    </xf>
    <xf numFmtId="0" fontId="15" fillId="0" borderId="24" xfId="7" applyFont="1" applyBorder="1" applyAlignment="1">
      <alignment horizontal="distributed" vertical="center" indent="2"/>
    </xf>
    <xf numFmtId="0" fontId="15" fillId="0" borderId="0" xfId="7" applyFont="1" applyAlignment="1">
      <alignment horizontal="distributed" vertical="center" indent="2"/>
    </xf>
    <xf numFmtId="0" fontId="15" fillId="0" borderId="51" xfId="7" applyFont="1" applyBorder="1" applyAlignment="1">
      <alignment horizontal="distributed" vertical="center" indent="2"/>
    </xf>
    <xf numFmtId="0" fontId="15" fillId="0" borderId="54" xfId="7" applyFont="1" applyBorder="1" applyAlignment="1">
      <alignment horizontal="distributed" vertical="center" indent="2"/>
    </xf>
    <xf numFmtId="0" fontId="15" fillId="0" borderId="7" xfId="7" applyFont="1" applyBorder="1" applyAlignment="1">
      <alignment horizontal="distributed" vertical="center" indent="2"/>
    </xf>
    <xf numFmtId="0" fontId="15" fillId="0" borderId="56" xfId="7" applyFont="1" applyBorder="1" applyAlignment="1">
      <alignment horizontal="distributed" vertical="center" indent="2"/>
    </xf>
    <xf numFmtId="0" fontId="15" fillId="0" borderId="74" xfId="7" applyFont="1" applyBorder="1" applyAlignment="1">
      <alignment horizontal="center" vertical="center"/>
    </xf>
    <xf numFmtId="0" fontId="15" fillId="0" borderId="62" xfId="7" applyFont="1" applyBorder="1" applyAlignment="1">
      <alignment horizontal="center" vertical="center"/>
    </xf>
    <xf numFmtId="0" fontId="15" fillId="0" borderId="55" xfId="7" applyFont="1" applyBorder="1" applyAlignment="1">
      <alignment horizontal="center" vertical="center"/>
    </xf>
    <xf numFmtId="0" fontId="15" fillId="0" borderId="18" xfId="7" applyFont="1" applyBorder="1" applyAlignment="1">
      <alignment horizontal="center" vertical="center"/>
    </xf>
    <xf numFmtId="0" fontId="15" fillId="0" borderId="42" xfId="7" applyFont="1" applyBorder="1" applyAlignment="1">
      <alignment horizontal="center" vertical="center"/>
    </xf>
    <xf numFmtId="0" fontId="15" fillId="0" borderId="19" xfId="7" applyFont="1" applyBorder="1" applyAlignment="1">
      <alignment horizontal="center" vertical="center"/>
    </xf>
    <xf numFmtId="0" fontId="15" fillId="0" borderId="93" xfId="7" applyFont="1" applyBorder="1" applyAlignment="1">
      <alignment horizontal="center" vertical="center"/>
    </xf>
    <xf numFmtId="0" fontId="15" fillId="0" borderId="92" xfId="7" applyFont="1" applyBorder="1" applyAlignment="1">
      <alignment horizontal="center" vertical="center"/>
    </xf>
    <xf numFmtId="0" fontId="15" fillId="0" borderId="88" xfId="7" applyFont="1" applyBorder="1" applyAlignment="1">
      <alignment horizontal="center" vertical="center"/>
    </xf>
    <xf numFmtId="0" fontId="15" fillId="0" borderId="87" xfId="7" applyFont="1" applyBorder="1" applyAlignment="1">
      <alignment horizontal="center" vertical="center"/>
    </xf>
    <xf numFmtId="0" fontId="15" fillId="0" borderId="77" xfId="7" applyFont="1" applyBorder="1" applyAlignment="1">
      <alignment horizontal="center" vertical="center" wrapText="1"/>
    </xf>
    <xf numFmtId="0" fontId="15" fillId="0" borderId="64" xfId="7" applyFont="1" applyBorder="1" applyAlignment="1">
      <alignment horizontal="center" vertical="center"/>
    </xf>
    <xf numFmtId="0" fontId="15" fillId="0" borderId="91" xfId="7" applyFont="1" applyBorder="1" applyAlignment="1">
      <alignment horizontal="center" vertical="center"/>
    </xf>
    <xf numFmtId="0" fontId="15" fillId="0" borderId="90" xfId="7" applyFont="1" applyBorder="1" applyAlignment="1">
      <alignment horizontal="center" vertical="center"/>
    </xf>
    <xf numFmtId="0" fontId="15" fillId="0" borderId="85" xfId="7" applyFont="1" applyBorder="1" applyAlignment="1">
      <alignment horizontal="center" vertical="center" wrapText="1"/>
    </xf>
    <xf numFmtId="0" fontId="15" fillId="0" borderId="50" xfId="7" applyFont="1" applyBorder="1" applyAlignment="1">
      <alignment horizontal="center" vertical="center" wrapText="1"/>
    </xf>
    <xf numFmtId="0" fontId="15" fillId="0" borderId="84" xfId="7" applyFont="1" applyBorder="1" applyAlignment="1">
      <alignment horizontal="center" vertical="center" wrapText="1"/>
    </xf>
    <xf numFmtId="0" fontId="15" fillId="0" borderId="56" xfId="7" applyFont="1" applyBorder="1" applyAlignment="1">
      <alignment horizontal="center" vertical="center" wrapText="1"/>
    </xf>
    <xf numFmtId="0" fontId="15" fillId="0" borderId="73" xfId="7" applyFont="1" applyBorder="1" applyAlignment="1">
      <alignment horizontal="center" vertical="center" justifyLastLine="1"/>
    </xf>
    <xf numFmtId="0" fontId="15" fillId="0" borderId="3" xfId="7" applyFont="1" applyBorder="1" applyAlignment="1">
      <alignment horizontal="center" vertical="center" justifyLastLine="1"/>
    </xf>
    <xf numFmtId="0" fontId="15" fillId="0" borderId="24" xfId="7" applyFont="1" applyBorder="1" applyAlignment="1">
      <alignment horizontal="center" vertical="center" justifyLastLine="1"/>
    </xf>
    <xf numFmtId="0" fontId="15" fillId="0" borderId="5" xfId="7" applyFont="1" applyBorder="1" applyAlignment="1">
      <alignment horizontal="center" vertical="center" justifyLastLine="1"/>
    </xf>
    <xf numFmtId="0" fontId="15" fillId="0" borderId="23" xfId="7" applyFont="1" applyBorder="1" applyAlignment="1">
      <alignment horizontal="center" vertical="center"/>
    </xf>
    <xf numFmtId="0" fontId="15" fillId="0" borderId="40" xfId="7" applyFont="1" applyBorder="1" applyAlignment="1">
      <alignment horizontal="center" vertical="center"/>
    </xf>
    <xf numFmtId="0" fontId="15" fillId="0" borderId="50" xfId="7" applyFont="1" applyBorder="1" applyAlignment="1">
      <alignment horizontal="center" vertical="center"/>
    </xf>
    <xf numFmtId="0" fontId="15" fillId="0" borderId="85" xfId="7" applyFont="1" applyBorder="1" applyAlignment="1">
      <alignment horizontal="center" vertical="center"/>
    </xf>
    <xf numFmtId="0" fontId="15" fillId="0" borderId="89" xfId="7" applyFont="1" applyBorder="1" applyAlignment="1">
      <alignment horizontal="center" vertical="center"/>
    </xf>
    <xf numFmtId="0" fontId="15" fillId="0" borderId="54" xfId="7" applyFont="1" applyBorder="1" applyAlignment="1">
      <alignment horizontal="center" vertical="center"/>
    </xf>
    <xf numFmtId="0" fontId="15" fillId="0" borderId="7" xfId="7" applyFont="1" applyBorder="1" applyAlignment="1">
      <alignment horizontal="center" vertical="center"/>
    </xf>
    <xf numFmtId="0" fontId="15" fillId="0" borderId="56" xfId="7" applyFont="1" applyBorder="1" applyAlignment="1">
      <alignment horizontal="center" vertical="center"/>
    </xf>
    <xf numFmtId="0" fontId="15" fillId="0" borderId="51" xfId="7" applyFont="1" applyBorder="1" applyAlignment="1">
      <alignment horizontal="center" vertical="center" wrapText="1"/>
    </xf>
    <xf numFmtId="0" fontId="15" fillId="0" borderId="86" xfId="7" applyFont="1" applyBorder="1" applyAlignment="1">
      <alignment horizontal="center" vertical="center"/>
    </xf>
    <xf numFmtId="0" fontId="15" fillId="0" borderId="23" xfId="7" applyFont="1" applyBorder="1" applyAlignment="1">
      <alignment horizontal="center" vertical="center" wrapText="1" justifyLastLine="1"/>
    </xf>
    <xf numFmtId="0" fontId="15" fillId="0" borderId="68" xfId="7" applyFont="1" applyBorder="1" applyAlignment="1">
      <alignment horizontal="center" vertical="center" wrapText="1" justifyLastLine="1"/>
    </xf>
    <xf numFmtId="0" fontId="15" fillId="0" borderId="24" xfId="7" applyFont="1" applyBorder="1" applyAlignment="1">
      <alignment horizontal="center" vertical="center" wrapText="1" justifyLastLine="1"/>
    </xf>
    <xf numFmtId="0" fontId="15" fillId="0" borderId="5" xfId="7" applyFont="1" applyBorder="1" applyAlignment="1">
      <alignment horizontal="center" vertical="center" wrapText="1" justifyLastLine="1"/>
    </xf>
    <xf numFmtId="0" fontId="15" fillId="0" borderId="54" xfId="7" applyFont="1" applyBorder="1" applyAlignment="1">
      <alignment horizontal="center" vertical="center" wrapText="1" justifyLastLine="1"/>
    </xf>
    <xf numFmtId="0" fontId="15" fillId="0" borderId="8" xfId="7" applyFont="1" applyBorder="1" applyAlignment="1">
      <alignment horizontal="center" vertical="center" wrapText="1" justifyLastLine="1"/>
    </xf>
    <xf numFmtId="0" fontId="15" fillId="0" borderId="79" xfId="7" applyFont="1" applyBorder="1" applyAlignment="1">
      <alignment horizontal="center" vertical="center"/>
    </xf>
    <xf numFmtId="0" fontId="15" fillId="0" borderId="67" xfId="7" applyFont="1" applyBorder="1" applyAlignment="1">
      <alignment horizontal="center" vertical="center"/>
    </xf>
    <xf numFmtId="0" fontId="15" fillId="0" borderId="61" xfId="7" applyFont="1" applyBorder="1" applyAlignment="1">
      <alignment horizontal="center" vertical="center"/>
    </xf>
    <xf numFmtId="0" fontId="46" fillId="0" borderId="73" xfId="7" applyFont="1" applyBorder="1" applyAlignment="1">
      <alignment horizontal="center" vertical="center" wrapText="1"/>
    </xf>
    <xf numFmtId="0" fontId="46" fillId="0" borderId="2" xfId="7" applyFont="1" applyBorder="1" applyAlignment="1">
      <alignment horizontal="center" vertical="center" wrapText="1"/>
    </xf>
    <xf numFmtId="0" fontId="46" fillId="0" borderId="75" xfId="7" applyFont="1" applyBorder="1" applyAlignment="1">
      <alignment horizontal="center" vertical="center" wrapText="1"/>
    </xf>
    <xf numFmtId="0" fontId="46" fillId="0" borderId="18" xfId="7" applyFont="1" applyBorder="1" applyAlignment="1">
      <alignment horizontal="center" vertical="center" wrapText="1"/>
    </xf>
    <xf numFmtId="0" fontId="46" fillId="0" borderId="42" xfId="7" applyFont="1" applyBorder="1" applyAlignment="1">
      <alignment horizontal="center" vertical="center" wrapText="1"/>
    </xf>
    <xf numFmtId="0" fontId="46" fillId="0" borderId="19" xfId="7" applyFont="1" applyBorder="1" applyAlignment="1">
      <alignment horizontal="center" vertical="center" wrapText="1"/>
    </xf>
    <xf numFmtId="0" fontId="45" fillId="0" borderId="73" xfId="7" applyFont="1" applyBorder="1" applyAlignment="1">
      <alignment horizontal="center" vertical="center" wrapText="1"/>
    </xf>
    <xf numFmtId="0" fontId="45" fillId="0" borderId="2" xfId="7" applyFont="1" applyBorder="1" applyAlignment="1">
      <alignment horizontal="center" vertical="center" wrapText="1"/>
    </xf>
    <xf numFmtId="0" fontId="45" fillId="0" borderId="75" xfId="7" applyFont="1" applyBorder="1" applyAlignment="1">
      <alignment horizontal="center" vertical="center" wrapText="1"/>
    </xf>
    <xf numFmtId="0" fontId="45" fillId="0" borderId="24" xfId="7" applyFont="1" applyBorder="1" applyAlignment="1">
      <alignment horizontal="center" vertical="center" wrapText="1"/>
    </xf>
    <xf numFmtId="0" fontId="45" fillId="0" borderId="0" xfId="7" applyFont="1" applyAlignment="1">
      <alignment horizontal="center" vertical="center" wrapText="1"/>
    </xf>
    <xf numFmtId="0" fontId="45" fillId="0" borderId="51" xfId="7" applyFont="1" applyBorder="1" applyAlignment="1">
      <alignment horizontal="center" vertical="center" wrapText="1"/>
    </xf>
    <xf numFmtId="0" fontId="45" fillId="0" borderId="54" xfId="7" applyFont="1" applyBorder="1" applyAlignment="1">
      <alignment horizontal="center" vertical="center" wrapText="1"/>
    </xf>
    <xf numFmtId="0" fontId="45" fillId="0" borderId="7" xfId="7" applyFont="1" applyBorder="1" applyAlignment="1">
      <alignment horizontal="center" vertical="center" wrapText="1"/>
    </xf>
    <xf numFmtId="0" fontId="45" fillId="0" borderId="56" xfId="7" applyFont="1" applyBorder="1" applyAlignment="1">
      <alignment horizontal="center" vertical="center" wrapText="1"/>
    </xf>
    <xf numFmtId="0" fontId="45" fillId="0" borderId="18" xfId="7" applyFont="1" applyBorder="1" applyAlignment="1">
      <alignment horizontal="center" vertical="center" wrapText="1"/>
    </xf>
    <xf numFmtId="0" fontId="45" fillId="0" borderId="42" xfId="7" applyFont="1" applyBorder="1" applyAlignment="1">
      <alignment horizontal="center" vertical="center" wrapText="1"/>
    </xf>
    <xf numFmtId="0" fontId="45" fillId="0" borderId="19" xfId="7" applyFont="1" applyBorder="1" applyAlignment="1">
      <alignment horizontal="center" vertical="center" wrapText="1"/>
    </xf>
    <xf numFmtId="0" fontId="46" fillId="0" borderId="76" xfId="7" applyFont="1" applyBorder="1" applyAlignment="1">
      <alignment horizontal="center" vertical="center" shrinkToFit="1"/>
    </xf>
    <xf numFmtId="0" fontId="46" fillId="0" borderId="71" xfId="7" applyFont="1" applyBorder="1" applyAlignment="1">
      <alignment horizontal="center" vertical="center" shrinkToFit="1"/>
    </xf>
    <xf numFmtId="0" fontId="15" fillId="0" borderId="77" xfId="7" applyFont="1" applyBorder="1" applyAlignment="1">
      <alignment horizontal="center" vertical="center" shrinkToFit="1"/>
    </xf>
    <xf numFmtId="0" fontId="15" fillId="0" borderId="64" xfId="7" applyFont="1" applyBorder="1" applyAlignment="1">
      <alignment horizontal="center" vertical="center" shrinkToFit="1"/>
    </xf>
    <xf numFmtId="0" fontId="46" fillId="0" borderId="63" xfId="7" applyFont="1" applyBorder="1" applyAlignment="1">
      <alignment horizontal="center" vertical="center" shrinkToFit="1"/>
    </xf>
    <xf numFmtId="0" fontId="46" fillId="0" borderId="57" xfId="7" applyFont="1" applyBorder="1" applyAlignment="1">
      <alignment horizontal="center" vertical="center" shrinkToFit="1"/>
    </xf>
    <xf numFmtId="0" fontId="46" fillId="0" borderId="73" xfId="7" applyFont="1" applyBorder="1" applyAlignment="1">
      <alignment horizontal="center" vertical="center" shrinkToFit="1"/>
    </xf>
    <xf numFmtId="0" fontId="46" fillId="0" borderId="2" xfId="7" applyFont="1" applyBorder="1" applyAlignment="1">
      <alignment horizontal="center" vertical="center" shrinkToFit="1"/>
    </xf>
    <xf numFmtId="0" fontId="46" fillId="0" borderId="75" xfId="7" applyFont="1" applyBorder="1" applyAlignment="1">
      <alignment horizontal="center" vertical="center" shrinkToFit="1"/>
    </xf>
    <xf numFmtId="0" fontId="46" fillId="0" borderId="24" xfId="7" applyFont="1" applyBorder="1" applyAlignment="1">
      <alignment horizontal="center" vertical="center" shrinkToFit="1"/>
    </xf>
    <xf numFmtId="0" fontId="46" fillId="0" borderId="0" xfId="7" applyFont="1" applyAlignment="1">
      <alignment horizontal="center" vertical="center" shrinkToFit="1"/>
    </xf>
    <xf numFmtId="0" fontId="46" fillId="0" borderId="51" xfId="7" applyFont="1" applyBorder="1" applyAlignment="1">
      <alignment horizontal="center" vertical="center" shrinkToFit="1"/>
    </xf>
    <xf numFmtId="0" fontId="46" fillId="0" borderId="54" xfId="7" applyFont="1" applyBorder="1" applyAlignment="1">
      <alignment horizontal="center" vertical="center" shrinkToFit="1"/>
    </xf>
    <xf numFmtId="0" fontId="46" fillId="0" borderId="7" xfId="7" applyFont="1" applyBorder="1" applyAlignment="1">
      <alignment horizontal="center" vertical="center" shrinkToFit="1"/>
    </xf>
    <xf numFmtId="0" fontId="46" fillId="0" borderId="56" xfId="7" applyFont="1" applyBorder="1" applyAlignment="1">
      <alignment horizontal="center" vertical="center" shrinkToFit="1"/>
    </xf>
    <xf numFmtId="0" fontId="13" fillId="0" borderId="23" xfId="7" applyFont="1" applyBorder="1" applyAlignment="1">
      <alignment horizontal="center" vertical="center" wrapText="1"/>
    </xf>
    <xf numFmtId="0" fontId="13" fillId="0" borderId="40" xfId="7" applyFont="1" applyBorder="1" applyAlignment="1">
      <alignment horizontal="center" vertical="center" wrapText="1"/>
    </xf>
    <xf numFmtId="0" fontId="13" fillId="0" borderId="50" xfId="7" applyFont="1" applyBorder="1" applyAlignment="1">
      <alignment horizontal="center" vertical="center" wrapText="1"/>
    </xf>
    <xf numFmtId="0" fontId="13" fillId="0" borderId="18" xfId="7" applyFont="1" applyBorder="1" applyAlignment="1">
      <alignment horizontal="center" vertical="center" wrapText="1"/>
    </xf>
    <xf numFmtId="0" fontId="13" fillId="0" borderId="42" xfId="7" applyFont="1" applyBorder="1" applyAlignment="1">
      <alignment horizontal="center" vertical="center" wrapText="1"/>
    </xf>
    <xf numFmtId="0" fontId="13" fillId="0" borderId="19" xfId="7" applyFont="1" applyBorder="1" applyAlignment="1">
      <alignment horizontal="center" vertical="center" wrapText="1"/>
    </xf>
    <xf numFmtId="0" fontId="15" fillId="0" borderId="66" xfId="7" applyFont="1" applyBorder="1" applyAlignment="1">
      <alignment horizontal="center" vertical="center" shrinkToFit="1"/>
    </xf>
    <xf numFmtId="0" fontId="15" fillId="0" borderId="71" xfId="7" applyFont="1" applyBorder="1" applyAlignment="1">
      <alignment horizontal="center" vertical="center" shrinkToFit="1"/>
    </xf>
    <xf numFmtId="0" fontId="46" fillId="0" borderId="72" xfId="7" applyFont="1" applyBorder="1" applyAlignment="1">
      <alignment horizontal="center" vertical="center" shrinkToFit="1"/>
    </xf>
    <xf numFmtId="0" fontId="46" fillId="0" borderId="70" xfId="7" applyFont="1" applyBorder="1" applyAlignment="1">
      <alignment horizontal="center" vertical="center" shrinkToFit="1"/>
    </xf>
    <xf numFmtId="0" fontId="45" fillId="0" borderId="23" xfId="7" applyFont="1" applyBorder="1" applyAlignment="1">
      <alignment horizontal="center" vertical="center" wrapText="1"/>
    </xf>
    <xf numFmtId="0" fontId="45" fillId="0" borderId="40" xfId="7" applyFont="1" applyBorder="1" applyAlignment="1">
      <alignment horizontal="center" vertical="center" wrapText="1"/>
    </xf>
    <xf numFmtId="0" fontId="45" fillId="0" borderId="50" xfId="7" applyFont="1" applyBorder="1" applyAlignment="1">
      <alignment horizontal="center" vertical="center" wrapText="1"/>
    </xf>
    <xf numFmtId="0" fontId="46" fillId="0" borderId="69" xfId="7" applyFont="1" applyBorder="1" applyAlignment="1">
      <alignment horizontal="center" vertical="center" shrinkToFit="1"/>
    </xf>
    <xf numFmtId="0" fontId="46" fillId="0" borderId="64" xfId="7" applyFont="1" applyBorder="1" applyAlignment="1">
      <alignment horizontal="center" vertical="center" shrinkToFit="1"/>
    </xf>
    <xf numFmtId="0" fontId="46" fillId="0" borderId="80" xfId="7" applyFont="1" applyBorder="1" applyAlignment="1">
      <alignment horizontal="center" vertical="center" shrinkToFit="1"/>
    </xf>
    <xf numFmtId="0" fontId="46" fillId="0" borderId="78" xfId="7" applyFont="1" applyBorder="1" applyAlignment="1">
      <alignment horizontal="center" vertical="center" shrinkToFit="1"/>
    </xf>
    <xf numFmtId="0" fontId="46" fillId="0" borderId="77" xfId="7" applyFont="1" applyBorder="1" applyAlignment="1">
      <alignment horizontal="center" vertical="center" shrinkToFit="1"/>
    </xf>
    <xf numFmtId="0" fontId="15" fillId="0" borderId="76" xfId="7" applyFont="1" applyBorder="1" applyAlignment="1">
      <alignment horizontal="center" vertical="center" shrinkToFit="1"/>
    </xf>
    <xf numFmtId="49" fontId="15" fillId="0" borderId="23" xfId="7" applyNumberFormat="1" applyFont="1" applyBorder="1" applyAlignment="1">
      <alignment horizontal="center" vertical="center"/>
    </xf>
    <xf numFmtId="49" fontId="15" fillId="0" borderId="68" xfId="7" applyNumberFormat="1" applyFont="1" applyBorder="1" applyAlignment="1">
      <alignment horizontal="center" vertical="center"/>
    </xf>
    <xf numFmtId="49" fontId="15" fillId="0" borderId="24" xfId="7" applyNumberFormat="1" applyFont="1" applyBorder="1" applyAlignment="1">
      <alignment horizontal="center" vertical="center"/>
    </xf>
    <xf numFmtId="49" fontId="15" fillId="0" borderId="5" xfId="7" applyNumberFormat="1" applyFont="1" applyBorder="1" applyAlignment="1">
      <alignment horizontal="center" vertical="center"/>
    </xf>
    <xf numFmtId="49" fontId="15" fillId="0" borderId="54" xfId="7" applyNumberFormat="1" applyFont="1" applyBorder="1" applyAlignment="1">
      <alignment horizontal="center" vertical="center"/>
    </xf>
    <xf numFmtId="49" fontId="15" fillId="0" borderId="8" xfId="7" applyNumberFormat="1" applyFont="1" applyBorder="1" applyAlignment="1">
      <alignment horizontal="center" vertical="center"/>
    </xf>
    <xf numFmtId="0" fontId="13" fillId="0" borderId="54" xfId="7" applyFont="1" applyBorder="1" applyAlignment="1">
      <alignment horizontal="center" vertical="center" wrapText="1"/>
    </xf>
    <xf numFmtId="0" fontId="13" fillId="0" borderId="7" xfId="7" applyFont="1" applyBorder="1" applyAlignment="1">
      <alignment horizontal="center" vertical="center" wrapText="1"/>
    </xf>
    <xf numFmtId="0" fontId="13" fillId="0" borderId="56" xfId="7" applyFont="1" applyBorder="1" applyAlignment="1">
      <alignment horizontal="center" vertical="center" wrapText="1"/>
    </xf>
    <xf numFmtId="0" fontId="46" fillId="0" borderId="66" xfId="7" applyFont="1" applyBorder="1" applyAlignment="1">
      <alignment horizontal="center" vertical="center" shrinkToFit="1"/>
    </xf>
    <xf numFmtId="0" fontId="15" fillId="0" borderId="65" xfId="7" applyFont="1" applyBorder="1" applyAlignment="1">
      <alignment horizontal="center" vertical="center" shrinkToFit="1"/>
    </xf>
    <xf numFmtId="0" fontId="15" fillId="0" borderId="81" xfId="7" applyFont="1" applyBorder="1" applyAlignment="1">
      <alignment horizontal="center" vertical="center" shrinkToFit="1"/>
    </xf>
    <xf numFmtId="0" fontId="46" fillId="0" borderId="74" xfId="7" applyFont="1" applyBorder="1" applyAlignment="1">
      <alignment horizontal="center" vertical="center" shrinkToFit="1"/>
    </xf>
    <xf numFmtId="0" fontId="46" fillId="0" borderId="62" xfId="7" applyFont="1" applyBorder="1" applyAlignment="1">
      <alignment horizontal="center" vertical="center" shrinkToFit="1"/>
    </xf>
    <xf numFmtId="0" fontId="46" fillId="0" borderId="55" xfId="7" applyFont="1" applyBorder="1" applyAlignment="1">
      <alignment horizontal="center" vertical="center" shrinkToFit="1"/>
    </xf>
    <xf numFmtId="49" fontId="15" fillId="0" borderId="73" xfId="7" applyNumberFormat="1" applyFont="1" applyBorder="1" applyAlignment="1">
      <alignment horizontal="center" vertical="center"/>
    </xf>
    <xf numFmtId="49" fontId="15" fillId="0" borderId="3" xfId="7" applyNumberFormat="1" applyFont="1" applyBorder="1" applyAlignment="1">
      <alignment horizontal="center" vertical="center"/>
    </xf>
    <xf numFmtId="0" fontId="46" fillId="0" borderId="23" xfId="7" applyFont="1" applyBorder="1" applyAlignment="1">
      <alignment horizontal="center" vertical="center" wrapText="1"/>
    </xf>
    <xf numFmtId="0" fontId="46" fillId="0" borderId="40" xfId="7" applyFont="1" applyBorder="1" applyAlignment="1">
      <alignment horizontal="center" vertical="center" wrapText="1"/>
    </xf>
    <xf numFmtId="0" fontId="46" fillId="0" borderId="50" xfId="7" applyFont="1" applyBorder="1" applyAlignment="1">
      <alignment horizontal="center" vertical="center" wrapText="1"/>
    </xf>
    <xf numFmtId="0" fontId="46" fillId="0" borderId="54" xfId="7" applyFont="1" applyBorder="1" applyAlignment="1">
      <alignment horizontal="center" vertical="center" wrapText="1"/>
    </xf>
    <xf numFmtId="0" fontId="46" fillId="0" borderId="7" xfId="7" applyFont="1" applyBorder="1" applyAlignment="1">
      <alignment horizontal="center" vertical="center" wrapText="1"/>
    </xf>
    <xf numFmtId="0" fontId="46" fillId="0" borderId="56" xfId="7" applyFont="1" applyBorder="1" applyAlignment="1">
      <alignment horizontal="center" vertical="center" wrapText="1"/>
    </xf>
    <xf numFmtId="0" fontId="46" fillId="0" borderId="65" xfId="7" applyFont="1" applyBorder="1" applyAlignment="1">
      <alignment horizontal="center" vertical="center" shrinkToFit="1"/>
    </xf>
    <xf numFmtId="0" fontId="46" fillId="0" borderId="81" xfId="7" applyFont="1" applyBorder="1" applyAlignment="1">
      <alignment horizontal="center" vertical="center" shrinkToFit="1"/>
    </xf>
    <xf numFmtId="0" fontId="15" fillId="0" borderId="78" xfId="7" applyFont="1" applyBorder="1" applyAlignment="1">
      <alignment horizontal="center" vertical="center" shrinkToFit="1"/>
    </xf>
    <xf numFmtId="0" fontId="15" fillId="0" borderId="70" xfId="7" applyFont="1" applyBorder="1" applyAlignment="1">
      <alignment horizontal="center" vertical="center" shrinkToFit="1"/>
    </xf>
    <xf numFmtId="0" fontId="46" fillId="0" borderId="82" xfId="7" applyFont="1" applyBorder="1" applyAlignment="1">
      <alignment horizontal="center" vertical="center" shrinkToFit="1"/>
    </xf>
    <xf numFmtId="49" fontId="15" fillId="0" borderId="18" xfId="7" applyNumberFormat="1" applyFont="1" applyBorder="1" applyAlignment="1">
      <alignment horizontal="center" vertical="center"/>
    </xf>
    <xf numFmtId="49" fontId="15" fillId="0" borderId="83" xfId="7" applyNumberFormat="1" applyFont="1" applyBorder="1" applyAlignment="1">
      <alignment horizontal="center" vertical="center"/>
    </xf>
    <xf numFmtId="0" fontId="46" fillId="0" borderId="58" xfId="7" applyFont="1" applyBorder="1" applyAlignment="1">
      <alignment horizontal="center" vertical="center" shrinkToFit="1"/>
    </xf>
    <xf numFmtId="0" fontId="46" fillId="0" borderId="60" xfId="7" applyFont="1" applyBorder="1" applyAlignment="1">
      <alignment horizontal="center" vertical="center" shrinkToFit="1"/>
    </xf>
    <xf numFmtId="0" fontId="46" fillId="0" borderId="59" xfId="7" applyFont="1" applyBorder="1" applyAlignment="1">
      <alignment horizontal="center" vertical="center" shrinkToFit="1"/>
    </xf>
    <xf numFmtId="0" fontId="15" fillId="0" borderId="0" xfId="7" applyFont="1" applyAlignment="1">
      <alignment horizontal="left" vertical="center" wrapText="1"/>
    </xf>
    <xf numFmtId="0" fontId="43" fillId="0" borderId="0" xfId="7" applyFont="1" applyAlignment="1">
      <alignment horizontal="left" vertical="center" wrapText="1"/>
    </xf>
    <xf numFmtId="0" fontId="45" fillId="0" borderId="0" xfId="7" applyFont="1" applyAlignment="1">
      <alignment horizontal="left" vertical="center"/>
    </xf>
    <xf numFmtId="0" fontId="45" fillId="0" borderId="0" xfId="7" applyFont="1" applyAlignment="1">
      <alignment horizontal="left" vertical="center" wrapText="1"/>
    </xf>
    <xf numFmtId="0" fontId="8" fillId="0" borderId="0" xfId="7" applyFont="1" applyAlignment="1">
      <alignment horizontal="left" vertical="center" wrapText="1"/>
    </xf>
    <xf numFmtId="49" fontId="11" fillId="4" borderId="0" xfId="13" applyNumberFormat="1" applyFont="1" applyFill="1" applyAlignment="1">
      <alignment horizontal="center" wrapText="1"/>
    </xf>
    <xf numFmtId="49" fontId="13" fillId="4" borderId="0" xfId="13" applyNumberFormat="1" applyFont="1" applyFill="1" applyAlignment="1">
      <alignment horizontal="center" wrapText="1"/>
    </xf>
    <xf numFmtId="49" fontId="13" fillId="4" borderId="0" xfId="13" applyNumberFormat="1" applyFont="1" applyFill="1" applyAlignment="1">
      <alignment horizontal="left" wrapText="1"/>
    </xf>
    <xf numFmtId="49" fontId="54" fillId="4" borderId="28" xfId="13" applyNumberFormat="1" applyFont="1" applyFill="1" applyBorder="1" applyAlignment="1">
      <alignment horizontal="center" vertical="center" wrapText="1"/>
    </xf>
    <xf numFmtId="49" fontId="52" fillId="4" borderId="1" xfId="13" applyNumberFormat="1" applyFont="1" applyFill="1" applyBorder="1" applyAlignment="1" applyProtection="1">
      <alignment horizontal="center" wrapText="1"/>
      <protection locked="0"/>
    </xf>
    <xf numFmtId="49" fontId="52" fillId="4" borderId="2" xfId="13" applyNumberFormat="1" applyFont="1" applyFill="1" applyBorder="1" applyAlignment="1" applyProtection="1">
      <alignment horizontal="center" wrapText="1"/>
      <protection locked="0"/>
    </xf>
    <xf numFmtId="49" fontId="52" fillId="4" borderId="3" xfId="13" applyNumberFormat="1" applyFont="1" applyFill="1" applyBorder="1" applyAlignment="1" applyProtection="1">
      <alignment horizontal="center" wrapText="1"/>
      <protection locked="0"/>
    </xf>
    <xf numFmtId="49" fontId="52" fillId="4" borderId="4" xfId="13" applyNumberFormat="1" applyFont="1" applyFill="1" applyBorder="1" applyAlignment="1" applyProtection="1">
      <alignment horizontal="center" wrapText="1"/>
      <protection locked="0"/>
    </xf>
    <xf numFmtId="49" fontId="52" fillId="4" borderId="0" xfId="13" applyNumberFormat="1" applyFont="1" applyFill="1" applyAlignment="1" applyProtection="1">
      <alignment horizontal="center" wrapText="1"/>
      <protection locked="0"/>
    </xf>
    <xf numFmtId="49" fontId="52" fillId="4" borderId="5" xfId="13" applyNumberFormat="1" applyFont="1" applyFill="1" applyBorder="1" applyAlignment="1" applyProtection="1">
      <alignment horizontal="center" wrapText="1"/>
      <protection locked="0"/>
    </xf>
    <xf numFmtId="49" fontId="52" fillId="4" borderId="6" xfId="13" applyNumberFormat="1" applyFont="1" applyFill="1" applyBorder="1" applyAlignment="1" applyProtection="1">
      <alignment horizontal="center" wrapText="1"/>
      <protection locked="0"/>
    </xf>
    <xf numFmtId="49" fontId="52" fillId="4" borderId="7" xfId="13" applyNumberFormat="1" applyFont="1" applyFill="1" applyBorder="1" applyAlignment="1" applyProtection="1">
      <alignment horizontal="center" wrapText="1"/>
      <protection locked="0"/>
    </xf>
    <xf numFmtId="49" fontId="52" fillId="4" borderId="8" xfId="13" applyNumberFormat="1" applyFont="1" applyFill="1" applyBorder="1" applyAlignment="1" applyProtection="1">
      <alignment horizontal="center" wrapText="1"/>
      <protection locked="0"/>
    </xf>
    <xf numFmtId="49" fontId="52" fillId="0" borderId="0" xfId="13" applyNumberFormat="1" applyFont="1" applyAlignment="1">
      <alignment horizontal="center" vertical="center" wrapText="1"/>
    </xf>
    <xf numFmtId="49" fontId="52" fillId="4" borderId="0" xfId="13" applyNumberFormat="1" applyFont="1" applyFill="1" applyAlignment="1" applyProtection="1">
      <alignment horizontal="left" vertical="center" wrapText="1"/>
      <protection locked="0"/>
    </xf>
    <xf numFmtId="49" fontId="52" fillId="4" borderId="7" xfId="13" applyNumberFormat="1" applyFont="1" applyFill="1" applyBorder="1" applyAlignment="1" applyProtection="1">
      <alignment horizontal="left" vertical="center" wrapText="1"/>
      <protection locked="0"/>
    </xf>
    <xf numFmtId="49" fontId="52" fillId="4" borderId="0" xfId="13" applyNumberFormat="1" applyFont="1" applyFill="1" applyAlignment="1">
      <alignment horizontal="center" vertical="center" wrapText="1"/>
    </xf>
    <xf numFmtId="49" fontId="52" fillId="4" borderId="0" xfId="13" applyNumberFormat="1" applyFont="1" applyFill="1" applyAlignment="1" applyProtection="1">
      <alignment horizontal="center" vertical="center" wrapText="1" shrinkToFit="1"/>
      <protection locked="0"/>
    </xf>
    <xf numFmtId="49" fontId="52" fillId="4" borderId="7" xfId="13" applyNumberFormat="1" applyFont="1" applyFill="1" applyBorder="1" applyAlignment="1">
      <alignment horizontal="center" vertical="center" wrapText="1"/>
    </xf>
    <xf numFmtId="49" fontId="52" fillId="4" borderId="0" xfId="13" quotePrefix="1" applyNumberFormat="1" applyFont="1" applyFill="1" applyAlignment="1">
      <alignment horizontal="center" wrapText="1"/>
    </xf>
    <xf numFmtId="49" fontId="52" fillId="4" borderId="0" xfId="15" applyNumberFormat="1" applyFont="1" applyFill="1" applyAlignment="1" applyProtection="1">
      <alignment horizontal="center" vertical="center" wrapText="1"/>
      <protection locked="0"/>
    </xf>
    <xf numFmtId="49" fontId="52" fillId="4" borderId="7" xfId="15" applyNumberFormat="1" applyFont="1" applyFill="1" applyBorder="1" applyAlignment="1" applyProtection="1">
      <alignment horizontal="center" vertical="center" wrapText="1"/>
      <protection locked="0"/>
    </xf>
    <xf numFmtId="49" fontId="54" fillId="4" borderId="95" xfId="13" applyNumberFormat="1" applyFont="1" applyFill="1" applyBorder="1" applyAlignment="1">
      <alignment horizontal="center" vertical="center" textRotation="255" wrapText="1"/>
    </xf>
    <xf numFmtId="49" fontId="54" fillId="4" borderId="99" xfId="13" applyNumberFormat="1" applyFont="1" applyFill="1" applyBorder="1" applyAlignment="1">
      <alignment horizontal="center" vertical="center" textRotation="255" wrapText="1"/>
    </xf>
    <xf numFmtId="49" fontId="54" fillId="4" borderId="31" xfId="13" applyNumberFormat="1" applyFont="1" applyFill="1" applyBorder="1" applyAlignment="1">
      <alignment horizontal="center" vertical="center" textRotation="255" wrapText="1"/>
    </xf>
    <xf numFmtId="49" fontId="54" fillId="4" borderId="1" xfId="13" applyNumberFormat="1" applyFont="1" applyFill="1" applyBorder="1" applyAlignment="1">
      <alignment horizontal="center" vertical="center" wrapText="1"/>
    </xf>
    <xf numFmtId="49" fontId="54" fillId="4" borderId="2" xfId="13" applyNumberFormat="1" applyFont="1" applyFill="1" applyBorder="1" applyAlignment="1">
      <alignment horizontal="center" vertical="center" wrapText="1"/>
    </xf>
    <xf numFmtId="49" fontId="54" fillId="4" borderId="3" xfId="13" applyNumberFormat="1" applyFont="1" applyFill="1" applyBorder="1" applyAlignment="1">
      <alignment horizontal="center" vertical="center" wrapText="1"/>
    </xf>
    <xf numFmtId="49" fontId="54" fillId="4" borderId="6" xfId="13" applyNumberFormat="1" applyFont="1" applyFill="1" applyBorder="1" applyAlignment="1">
      <alignment horizontal="center" vertical="center" wrapText="1"/>
    </xf>
    <xf numFmtId="49" fontId="54" fillId="4" borderId="7" xfId="13" applyNumberFormat="1" applyFont="1" applyFill="1" applyBorder="1" applyAlignment="1">
      <alignment horizontal="center" vertical="center" wrapText="1"/>
    </xf>
    <xf numFmtId="49" fontId="54" fillId="4" borderId="8" xfId="13" applyNumberFormat="1" applyFont="1" applyFill="1" applyBorder="1" applyAlignment="1">
      <alignment horizontal="center" vertical="center" wrapText="1"/>
    </xf>
    <xf numFmtId="49" fontId="54" fillId="4" borderId="4" xfId="13" applyNumberFormat="1" applyFont="1" applyFill="1" applyBorder="1" applyAlignment="1">
      <alignment horizontal="center" vertical="center" wrapText="1"/>
    </xf>
    <xf numFmtId="49" fontId="54" fillId="4" borderId="0" xfId="13" applyNumberFormat="1" applyFont="1" applyFill="1" applyAlignment="1">
      <alignment horizontal="center" vertical="center" wrapText="1"/>
    </xf>
    <xf numFmtId="49" fontId="54" fillId="4" borderId="5" xfId="13" applyNumberFormat="1" applyFont="1" applyFill="1" applyBorder="1" applyAlignment="1">
      <alignment horizontal="center" vertical="center" wrapText="1"/>
    </xf>
    <xf numFmtId="49" fontId="54" fillId="4" borderId="96" xfId="13" applyNumberFormat="1" applyFont="1" applyFill="1" applyBorder="1" applyAlignment="1">
      <alignment horizontal="center" vertical="center" wrapText="1"/>
    </xf>
    <xf numFmtId="49" fontId="54" fillId="4" borderId="97" xfId="13" applyNumberFormat="1" applyFont="1" applyFill="1" applyBorder="1" applyAlignment="1">
      <alignment horizontal="center" vertical="center" wrapText="1"/>
    </xf>
    <xf numFmtId="49" fontId="54" fillId="4" borderId="98" xfId="13" applyNumberFormat="1" applyFont="1" applyFill="1" applyBorder="1" applyAlignment="1">
      <alignment horizontal="center" vertical="center" wrapText="1"/>
    </xf>
    <xf numFmtId="49" fontId="54" fillId="4" borderId="100" xfId="13" applyNumberFormat="1" applyFont="1" applyFill="1" applyBorder="1" applyAlignment="1">
      <alignment horizontal="center" vertical="center" wrapText="1"/>
    </xf>
    <xf numFmtId="49" fontId="54" fillId="4" borderId="101" xfId="13" applyNumberFormat="1" applyFont="1" applyFill="1" applyBorder="1" applyAlignment="1">
      <alignment horizontal="center" vertical="center" wrapText="1"/>
    </xf>
    <xf numFmtId="49" fontId="54" fillId="4" borderId="102" xfId="13" applyNumberFormat="1" applyFont="1" applyFill="1" applyBorder="1" applyAlignment="1">
      <alignment horizontal="center" vertical="center" wrapText="1"/>
    </xf>
    <xf numFmtId="49" fontId="54" fillId="4" borderId="103" xfId="13" applyNumberFormat="1" applyFont="1" applyFill="1" applyBorder="1" applyAlignment="1">
      <alignment horizontal="center" vertical="center" wrapText="1"/>
    </xf>
    <xf numFmtId="49" fontId="54" fillId="4" borderId="104" xfId="13" applyNumberFormat="1" applyFont="1" applyFill="1" applyBorder="1" applyAlignment="1">
      <alignment horizontal="center" vertical="center" wrapText="1"/>
    </xf>
    <xf numFmtId="49" fontId="54" fillId="4" borderId="105" xfId="13" applyNumberFormat="1" applyFont="1" applyFill="1" applyBorder="1" applyAlignment="1">
      <alignment horizontal="center" vertical="center" wrapText="1"/>
    </xf>
    <xf numFmtId="49" fontId="52" fillId="4" borderId="0" xfId="13" applyNumberFormat="1" applyFont="1" applyFill="1" applyAlignment="1" applyProtection="1">
      <alignment horizontal="left" vertical="center" wrapText="1" shrinkToFit="1"/>
      <protection locked="0"/>
    </xf>
    <xf numFmtId="49" fontId="52" fillId="4" borderId="7" xfId="13" applyNumberFormat="1" applyFont="1" applyFill="1" applyBorder="1" applyAlignment="1" applyProtection="1">
      <alignment horizontal="left" vertical="center" wrapText="1" shrinkToFit="1"/>
      <protection locked="0"/>
    </xf>
    <xf numFmtId="49" fontId="52" fillId="4" borderId="0" xfId="13" applyNumberFormat="1" applyFont="1" applyFill="1" applyAlignment="1">
      <alignment horizontal="center" wrapText="1"/>
    </xf>
    <xf numFmtId="49" fontId="52" fillId="4" borderId="0" xfId="15" applyNumberFormat="1" applyFont="1" applyFill="1" applyAlignment="1">
      <alignment horizontal="left" vertical="center" wrapText="1"/>
    </xf>
    <xf numFmtId="49" fontId="52" fillId="4" borderId="7" xfId="15" applyNumberFormat="1" applyFont="1" applyFill="1" applyBorder="1" applyAlignment="1">
      <alignment horizontal="left" vertical="center" wrapText="1"/>
    </xf>
    <xf numFmtId="49" fontId="54" fillId="4" borderId="106" xfId="13" applyNumberFormat="1" applyFont="1" applyFill="1" applyBorder="1" applyAlignment="1">
      <alignment horizontal="center" vertical="center" wrapText="1"/>
    </xf>
    <xf numFmtId="49" fontId="54" fillId="4" borderId="107" xfId="13" applyNumberFormat="1" applyFont="1" applyFill="1" applyBorder="1" applyAlignment="1">
      <alignment horizontal="center" vertical="center" wrapText="1"/>
    </xf>
    <xf numFmtId="49" fontId="54" fillId="4" borderId="108" xfId="13" applyNumberFormat="1" applyFont="1" applyFill="1" applyBorder="1" applyAlignment="1">
      <alignment horizontal="center" vertical="center" wrapText="1"/>
    </xf>
    <xf numFmtId="49" fontId="54" fillId="0" borderId="112" xfId="13" applyNumberFormat="1" applyFont="1" applyBorder="1" applyAlignment="1">
      <alignment horizontal="center" vertical="center" wrapText="1"/>
    </xf>
    <xf numFmtId="49" fontId="54" fillId="0" borderId="113" xfId="13" applyNumberFormat="1" applyFont="1" applyBorder="1" applyAlignment="1">
      <alignment horizontal="center" vertical="center" wrapText="1"/>
    </xf>
    <xf numFmtId="49" fontId="54" fillId="0" borderId="114" xfId="13" applyNumberFormat="1" applyFont="1" applyBorder="1" applyAlignment="1">
      <alignment horizontal="center" vertical="center" wrapText="1"/>
    </xf>
    <xf numFmtId="49" fontId="54" fillId="0" borderId="119" xfId="13" applyNumberFormat="1" applyFont="1" applyBorder="1" applyAlignment="1">
      <alignment horizontal="center" vertical="center" wrapText="1"/>
    </xf>
    <xf numFmtId="49" fontId="54" fillId="0" borderId="120" xfId="13" applyNumberFormat="1" applyFont="1" applyBorder="1" applyAlignment="1">
      <alignment horizontal="center" vertical="center" wrapText="1"/>
    </xf>
    <xf numFmtId="49" fontId="54" fillId="0" borderId="121" xfId="13" applyNumberFormat="1" applyFont="1" applyBorder="1" applyAlignment="1">
      <alignment horizontal="center" vertical="center" wrapText="1"/>
    </xf>
    <xf numFmtId="49" fontId="54" fillId="0" borderId="1" xfId="13" applyNumberFormat="1" applyFont="1" applyBorder="1" applyAlignment="1">
      <alignment horizontal="center" vertical="center" wrapText="1"/>
    </xf>
    <xf numFmtId="49" fontId="54" fillId="0" borderId="2" xfId="13" applyNumberFormat="1" applyFont="1" applyBorder="1" applyAlignment="1">
      <alignment horizontal="center" vertical="center" wrapText="1"/>
    </xf>
    <xf numFmtId="49" fontId="54" fillId="0" borderId="4" xfId="13" applyNumberFormat="1" applyFont="1" applyBorder="1" applyAlignment="1">
      <alignment horizontal="center" vertical="center" wrapText="1"/>
    </xf>
    <xf numFmtId="49" fontId="54" fillId="0" borderId="0" xfId="13" applyNumberFormat="1" applyFont="1" applyAlignment="1">
      <alignment horizontal="center" vertical="center" wrapText="1"/>
    </xf>
    <xf numFmtId="49" fontId="54" fillId="0" borderId="115" xfId="13" applyNumberFormat="1" applyFont="1" applyBorder="1" applyAlignment="1">
      <alignment horizontal="center" vertical="center" wrapText="1"/>
    </xf>
    <xf numFmtId="49" fontId="54" fillId="0" borderId="42" xfId="13" applyNumberFormat="1" applyFont="1" applyBorder="1" applyAlignment="1">
      <alignment horizontal="center" vertical="center" wrapText="1"/>
    </xf>
    <xf numFmtId="49" fontId="54" fillId="0" borderId="3" xfId="13" applyNumberFormat="1" applyFont="1" applyBorder="1" applyAlignment="1">
      <alignment horizontal="center" vertical="center" wrapText="1"/>
    </xf>
    <xf numFmtId="49" fontId="54" fillId="0" borderId="5" xfId="13" applyNumberFormat="1" applyFont="1" applyBorder="1" applyAlignment="1">
      <alignment horizontal="center" vertical="center" wrapText="1"/>
    </xf>
    <xf numFmtId="49" fontId="54" fillId="0" borderId="83" xfId="13" applyNumberFormat="1" applyFont="1" applyBorder="1" applyAlignment="1">
      <alignment horizontal="center" vertical="center" wrapText="1"/>
    </xf>
    <xf numFmtId="49" fontId="54" fillId="4" borderId="2" xfId="13" applyNumberFormat="1" applyFont="1" applyFill="1" applyBorder="1" applyAlignment="1" applyProtection="1">
      <alignment horizontal="center" vertical="center" wrapText="1"/>
      <protection locked="0"/>
    </xf>
    <xf numFmtId="49" fontId="54" fillId="4" borderId="3" xfId="13" applyNumberFormat="1" applyFont="1" applyFill="1" applyBorder="1" applyAlignment="1" applyProtection="1">
      <alignment horizontal="center" vertical="center" wrapText="1"/>
      <protection locked="0"/>
    </xf>
    <xf numFmtId="49" fontId="54" fillId="4" borderId="0" xfId="13" applyNumberFormat="1" applyFont="1" applyFill="1" applyAlignment="1" applyProtection="1">
      <alignment horizontal="center" vertical="center" wrapText="1"/>
      <protection locked="0"/>
    </xf>
    <xf numFmtId="49" fontId="54" fillId="4" borderId="5" xfId="13" applyNumberFormat="1" applyFont="1" applyFill="1" applyBorder="1" applyAlignment="1" applyProtection="1">
      <alignment horizontal="center" vertical="center" wrapText="1"/>
      <protection locked="0"/>
    </xf>
    <xf numFmtId="49" fontId="54" fillId="4" borderId="7" xfId="13" applyNumberFormat="1" applyFont="1" applyFill="1" applyBorder="1" applyAlignment="1" applyProtection="1">
      <alignment horizontal="center" vertical="center" wrapText="1"/>
      <protection locked="0"/>
    </xf>
    <xf numFmtId="49" fontId="54" fillId="4" borderId="8" xfId="13" applyNumberFormat="1" applyFont="1" applyFill="1" applyBorder="1" applyAlignment="1" applyProtection="1">
      <alignment horizontal="center" vertical="center" wrapText="1"/>
      <protection locked="0"/>
    </xf>
    <xf numFmtId="49" fontId="54" fillId="4" borderId="1" xfId="13" applyNumberFormat="1" applyFont="1" applyFill="1" applyBorder="1" applyAlignment="1" applyProtection="1">
      <alignment horizontal="center" vertical="center" wrapText="1"/>
      <protection locked="0"/>
    </xf>
    <xf numFmtId="49" fontId="54" fillId="4" borderId="4" xfId="13" applyNumberFormat="1" applyFont="1" applyFill="1" applyBorder="1" applyAlignment="1" applyProtection="1">
      <alignment horizontal="center" vertical="center" wrapText="1"/>
      <protection locked="0"/>
    </xf>
    <xf numFmtId="49" fontId="54" fillId="4" borderId="6" xfId="13" applyNumberFormat="1" applyFont="1" applyFill="1" applyBorder="1" applyAlignment="1" applyProtection="1">
      <alignment horizontal="center" vertical="center" wrapText="1"/>
      <protection locked="0"/>
    </xf>
    <xf numFmtId="49" fontId="54" fillId="0" borderId="6" xfId="13" applyNumberFormat="1" applyFont="1" applyBorder="1" applyAlignment="1">
      <alignment horizontal="center" vertical="center" wrapText="1"/>
    </xf>
    <xf numFmtId="49" fontId="54" fillId="0" borderId="7" xfId="13" applyNumberFormat="1" applyFont="1" applyBorder="1" applyAlignment="1">
      <alignment horizontal="center" vertical="center" wrapText="1"/>
    </xf>
    <xf numFmtId="49" fontId="54" fillId="0" borderId="8" xfId="13" applyNumberFormat="1" applyFont="1" applyBorder="1" applyAlignment="1">
      <alignment horizontal="center" vertical="center" wrapText="1"/>
    </xf>
    <xf numFmtId="49" fontId="54" fillId="4" borderId="1" xfId="13" applyNumberFormat="1" applyFont="1" applyFill="1" applyBorder="1" applyAlignment="1" applyProtection="1">
      <alignment horizontal="center" vertical="center" wrapText="1" shrinkToFit="1"/>
      <protection locked="0"/>
    </xf>
    <xf numFmtId="49" fontId="54" fillId="4" borderId="2" xfId="13" applyNumberFormat="1" applyFont="1" applyFill="1" applyBorder="1" applyAlignment="1" applyProtection="1">
      <alignment horizontal="center" vertical="center" wrapText="1" shrinkToFit="1"/>
      <protection locked="0"/>
    </xf>
    <xf numFmtId="49" fontId="54" fillId="4" borderId="3" xfId="13" applyNumberFormat="1" applyFont="1" applyFill="1" applyBorder="1" applyAlignment="1" applyProtection="1">
      <alignment horizontal="center" vertical="center" wrapText="1" shrinkToFit="1"/>
      <protection locked="0"/>
    </xf>
    <xf numFmtId="49" fontId="54" fillId="4" borderId="115" xfId="13" applyNumberFormat="1" applyFont="1" applyFill="1" applyBorder="1" applyAlignment="1" applyProtection="1">
      <alignment horizontal="center" vertical="center" wrapText="1" shrinkToFit="1"/>
      <protection locked="0"/>
    </xf>
    <xf numFmtId="49" fontId="54" fillId="4" borderId="42" xfId="13" applyNumberFormat="1" applyFont="1" applyFill="1" applyBorder="1" applyAlignment="1" applyProtection="1">
      <alignment horizontal="center" vertical="center" wrapText="1" shrinkToFit="1"/>
      <protection locked="0"/>
    </xf>
    <xf numFmtId="49" fontId="54" fillId="4" borderId="83" xfId="13" applyNumberFormat="1" applyFont="1" applyFill="1" applyBorder="1" applyAlignment="1" applyProtection="1">
      <alignment horizontal="center" vertical="center" wrapText="1" shrinkToFit="1"/>
      <protection locked="0"/>
    </xf>
    <xf numFmtId="49" fontId="54" fillId="4" borderId="1" xfId="15" applyNumberFormat="1" applyFont="1" applyFill="1" applyBorder="1" applyAlignment="1" applyProtection="1">
      <alignment horizontal="center" vertical="center" wrapText="1"/>
      <protection locked="0"/>
    </xf>
    <xf numFmtId="49" fontId="54" fillId="4" borderId="2" xfId="15" applyNumberFormat="1" applyFont="1" applyFill="1" applyBorder="1" applyAlignment="1" applyProtection="1">
      <alignment horizontal="center" vertical="center" wrapText="1"/>
      <protection locked="0"/>
    </xf>
    <xf numFmtId="49" fontId="54" fillId="4" borderId="3" xfId="15" applyNumberFormat="1" applyFont="1" applyFill="1" applyBorder="1" applyAlignment="1" applyProtection="1">
      <alignment horizontal="center" vertical="center" wrapText="1"/>
      <protection locked="0"/>
    </xf>
    <xf numFmtId="49" fontId="54" fillId="4" borderId="4" xfId="15" applyNumberFormat="1" applyFont="1" applyFill="1" applyBorder="1" applyAlignment="1" applyProtection="1">
      <alignment horizontal="center" vertical="center" wrapText="1"/>
      <protection locked="0"/>
    </xf>
    <xf numFmtId="49" fontId="54" fillId="4" borderId="0" xfId="15" applyNumberFormat="1" applyFont="1" applyFill="1" applyAlignment="1" applyProtection="1">
      <alignment horizontal="center" vertical="center" wrapText="1"/>
      <protection locked="0"/>
    </xf>
    <xf numFmtId="49" fontId="54" fillId="4" borderId="5" xfId="15" applyNumberFormat="1" applyFont="1" applyFill="1" applyBorder="1" applyAlignment="1" applyProtection="1">
      <alignment horizontal="center" vertical="center" wrapText="1"/>
      <protection locked="0"/>
    </xf>
    <xf numFmtId="49" fontId="54" fillId="4" borderId="6" xfId="15" applyNumberFormat="1" applyFont="1" applyFill="1" applyBorder="1" applyAlignment="1" applyProtection="1">
      <alignment horizontal="center" vertical="center" wrapText="1"/>
      <protection locked="0"/>
    </xf>
    <xf numFmtId="49" fontId="54" fillId="4" borderId="7" xfId="15" applyNumberFormat="1" applyFont="1" applyFill="1" applyBorder="1" applyAlignment="1" applyProtection="1">
      <alignment horizontal="center" vertical="center" wrapText="1"/>
      <protection locked="0"/>
    </xf>
    <xf numFmtId="49" fontId="54" fillId="4" borderId="8" xfId="15" applyNumberFormat="1" applyFont="1" applyFill="1" applyBorder="1" applyAlignment="1" applyProtection="1">
      <alignment horizontal="center" vertical="center" wrapText="1"/>
      <protection locked="0"/>
    </xf>
    <xf numFmtId="49" fontId="54" fillId="4" borderId="115" xfId="15" applyNumberFormat="1" applyFont="1" applyFill="1" applyBorder="1" applyAlignment="1" applyProtection="1">
      <alignment horizontal="center" vertical="center" wrapText="1"/>
      <protection locked="0"/>
    </xf>
    <xf numFmtId="49" fontId="54" fillId="4" borderId="42" xfId="15" applyNumberFormat="1" applyFont="1" applyFill="1" applyBorder="1" applyAlignment="1" applyProtection="1">
      <alignment horizontal="center" vertical="center" wrapText="1"/>
      <protection locked="0"/>
    </xf>
    <xf numFmtId="49" fontId="54" fillId="4" borderId="83" xfId="15" applyNumberFormat="1" applyFont="1" applyFill="1" applyBorder="1" applyAlignment="1" applyProtection="1">
      <alignment horizontal="center" vertical="center" wrapText="1"/>
      <protection locked="0"/>
    </xf>
    <xf numFmtId="49" fontId="54" fillId="4" borderId="2" xfId="15" applyNumberFormat="1" applyFont="1" applyFill="1" applyBorder="1" applyAlignment="1">
      <alignment horizontal="center" vertical="center" wrapText="1"/>
    </xf>
    <xf numFmtId="49" fontId="54" fillId="4" borderId="0" xfId="15" applyNumberFormat="1" applyFont="1" applyFill="1" applyAlignment="1">
      <alignment horizontal="center" vertical="center" wrapText="1"/>
    </xf>
    <xf numFmtId="49" fontId="54" fillId="4" borderId="42" xfId="15" applyNumberFormat="1" applyFont="1" applyFill="1" applyBorder="1" applyAlignment="1">
      <alignment horizontal="center" vertical="center" wrapText="1"/>
    </xf>
    <xf numFmtId="49" fontId="54" fillId="4" borderId="3" xfId="15" applyNumberFormat="1" applyFont="1" applyFill="1" applyBorder="1" applyAlignment="1">
      <alignment horizontal="center" vertical="center" wrapText="1"/>
    </xf>
    <xf numFmtId="49" fontId="54" fillId="4" borderId="5" xfId="15" applyNumberFormat="1" applyFont="1" applyFill="1" applyBorder="1" applyAlignment="1">
      <alignment horizontal="center" vertical="center" wrapText="1"/>
    </xf>
    <xf numFmtId="49" fontId="54" fillId="4" borderId="83" xfId="15" applyNumberFormat="1" applyFont="1" applyFill="1" applyBorder="1" applyAlignment="1">
      <alignment horizontal="center" vertical="center" wrapText="1"/>
    </xf>
    <xf numFmtId="49" fontId="54" fillId="4" borderId="109" xfId="13" applyNumberFormat="1" applyFont="1" applyFill="1" applyBorder="1" applyAlignment="1">
      <alignment horizontal="center" vertical="center" wrapText="1"/>
    </xf>
    <xf numFmtId="49" fontId="54" fillId="4" borderId="110" xfId="13" applyNumberFormat="1" applyFont="1" applyFill="1" applyBorder="1" applyAlignment="1">
      <alignment horizontal="center" vertical="center" wrapText="1"/>
    </xf>
    <xf numFmtId="49" fontId="54" fillId="4" borderId="111" xfId="13" applyNumberFormat="1" applyFont="1" applyFill="1" applyBorder="1" applyAlignment="1">
      <alignment horizontal="center" vertical="center" wrapText="1"/>
    </xf>
    <xf numFmtId="49" fontId="54" fillId="4" borderId="116" xfId="13" applyNumberFormat="1" applyFont="1" applyFill="1" applyBorder="1" applyAlignment="1">
      <alignment horizontal="center" vertical="center" wrapText="1"/>
    </xf>
    <xf numFmtId="49" fontId="54" fillId="4" borderId="117" xfId="13" applyNumberFormat="1" applyFont="1" applyFill="1" applyBorder="1" applyAlignment="1">
      <alignment horizontal="center" vertical="center" wrapText="1"/>
    </xf>
    <xf numFmtId="49" fontId="54" fillId="4" borderId="118" xfId="13" applyNumberFormat="1" applyFont="1" applyFill="1" applyBorder="1" applyAlignment="1">
      <alignment horizontal="center" vertical="center" wrapText="1"/>
    </xf>
    <xf numFmtId="49" fontId="54" fillId="4" borderId="122" xfId="13" applyNumberFormat="1" applyFont="1" applyFill="1" applyBorder="1" applyAlignment="1" applyProtection="1">
      <alignment horizontal="center" vertical="center" wrapText="1"/>
      <protection locked="0"/>
    </xf>
    <xf numFmtId="49" fontId="54" fillId="4" borderId="123" xfId="13" applyNumberFormat="1" applyFont="1" applyFill="1" applyBorder="1" applyAlignment="1" applyProtection="1">
      <alignment horizontal="center" vertical="center" wrapText="1"/>
      <protection locked="0"/>
    </xf>
    <xf numFmtId="49" fontId="54" fillId="4" borderId="124" xfId="13" applyNumberFormat="1" applyFont="1" applyFill="1" applyBorder="1" applyAlignment="1" applyProtection="1">
      <alignment horizontal="center" vertical="center" wrapText="1"/>
      <protection locked="0"/>
    </xf>
    <xf numFmtId="49" fontId="54" fillId="4" borderId="128" xfId="13" applyNumberFormat="1" applyFont="1" applyFill="1" applyBorder="1" applyAlignment="1" applyProtection="1">
      <alignment horizontal="center" vertical="center" wrapText="1"/>
      <protection locked="0"/>
    </xf>
    <xf numFmtId="49" fontId="54" fillId="4" borderId="129" xfId="13" applyNumberFormat="1" applyFont="1" applyFill="1" applyBorder="1" applyAlignment="1" applyProtection="1">
      <alignment horizontal="center" vertical="center" wrapText="1"/>
      <protection locked="0"/>
    </xf>
    <xf numFmtId="49" fontId="54" fillId="4" borderId="130" xfId="13" applyNumberFormat="1" applyFont="1" applyFill="1" applyBorder="1" applyAlignment="1" applyProtection="1">
      <alignment horizontal="center" vertical="center" wrapText="1"/>
      <protection locked="0"/>
    </xf>
    <xf numFmtId="49" fontId="54" fillId="4" borderId="126" xfId="13" applyNumberFormat="1" applyFont="1" applyFill="1" applyBorder="1" applyAlignment="1" applyProtection="1">
      <alignment horizontal="center" vertical="center" wrapText="1"/>
      <protection locked="0"/>
    </xf>
    <xf numFmtId="49" fontId="54" fillId="4" borderId="127" xfId="13" applyNumberFormat="1" applyFont="1" applyFill="1" applyBorder="1" applyAlignment="1" applyProtection="1">
      <alignment horizontal="center" vertical="center" wrapText="1"/>
      <protection locked="0"/>
    </xf>
    <xf numFmtId="49" fontId="54" fillId="4" borderId="131" xfId="13" applyNumberFormat="1" applyFont="1" applyFill="1" applyBorder="1" applyAlignment="1" applyProtection="1">
      <alignment horizontal="center" vertical="center" wrapText="1"/>
      <protection locked="0"/>
    </xf>
    <xf numFmtId="49" fontId="54" fillId="4" borderId="132" xfId="13" applyNumberFormat="1" applyFont="1" applyFill="1" applyBorder="1" applyAlignment="1" applyProtection="1">
      <alignment horizontal="center" vertical="center" wrapText="1"/>
      <protection locked="0"/>
    </xf>
    <xf numFmtId="49" fontId="54" fillId="4" borderId="4" xfId="13" applyNumberFormat="1" applyFont="1" applyFill="1" applyBorder="1" applyAlignment="1" applyProtection="1">
      <alignment horizontal="center" vertical="center" wrapText="1" shrinkToFit="1"/>
      <protection locked="0"/>
    </xf>
    <xf numFmtId="49" fontId="54" fillId="4" borderId="0" xfId="13" applyNumberFormat="1" applyFont="1" applyFill="1" applyAlignment="1" applyProtection="1">
      <alignment horizontal="center" vertical="center" wrapText="1" shrinkToFit="1"/>
      <protection locked="0"/>
    </xf>
    <xf numFmtId="49" fontId="54" fillId="4" borderId="5" xfId="13" applyNumberFormat="1" applyFont="1" applyFill="1" applyBorder="1" applyAlignment="1" applyProtection="1">
      <alignment horizontal="center" vertical="center" wrapText="1" shrinkToFit="1"/>
      <protection locked="0"/>
    </xf>
    <xf numFmtId="49" fontId="54" fillId="4" borderId="122" xfId="13" applyNumberFormat="1" applyFont="1" applyFill="1" applyBorder="1" applyAlignment="1">
      <alignment horizontal="center" vertical="center" wrapText="1"/>
    </xf>
    <xf numFmtId="49" fontId="54" fillId="4" borderId="123" xfId="13" applyNumberFormat="1" applyFont="1" applyFill="1" applyBorder="1" applyAlignment="1">
      <alignment horizontal="center" vertical="center" wrapText="1"/>
    </xf>
    <xf numFmtId="49" fontId="54" fillId="4" borderId="124" xfId="13" applyNumberFormat="1" applyFont="1" applyFill="1" applyBorder="1" applyAlignment="1">
      <alignment horizontal="center" vertical="center" wrapText="1"/>
    </xf>
    <xf numFmtId="49" fontId="54" fillId="0" borderId="68" xfId="13" applyNumberFormat="1" applyFont="1" applyBorder="1" applyAlignment="1">
      <alignment horizontal="center" vertical="center" wrapText="1"/>
    </xf>
    <xf numFmtId="49" fontId="54" fillId="4" borderId="7" xfId="15" applyNumberFormat="1" applyFont="1" applyFill="1" applyBorder="1" applyAlignment="1">
      <alignment horizontal="center" vertical="center" wrapText="1"/>
    </xf>
    <xf numFmtId="49" fontId="54" fillId="4" borderId="8" xfId="15" applyNumberFormat="1" applyFont="1" applyFill="1" applyBorder="1" applyAlignment="1">
      <alignment horizontal="center" vertical="center" wrapText="1"/>
    </xf>
    <xf numFmtId="49" fontId="54" fillId="4" borderId="125" xfId="13" applyNumberFormat="1" applyFont="1" applyFill="1" applyBorder="1" applyAlignment="1" applyProtection="1">
      <alignment horizontal="center" vertical="center" wrapText="1" shrinkToFit="1"/>
      <protection locked="0"/>
    </xf>
    <xf numFmtId="49" fontId="54" fillId="4" borderId="40" xfId="13" applyNumberFormat="1" applyFont="1" applyFill="1" applyBorder="1" applyAlignment="1" applyProtection="1">
      <alignment horizontal="center" vertical="center" wrapText="1" shrinkToFit="1"/>
      <protection locked="0"/>
    </xf>
    <xf numFmtId="49" fontId="54" fillId="4" borderId="68" xfId="13" applyNumberFormat="1" applyFont="1" applyFill="1" applyBorder="1" applyAlignment="1" applyProtection="1">
      <alignment horizontal="center" vertical="center" wrapText="1" shrinkToFit="1"/>
      <protection locked="0"/>
    </xf>
    <xf numFmtId="49" fontId="54" fillId="4" borderId="6" xfId="13" applyNumberFormat="1" applyFont="1" applyFill="1" applyBorder="1" applyAlignment="1" applyProtection="1">
      <alignment horizontal="center" vertical="center" wrapText="1" shrinkToFit="1"/>
      <protection locked="0"/>
    </xf>
    <xf numFmtId="49" fontId="54" fillId="4" borderId="7" xfId="13" applyNumberFormat="1" applyFont="1" applyFill="1" applyBorder="1" applyAlignment="1" applyProtection="1">
      <alignment horizontal="center" vertical="center" wrapText="1" shrinkToFit="1"/>
      <protection locked="0"/>
    </xf>
    <xf numFmtId="49" fontId="54" fillId="4" borderId="8" xfId="13" applyNumberFormat="1" applyFont="1" applyFill="1" applyBorder="1" applyAlignment="1" applyProtection="1">
      <alignment horizontal="center" vertical="center" wrapText="1" shrinkToFit="1"/>
      <protection locked="0"/>
    </xf>
    <xf numFmtId="49" fontId="54" fillId="0" borderId="0" xfId="15" applyNumberFormat="1" applyFont="1" applyAlignment="1">
      <alignment horizontal="center" vertical="center" wrapText="1"/>
    </xf>
    <xf numFmtId="49" fontId="1" fillId="0" borderId="0" xfId="14" applyNumberFormat="1" applyFont="1">
      <alignment vertical="center"/>
    </xf>
  </cellXfs>
  <cellStyles count="16">
    <cellStyle name="標準" xfId="0" builtinId="0"/>
    <cellStyle name="標準 10" xfId="1" xr:uid="{00000000-0005-0000-0000-000001000000}"/>
    <cellStyle name="標準 11" xfId="2" xr:uid="{00000000-0005-0000-0000-000002000000}"/>
    <cellStyle name="標準 12" xfId="11" xr:uid="{00000000-0005-0000-0000-000003000000}"/>
    <cellStyle name="標準 13" xfId="12" xr:uid="{00000000-0005-0000-0000-000004000000}"/>
    <cellStyle name="標準 14" xfId="14" xr:uid="{00000000-0005-0000-0000-000005000000}"/>
    <cellStyle name="標準 2" xfId="3" xr:uid="{00000000-0005-0000-0000-000006000000}"/>
    <cellStyle name="標準 2 2" xfId="15" xr:uid="{00000000-0005-0000-0000-000007000000}"/>
    <cellStyle name="標準 3" xfId="4" xr:uid="{00000000-0005-0000-0000-000008000000}"/>
    <cellStyle name="標準 4" xfId="5" xr:uid="{00000000-0005-0000-0000-000009000000}"/>
    <cellStyle name="標準 5" xfId="6" xr:uid="{00000000-0005-0000-0000-00000A000000}"/>
    <cellStyle name="標準 6" xfId="7" xr:uid="{00000000-0005-0000-0000-00000B000000}"/>
    <cellStyle name="標準 7" xfId="8" xr:uid="{00000000-0005-0000-0000-00000C000000}"/>
    <cellStyle name="標準 7 6" xfId="13" xr:uid="{00000000-0005-0000-0000-00000D000000}"/>
    <cellStyle name="標準 8" xfId="9" xr:uid="{00000000-0005-0000-0000-00000E000000}"/>
    <cellStyle name="標準 9" xfId="10" xr:uid="{00000000-0005-0000-0000-00000F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trlProps/ctrlProp1.xml><?xml version="1.0" encoding="utf-8"?>
<formControlPr xmlns="http://schemas.microsoft.com/office/spreadsheetml/2009/9/main" objectType="CheckBox" lockText="1"/>
</file>

<file path=xl/ctrlProps/ctrlProp10.xml><?xml version="1.0" encoding="utf-8"?>
<formControlPr xmlns="http://schemas.microsoft.com/office/spreadsheetml/2009/9/main" objectType="CheckBox" lockText="1"/>
</file>

<file path=xl/ctrlProps/ctrlProp11.xml><?xml version="1.0" encoding="utf-8"?>
<formControlPr xmlns="http://schemas.microsoft.com/office/spreadsheetml/2009/9/main" objectType="CheckBox" lockText="1"/>
</file>

<file path=xl/ctrlProps/ctrlProp12.xml><?xml version="1.0" encoding="utf-8"?>
<formControlPr xmlns="http://schemas.microsoft.com/office/spreadsheetml/2009/9/main" objectType="CheckBox" lockText="1"/>
</file>

<file path=xl/ctrlProps/ctrlProp13.xml><?xml version="1.0" encoding="utf-8"?>
<formControlPr xmlns="http://schemas.microsoft.com/office/spreadsheetml/2009/9/main" objectType="CheckBox" lockText="1"/>
</file>

<file path=xl/ctrlProps/ctrlProp14.xml><?xml version="1.0" encoding="utf-8"?>
<formControlPr xmlns="http://schemas.microsoft.com/office/spreadsheetml/2009/9/main" objectType="CheckBox" lockText="1"/>
</file>

<file path=xl/ctrlProps/ctrlProp15.xml><?xml version="1.0" encoding="utf-8"?>
<formControlPr xmlns="http://schemas.microsoft.com/office/spreadsheetml/2009/9/main" objectType="CheckBox" lockText="1"/>
</file>

<file path=xl/ctrlProps/ctrlProp16.xml><?xml version="1.0" encoding="utf-8"?>
<formControlPr xmlns="http://schemas.microsoft.com/office/spreadsheetml/2009/9/main" objectType="CheckBox" lockText="1"/>
</file>

<file path=xl/ctrlProps/ctrlProp17.xml><?xml version="1.0" encoding="utf-8"?>
<formControlPr xmlns="http://schemas.microsoft.com/office/spreadsheetml/2009/9/main" objectType="CheckBox" lockText="1"/>
</file>

<file path=xl/ctrlProps/ctrlProp18.xml><?xml version="1.0" encoding="utf-8"?>
<formControlPr xmlns="http://schemas.microsoft.com/office/spreadsheetml/2009/9/main" objectType="CheckBox" lockText="1"/>
</file>

<file path=xl/ctrlProps/ctrlProp19.xml><?xml version="1.0" encoding="utf-8"?>
<formControlPr xmlns="http://schemas.microsoft.com/office/spreadsheetml/2009/9/main" objectType="CheckBox" lockText="1"/>
</file>

<file path=xl/ctrlProps/ctrlProp2.xml><?xml version="1.0" encoding="utf-8"?>
<formControlPr xmlns="http://schemas.microsoft.com/office/spreadsheetml/2009/9/main" objectType="CheckBox" lockText="1"/>
</file>

<file path=xl/ctrlProps/ctrlProp20.xml><?xml version="1.0" encoding="utf-8"?>
<formControlPr xmlns="http://schemas.microsoft.com/office/spreadsheetml/2009/9/main" objectType="CheckBox" lockText="1"/>
</file>

<file path=xl/ctrlProps/ctrlProp21.xml><?xml version="1.0" encoding="utf-8"?>
<formControlPr xmlns="http://schemas.microsoft.com/office/spreadsheetml/2009/9/main" objectType="CheckBox" lockText="1"/>
</file>

<file path=xl/ctrlProps/ctrlProp22.xml><?xml version="1.0" encoding="utf-8"?>
<formControlPr xmlns="http://schemas.microsoft.com/office/spreadsheetml/2009/9/main" objectType="CheckBox" lockText="1"/>
</file>

<file path=xl/ctrlProps/ctrlProp23.xml><?xml version="1.0" encoding="utf-8"?>
<formControlPr xmlns="http://schemas.microsoft.com/office/spreadsheetml/2009/9/main" objectType="CheckBox" lockText="1"/>
</file>

<file path=xl/ctrlProps/ctrlProp24.xml><?xml version="1.0" encoding="utf-8"?>
<formControlPr xmlns="http://schemas.microsoft.com/office/spreadsheetml/2009/9/main" objectType="CheckBox" lockText="1"/>
</file>

<file path=xl/ctrlProps/ctrlProp25.xml><?xml version="1.0" encoding="utf-8"?>
<formControlPr xmlns="http://schemas.microsoft.com/office/spreadsheetml/2009/9/main" objectType="CheckBox" lockText="1"/>
</file>

<file path=xl/ctrlProps/ctrlProp26.xml><?xml version="1.0" encoding="utf-8"?>
<formControlPr xmlns="http://schemas.microsoft.com/office/spreadsheetml/2009/9/main" objectType="CheckBox" lockText="1"/>
</file>

<file path=xl/ctrlProps/ctrlProp27.xml><?xml version="1.0" encoding="utf-8"?>
<formControlPr xmlns="http://schemas.microsoft.com/office/spreadsheetml/2009/9/main" objectType="CheckBox" lockText="1"/>
</file>

<file path=xl/ctrlProps/ctrlProp28.xml><?xml version="1.0" encoding="utf-8"?>
<formControlPr xmlns="http://schemas.microsoft.com/office/spreadsheetml/2009/9/main" objectType="CheckBox" lockText="1"/>
</file>

<file path=xl/ctrlProps/ctrlProp29.xml><?xml version="1.0" encoding="utf-8"?>
<formControlPr xmlns="http://schemas.microsoft.com/office/spreadsheetml/2009/9/main" objectType="CheckBox" lockText="1"/>
</file>

<file path=xl/ctrlProps/ctrlProp3.xml><?xml version="1.0" encoding="utf-8"?>
<formControlPr xmlns="http://schemas.microsoft.com/office/spreadsheetml/2009/9/main" objectType="CheckBox" lockText="1"/>
</file>

<file path=xl/ctrlProps/ctrlProp30.xml><?xml version="1.0" encoding="utf-8"?>
<formControlPr xmlns="http://schemas.microsoft.com/office/spreadsheetml/2009/9/main" objectType="CheckBox" lockText="1"/>
</file>

<file path=xl/ctrlProps/ctrlProp31.xml><?xml version="1.0" encoding="utf-8"?>
<formControlPr xmlns="http://schemas.microsoft.com/office/spreadsheetml/2009/9/main" objectType="CheckBox" lockText="1"/>
</file>

<file path=xl/ctrlProps/ctrlProp32.xml><?xml version="1.0" encoding="utf-8"?>
<formControlPr xmlns="http://schemas.microsoft.com/office/spreadsheetml/2009/9/main" objectType="CheckBox" lockText="1"/>
</file>

<file path=xl/ctrlProps/ctrlProp33.xml><?xml version="1.0" encoding="utf-8"?>
<formControlPr xmlns="http://schemas.microsoft.com/office/spreadsheetml/2009/9/main" objectType="CheckBox" lockText="1"/>
</file>

<file path=xl/ctrlProps/ctrlProp34.xml><?xml version="1.0" encoding="utf-8"?>
<formControlPr xmlns="http://schemas.microsoft.com/office/spreadsheetml/2009/9/main" objectType="CheckBox" lockText="1"/>
</file>

<file path=xl/ctrlProps/ctrlProp35.xml><?xml version="1.0" encoding="utf-8"?>
<formControlPr xmlns="http://schemas.microsoft.com/office/spreadsheetml/2009/9/main" objectType="CheckBox" lockText="1"/>
</file>

<file path=xl/ctrlProps/ctrlProp36.xml><?xml version="1.0" encoding="utf-8"?>
<formControlPr xmlns="http://schemas.microsoft.com/office/spreadsheetml/2009/9/main" objectType="CheckBox" lockText="1"/>
</file>

<file path=xl/ctrlProps/ctrlProp37.xml><?xml version="1.0" encoding="utf-8"?>
<formControlPr xmlns="http://schemas.microsoft.com/office/spreadsheetml/2009/9/main" objectType="CheckBox" lockText="1"/>
</file>

<file path=xl/ctrlProps/ctrlProp38.xml><?xml version="1.0" encoding="utf-8"?>
<formControlPr xmlns="http://schemas.microsoft.com/office/spreadsheetml/2009/9/main" objectType="CheckBox" lockText="1"/>
</file>

<file path=xl/ctrlProps/ctrlProp39.xml><?xml version="1.0" encoding="utf-8"?>
<formControlPr xmlns="http://schemas.microsoft.com/office/spreadsheetml/2009/9/main" objectType="CheckBox" lockText="1"/>
</file>

<file path=xl/ctrlProps/ctrlProp4.xml><?xml version="1.0" encoding="utf-8"?>
<formControlPr xmlns="http://schemas.microsoft.com/office/spreadsheetml/2009/9/main" objectType="CheckBox" lockText="1"/>
</file>

<file path=xl/ctrlProps/ctrlProp40.xml><?xml version="1.0" encoding="utf-8"?>
<formControlPr xmlns="http://schemas.microsoft.com/office/spreadsheetml/2009/9/main" objectType="CheckBox" lockText="1"/>
</file>

<file path=xl/ctrlProps/ctrlProp41.xml><?xml version="1.0" encoding="utf-8"?>
<formControlPr xmlns="http://schemas.microsoft.com/office/spreadsheetml/2009/9/main" objectType="CheckBox" lockText="1"/>
</file>

<file path=xl/ctrlProps/ctrlProp42.xml><?xml version="1.0" encoding="utf-8"?>
<formControlPr xmlns="http://schemas.microsoft.com/office/spreadsheetml/2009/9/main" objectType="CheckBox" lockText="1"/>
</file>

<file path=xl/ctrlProps/ctrlProp43.xml><?xml version="1.0" encoding="utf-8"?>
<formControlPr xmlns="http://schemas.microsoft.com/office/spreadsheetml/2009/9/main" objectType="CheckBox" lockText="1"/>
</file>

<file path=xl/ctrlProps/ctrlProp44.xml><?xml version="1.0" encoding="utf-8"?>
<formControlPr xmlns="http://schemas.microsoft.com/office/spreadsheetml/2009/9/main" objectType="CheckBox" lockText="1"/>
</file>

<file path=xl/ctrlProps/ctrlProp45.xml><?xml version="1.0" encoding="utf-8"?>
<formControlPr xmlns="http://schemas.microsoft.com/office/spreadsheetml/2009/9/main" objectType="CheckBox" lockText="1"/>
</file>

<file path=xl/ctrlProps/ctrlProp46.xml><?xml version="1.0" encoding="utf-8"?>
<formControlPr xmlns="http://schemas.microsoft.com/office/spreadsheetml/2009/9/main" objectType="CheckBox" lockText="1"/>
</file>

<file path=xl/ctrlProps/ctrlProp47.xml><?xml version="1.0" encoding="utf-8"?>
<formControlPr xmlns="http://schemas.microsoft.com/office/spreadsheetml/2009/9/main" objectType="CheckBox" lockText="1"/>
</file>

<file path=xl/ctrlProps/ctrlProp48.xml><?xml version="1.0" encoding="utf-8"?>
<formControlPr xmlns="http://schemas.microsoft.com/office/spreadsheetml/2009/9/main" objectType="CheckBox" lockText="1"/>
</file>

<file path=xl/ctrlProps/ctrlProp49.xml><?xml version="1.0" encoding="utf-8"?>
<formControlPr xmlns="http://schemas.microsoft.com/office/spreadsheetml/2009/9/main" objectType="CheckBox" lockText="1"/>
</file>

<file path=xl/ctrlProps/ctrlProp5.xml><?xml version="1.0" encoding="utf-8"?>
<formControlPr xmlns="http://schemas.microsoft.com/office/spreadsheetml/2009/9/main" objectType="CheckBox" lockText="1"/>
</file>

<file path=xl/ctrlProps/ctrlProp50.xml><?xml version="1.0" encoding="utf-8"?>
<formControlPr xmlns="http://schemas.microsoft.com/office/spreadsheetml/2009/9/main" objectType="CheckBox" lockText="1"/>
</file>

<file path=xl/ctrlProps/ctrlProp51.xml><?xml version="1.0" encoding="utf-8"?>
<formControlPr xmlns="http://schemas.microsoft.com/office/spreadsheetml/2009/9/main" objectType="CheckBox" lockText="1"/>
</file>

<file path=xl/ctrlProps/ctrlProp52.xml><?xml version="1.0" encoding="utf-8"?>
<formControlPr xmlns="http://schemas.microsoft.com/office/spreadsheetml/2009/9/main" objectType="CheckBox" lockText="1"/>
</file>

<file path=xl/ctrlProps/ctrlProp53.xml><?xml version="1.0" encoding="utf-8"?>
<formControlPr xmlns="http://schemas.microsoft.com/office/spreadsheetml/2009/9/main" objectType="CheckBox" lockText="1"/>
</file>

<file path=xl/ctrlProps/ctrlProp54.xml><?xml version="1.0" encoding="utf-8"?>
<formControlPr xmlns="http://schemas.microsoft.com/office/spreadsheetml/2009/9/main" objectType="CheckBox" lockText="1"/>
</file>

<file path=xl/ctrlProps/ctrlProp55.xml><?xml version="1.0" encoding="utf-8"?>
<formControlPr xmlns="http://schemas.microsoft.com/office/spreadsheetml/2009/9/main" objectType="CheckBox" lockText="1"/>
</file>

<file path=xl/ctrlProps/ctrlProp56.xml><?xml version="1.0" encoding="utf-8"?>
<formControlPr xmlns="http://schemas.microsoft.com/office/spreadsheetml/2009/9/main" objectType="CheckBox" lockText="1"/>
</file>

<file path=xl/ctrlProps/ctrlProp57.xml><?xml version="1.0" encoding="utf-8"?>
<formControlPr xmlns="http://schemas.microsoft.com/office/spreadsheetml/2009/9/main" objectType="CheckBox" lockText="1"/>
</file>

<file path=xl/ctrlProps/ctrlProp58.xml><?xml version="1.0" encoding="utf-8"?>
<formControlPr xmlns="http://schemas.microsoft.com/office/spreadsheetml/2009/9/main" objectType="CheckBox" lockText="1"/>
</file>

<file path=xl/ctrlProps/ctrlProp59.xml><?xml version="1.0" encoding="utf-8"?>
<formControlPr xmlns="http://schemas.microsoft.com/office/spreadsheetml/2009/9/main" objectType="CheckBox" lockText="1"/>
</file>

<file path=xl/ctrlProps/ctrlProp6.xml><?xml version="1.0" encoding="utf-8"?>
<formControlPr xmlns="http://schemas.microsoft.com/office/spreadsheetml/2009/9/main" objectType="CheckBox" lockText="1"/>
</file>

<file path=xl/ctrlProps/ctrlProp60.xml><?xml version="1.0" encoding="utf-8"?>
<formControlPr xmlns="http://schemas.microsoft.com/office/spreadsheetml/2009/9/main" objectType="CheckBox" lockText="1"/>
</file>

<file path=xl/ctrlProps/ctrlProp61.xml><?xml version="1.0" encoding="utf-8"?>
<formControlPr xmlns="http://schemas.microsoft.com/office/spreadsheetml/2009/9/main" objectType="CheckBox" lockText="1"/>
</file>

<file path=xl/ctrlProps/ctrlProp62.xml><?xml version="1.0" encoding="utf-8"?>
<formControlPr xmlns="http://schemas.microsoft.com/office/spreadsheetml/2009/9/main" objectType="CheckBox" lockText="1"/>
</file>

<file path=xl/ctrlProps/ctrlProp63.xml><?xml version="1.0" encoding="utf-8"?>
<formControlPr xmlns="http://schemas.microsoft.com/office/spreadsheetml/2009/9/main" objectType="CheckBox" lockText="1"/>
</file>

<file path=xl/ctrlProps/ctrlProp64.xml><?xml version="1.0" encoding="utf-8"?>
<formControlPr xmlns="http://schemas.microsoft.com/office/spreadsheetml/2009/9/main" objectType="CheckBox" lockText="1"/>
</file>

<file path=xl/ctrlProps/ctrlProp7.xml><?xml version="1.0" encoding="utf-8"?>
<formControlPr xmlns="http://schemas.microsoft.com/office/spreadsheetml/2009/9/main" objectType="CheckBox" lockText="1"/>
</file>

<file path=xl/ctrlProps/ctrlProp8.xml><?xml version="1.0" encoding="utf-8"?>
<formControlPr xmlns="http://schemas.microsoft.com/office/spreadsheetml/2009/9/main" objectType="CheckBox" lockText="1"/>
</file>

<file path=xl/ctrlProps/ctrlProp9.xml><?xml version="1.0" encoding="utf-8"?>
<formControlPr xmlns="http://schemas.microsoft.com/office/spreadsheetml/2009/9/main" objectType="CheckBox" lockText="1"/>
</file>

<file path=xl/drawings/_rels/drawing4.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63500</xdr:colOff>
          <xdr:row>5</xdr:row>
          <xdr:rowOff>38100</xdr:rowOff>
        </xdr:from>
        <xdr:to>
          <xdr:col>4</xdr:col>
          <xdr:colOff>25400</xdr:colOff>
          <xdr:row>5</xdr:row>
          <xdr:rowOff>298450</xdr:rowOff>
        </xdr:to>
        <xdr:sp macro="" textlink="">
          <xdr:nvSpPr>
            <xdr:cNvPr id="36865" name="Check Box 1" hidden="1">
              <a:extLst>
                <a:ext uri="{63B3BB69-23CF-44E3-9099-C40C66FF867C}">
                  <a14:compatExt spid="_x0000_s36865"/>
                </a:ext>
                <a:ext uri="{FF2B5EF4-FFF2-40B4-BE49-F238E27FC236}">
                  <a16:creationId xmlns:a16="http://schemas.microsoft.com/office/drawing/2014/main" id="{00000000-0008-0000-0000-000001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7</xdr:row>
          <xdr:rowOff>38100</xdr:rowOff>
        </xdr:from>
        <xdr:to>
          <xdr:col>4</xdr:col>
          <xdr:colOff>25400</xdr:colOff>
          <xdr:row>7</xdr:row>
          <xdr:rowOff>298450</xdr:rowOff>
        </xdr:to>
        <xdr:sp macro="" textlink="">
          <xdr:nvSpPr>
            <xdr:cNvPr id="36866" name="Check Box 2" hidden="1">
              <a:extLst>
                <a:ext uri="{63B3BB69-23CF-44E3-9099-C40C66FF867C}">
                  <a14:compatExt spid="_x0000_s36866"/>
                </a:ext>
                <a:ext uri="{FF2B5EF4-FFF2-40B4-BE49-F238E27FC236}">
                  <a16:creationId xmlns:a16="http://schemas.microsoft.com/office/drawing/2014/main" id="{00000000-0008-0000-0000-000002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10</xdr:row>
          <xdr:rowOff>44450</xdr:rowOff>
        </xdr:from>
        <xdr:to>
          <xdr:col>4</xdr:col>
          <xdr:colOff>25400</xdr:colOff>
          <xdr:row>10</xdr:row>
          <xdr:rowOff>304800</xdr:rowOff>
        </xdr:to>
        <xdr:sp macro="" textlink="">
          <xdr:nvSpPr>
            <xdr:cNvPr id="36867" name="Check Box 3" hidden="1">
              <a:extLst>
                <a:ext uri="{63B3BB69-23CF-44E3-9099-C40C66FF867C}">
                  <a14:compatExt spid="_x0000_s36867"/>
                </a:ext>
                <a:ext uri="{FF2B5EF4-FFF2-40B4-BE49-F238E27FC236}">
                  <a16:creationId xmlns:a16="http://schemas.microsoft.com/office/drawing/2014/main" id="{00000000-0008-0000-0000-000003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10</xdr:row>
          <xdr:rowOff>44450</xdr:rowOff>
        </xdr:from>
        <xdr:to>
          <xdr:col>4</xdr:col>
          <xdr:colOff>25400</xdr:colOff>
          <xdr:row>10</xdr:row>
          <xdr:rowOff>304800</xdr:rowOff>
        </xdr:to>
        <xdr:sp macro="" textlink="">
          <xdr:nvSpPr>
            <xdr:cNvPr id="36868" name="Check Box 4" hidden="1">
              <a:extLst>
                <a:ext uri="{63B3BB69-23CF-44E3-9099-C40C66FF867C}">
                  <a14:compatExt spid="_x0000_s36868"/>
                </a:ext>
                <a:ext uri="{FF2B5EF4-FFF2-40B4-BE49-F238E27FC236}">
                  <a16:creationId xmlns:a16="http://schemas.microsoft.com/office/drawing/2014/main" id="{00000000-0008-0000-0000-000004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386952</xdr:colOff>
      <xdr:row>8</xdr:row>
      <xdr:rowOff>59531</xdr:rowOff>
    </xdr:from>
    <xdr:to>
      <xdr:col>33</xdr:col>
      <xdr:colOff>228600</xdr:colOff>
      <xdr:row>9</xdr:row>
      <xdr:rowOff>267890</xdr:rowOff>
    </xdr:to>
    <xdr:sp macro="" textlink="">
      <xdr:nvSpPr>
        <xdr:cNvPr id="7" name="大かっこ 6">
          <a:extLst>
            <a:ext uri="{FF2B5EF4-FFF2-40B4-BE49-F238E27FC236}">
              <a16:creationId xmlns:a16="http://schemas.microsoft.com/office/drawing/2014/main" id="{00000000-0008-0000-0000-000007000000}"/>
            </a:ext>
          </a:extLst>
        </xdr:cNvPr>
        <xdr:cNvSpPr/>
      </xdr:nvSpPr>
      <xdr:spPr>
        <a:xfrm>
          <a:off x="1101327" y="2383631"/>
          <a:ext cx="14538723" cy="589359"/>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mc:AlternateContent xmlns:mc="http://schemas.openxmlformats.org/markup-compatibility/2006">
    <mc:Choice xmlns:a14="http://schemas.microsoft.com/office/drawing/2010/main" Requires="a14">
      <xdr:twoCellAnchor editAs="oneCell">
        <xdr:from>
          <xdr:col>3</xdr:col>
          <xdr:colOff>63500</xdr:colOff>
          <xdr:row>6</xdr:row>
          <xdr:rowOff>38100</xdr:rowOff>
        </xdr:from>
        <xdr:to>
          <xdr:col>4</xdr:col>
          <xdr:colOff>25400</xdr:colOff>
          <xdr:row>6</xdr:row>
          <xdr:rowOff>298450</xdr:rowOff>
        </xdr:to>
        <xdr:sp macro="" textlink="">
          <xdr:nvSpPr>
            <xdr:cNvPr id="36870" name="Check Box 6" hidden="1">
              <a:extLst>
                <a:ext uri="{63B3BB69-23CF-44E3-9099-C40C66FF867C}">
                  <a14:compatExt spid="_x0000_s36870"/>
                </a:ext>
                <a:ext uri="{FF2B5EF4-FFF2-40B4-BE49-F238E27FC236}">
                  <a16:creationId xmlns:a16="http://schemas.microsoft.com/office/drawing/2014/main" id="{00000000-0008-0000-0000-000006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19</xdr:row>
          <xdr:rowOff>69850</xdr:rowOff>
        </xdr:from>
        <xdr:to>
          <xdr:col>4</xdr:col>
          <xdr:colOff>25400</xdr:colOff>
          <xdr:row>19</xdr:row>
          <xdr:rowOff>330200</xdr:rowOff>
        </xdr:to>
        <xdr:sp macro="" textlink="">
          <xdr:nvSpPr>
            <xdr:cNvPr id="36871" name="Check Box 7" hidden="1">
              <a:extLst>
                <a:ext uri="{63B3BB69-23CF-44E3-9099-C40C66FF867C}">
                  <a14:compatExt spid="_x0000_s36871"/>
                </a:ext>
                <a:ext uri="{FF2B5EF4-FFF2-40B4-BE49-F238E27FC236}">
                  <a16:creationId xmlns:a16="http://schemas.microsoft.com/office/drawing/2014/main" id="{00000000-0008-0000-0000-000007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0</xdr:row>
          <xdr:rowOff>76200</xdr:rowOff>
        </xdr:from>
        <xdr:to>
          <xdr:col>4</xdr:col>
          <xdr:colOff>25400</xdr:colOff>
          <xdr:row>21</xdr:row>
          <xdr:rowOff>0</xdr:rowOff>
        </xdr:to>
        <xdr:sp macro="" textlink="">
          <xdr:nvSpPr>
            <xdr:cNvPr id="36872" name="Check Box 8" hidden="1">
              <a:extLst>
                <a:ext uri="{63B3BB69-23CF-44E3-9099-C40C66FF867C}">
                  <a14:compatExt spid="_x0000_s36872"/>
                </a:ext>
                <a:ext uri="{FF2B5EF4-FFF2-40B4-BE49-F238E27FC236}">
                  <a16:creationId xmlns:a16="http://schemas.microsoft.com/office/drawing/2014/main" id="{00000000-0008-0000-0000-000008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0</xdr:row>
          <xdr:rowOff>76200</xdr:rowOff>
        </xdr:from>
        <xdr:to>
          <xdr:col>4</xdr:col>
          <xdr:colOff>25400</xdr:colOff>
          <xdr:row>21</xdr:row>
          <xdr:rowOff>0</xdr:rowOff>
        </xdr:to>
        <xdr:sp macro="" textlink="">
          <xdr:nvSpPr>
            <xdr:cNvPr id="36873" name="Check Box 9" hidden="1">
              <a:extLst>
                <a:ext uri="{63B3BB69-23CF-44E3-9099-C40C66FF867C}">
                  <a14:compatExt spid="_x0000_s36873"/>
                </a:ext>
                <a:ext uri="{FF2B5EF4-FFF2-40B4-BE49-F238E27FC236}">
                  <a16:creationId xmlns:a16="http://schemas.microsoft.com/office/drawing/2014/main" id="{00000000-0008-0000-0000-000009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1</xdr:row>
          <xdr:rowOff>63500</xdr:rowOff>
        </xdr:from>
        <xdr:to>
          <xdr:col>4</xdr:col>
          <xdr:colOff>44450</xdr:colOff>
          <xdr:row>21</xdr:row>
          <xdr:rowOff>311150</xdr:rowOff>
        </xdr:to>
        <xdr:sp macro="" textlink="">
          <xdr:nvSpPr>
            <xdr:cNvPr id="36874" name="Check Box 10" hidden="1">
              <a:extLst>
                <a:ext uri="{63B3BB69-23CF-44E3-9099-C40C66FF867C}">
                  <a14:compatExt spid="_x0000_s36874"/>
                </a:ext>
                <a:ext uri="{FF2B5EF4-FFF2-40B4-BE49-F238E27FC236}">
                  <a16:creationId xmlns:a16="http://schemas.microsoft.com/office/drawing/2014/main" id="{00000000-0008-0000-0000-00000A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2</xdr:row>
          <xdr:rowOff>63500</xdr:rowOff>
        </xdr:from>
        <xdr:to>
          <xdr:col>4</xdr:col>
          <xdr:colOff>44450</xdr:colOff>
          <xdr:row>22</xdr:row>
          <xdr:rowOff>311150</xdr:rowOff>
        </xdr:to>
        <xdr:sp macro="" textlink="">
          <xdr:nvSpPr>
            <xdr:cNvPr id="36875" name="Check Box 11" hidden="1">
              <a:extLst>
                <a:ext uri="{63B3BB69-23CF-44E3-9099-C40C66FF867C}">
                  <a14:compatExt spid="_x0000_s36875"/>
                </a:ext>
                <a:ext uri="{FF2B5EF4-FFF2-40B4-BE49-F238E27FC236}">
                  <a16:creationId xmlns:a16="http://schemas.microsoft.com/office/drawing/2014/main" id="{00000000-0008-0000-0000-00000B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7</xdr:row>
          <xdr:rowOff>76200</xdr:rowOff>
        </xdr:from>
        <xdr:to>
          <xdr:col>4</xdr:col>
          <xdr:colOff>6350</xdr:colOff>
          <xdr:row>28</xdr:row>
          <xdr:rowOff>0</xdr:rowOff>
        </xdr:to>
        <xdr:sp macro="" textlink="">
          <xdr:nvSpPr>
            <xdr:cNvPr id="36878" name="Check Box 14" hidden="1">
              <a:extLst>
                <a:ext uri="{63B3BB69-23CF-44E3-9099-C40C66FF867C}">
                  <a14:compatExt spid="_x0000_s36878"/>
                </a:ext>
                <a:ext uri="{FF2B5EF4-FFF2-40B4-BE49-F238E27FC236}">
                  <a16:creationId xmlns:a16="http://schemas.microsoft.com/office/drawing/2014/main" id="{00000000-0008-0000-0000-00000E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8</xdr:row>
          <xdr:rowOff>82550</xdr:rowOff>
        </xdr:from>
        <xdr:to>
          <xdr:col>4</xdr:col>
          <xdr:colOff>6350</xdr:colOff>
          <xdr:row>29</xdr:row>
          <xdr:rowOff>6350</xdr:rowOff>
        </xdr:to>
        <xdr:sp macro="" textlink="">
          <xdr:nvSpPr>
            <xdr:cNvPr id="36879" name="Check Box 15" hidden="1">
              <a:extLst>
                <a:ext uri="{63B3BB69-23CF-44E3-9099-C40C66FF867C}">
                  <a14:compatExt spid="_x0000_s36879"/>
                </a:ext>
                <a:ext uri="{FF2B5EF4-FFF2-40B4-BE49-F238E27FC236}">
                  <a16:creationId xmlns:a16="http://schemas.microsoft.com/office/drawing/2014/main" id="{00000000-0008-0000-0000-00000F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396874</xdr:colOff>
      <xdr:row>11</xdr:row>
      <xdr:rowOff>69453</xdr:rowOff>
    </xdr:from>
    <xdr:to>
      <xdr:col>24</xdr:col>
      <xdr:colOff>571500</xdr:colOff>
      <xdr:row>11</xdr:row>
      <xdr:rowOff>323850</xdr:rowOff>
    </xdr:to>
    <xdr:sp macro="" textlink="">
      <xdr:nvSpPr>
        <xdr:cNvPr id="23" name="大かっこ 22">
          <a:extLst>
            <a:ext uri="{FF2B5EF4-FFF2-40B4-BE49-F238E27FC236}">
              <a16:creationId xmlns:a16="http://schemas.microsoft.com/office/drawing/2014/main" id="{00000000-0008-0000-0000-000017000000}"/>
            </a:ext>
          </a:extLst>
        </xdr:cNvPr>
        <xdr:cNvSpPr/>
      </xdr:nvSpPr>
      <xdr:spPr>
        <a:xfrm>
          <a:off x="1111249" y="3536553"/>
          <a:ext cx="9680576" cy="254397"/>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mc:AlternateContent xmlns:mc="http://schemas.openxmlformats.org/markup-compatibility/2006">
    <mc:Choice xmlns:a14="http://schemas.microsoft.com/office/drawing/2010/main" Requires="a14">
      <xdr:twoCellAnchor editAs="oneCell">
        <xdr:from>
          <xdr:col>3</xdr:col>
          <xdr:colOff>63500</xdr:colOff>
          <xdr:row>13</xdr:row>
          <xdr:rowOff>44450</xdr:rowOff>
        </xdr:from>
        <xdr:to>
          <xdr:col>4</xdr:col>
          <xdr:colOff>25400</xdr:colOff>
          <xdr:row>13</xdr:row>
          <xdr:rowOff>304800</xdr:rowOff>
        </xdr:to>
        <xdr:sp macro="" textlink="">
          <xdr:nvSpPr>
            <xdr:cNvPr id="36883" name="Check Box 19" hidden="1">
              <a:extLst>
                <a:ext uri="{63B3BB69-23CF-44E3-9099-C40C66FF867C}">
                  <a14:compatExt spid="_x0000_s36883"/>
                </a:ext>
                <a:ext uri="{FF2B5EF4-FFF2-40B4-BE49-F238E27FC236}">
                  <a16:creationId xmlns:a16="http://schemas.microsoft.com/office/drawing/2014/main" id="{00000000-0008-0000-0000-000013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4</xdr:row>
          <xdr:rowOff>63500</xdr:rowOff>
        </xdr:from>
        <xdr:to>
          <xdr:col>4</xdr:col>
          <xdr:colOff>44450</xdr:colOff>
          <xdr:row>24</xdr:row>
          <xdr:rowOff>311150</xdr:rowOff>
        </xdr:to>
        <xdr:sp macro="" textlink="">
          <xdr:nvSpPr>
            <xdr:cNvPr id="37071" name="Check Box 207" hidden="1">
              <a:extLst>
                <a:ext uri="{63B3BB69-23CF-44E3-9099-C40C66FF867C}">
                  <a14:compatExt spid="_x0000_s37071"/>
                </a:ext>
                <a:ext uri="{FF2B5EF4-FFF2-40B4-BE49-F238E27FC236}">
                  <a16:creationId xmlns:a16="http://schemas.microsoft.com/office/drawing/2014/main" id="{00000000-0008-0000-0000-0000CF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4</xdr:row>
          <xdr:rowOff>63500</xdr:rowOff>
        </xdr:from>
        <xdr:to>
          <xdr:col>4</xdr:col>
          <xdr:colOff>44450</xdr:colOff>
          <xdr:row>24</xdr:row>
          <xdr:rowOff>311150</xdr:rowOff>
        </xdr:to>
        <xdr:sp macro="" textlink="">
          <xdr:nvSpPr>
            <xdr:cNvPr id="37072" name="Check Box 208" hidden="1">
              <a:extLst>
                <a:ext uri="{63B3BB69-23CF-44E3-9099-C40C66FF867C}">
                  <a14:compatExt spid="_x0000_s37072"/>
                </a:ext>
                <a:ext uri="{FF2B5EF4-FFF2-40B4-BE49-F238E27FC236}">
                  <a16:creationId xmlns:a16="http://schemas.microsoft.com/office/drawing/2014/main" id="{00000000-0008-0000-0000-0000D0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14</xdr:row>
          <xdr:rowOff>44450</xdr:rowOff>
        </xdr:from>
        <xdr:to>
          <xdr:col>4</xdr:col>
          <xdr:colOff>25400</xdr:colOff>
          <xdr:row>14</xdr:row>
          <xdr:rowOff>311150</xdr:rowOff>
        </xdr:to>
        <xdr:sp macro="" textlink="">
          <xdr:nvSpPr>
            <xdr:cNvPr id="37103" name="Check Box 239" hidden="1">
              <a:extLst>
                <a:ext uri="{63B3BB69-23CF-44E3-9099-C40C66FF867C}">
                  <a14:compatExt spid="_x0000_s37103"/>
                </a:ext>
                <a:ext uri="{FF2B5EF4-FFF2-40B4-BE49-F238E27FC236}">
                  <a16:creationId xmlns:a16="http://schemas.microsoft.com/office/drawing/2014/main" id="{00000000-0008-0000-0000-0000EF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12</xdr:row>
          <xdr:rowOff>44450</xdr:rowOff>
        </xdr:from>
        <xdr:to>
          <xdr:col>4</xdr:col>
          <xdr:colOff>6350</xdr:colOff>
          <xdr:row>12</xdr:row>
          <xdr:rowOff>311150</xdr:rowOff>
        </xdr:to>
        <xdr:sp macro="" textlink="">
          <xdr:nvSpPr>
            <xdr:cNvPr id="37107" name="Check Box 243" hidden="1">
              <a:extLst>
                <a:ext uri="{63B3BB69-23CF-44E3-9099-C40C66FF867C}">
                  <a14:compatExt spid="_x0000_s37107"/>
                </a:ext>
                <a:ext uri="{FF2B5EF4-FFF2-40B4-BE49-F238E27FC236}">
                  <a16:creationId xmlns:a16="http://schemas.microsoft.com/office/drawing/2014/main" id="{00000000-0008-0000-0000-0000F3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356052</xdr:colOff>
      <xdr:row>15</xdr:row>
      <xdr:rowOff>68038</xdr:rowOff>
    </xdr:from>
    <xdr:to>
      <xdr:col>33</xdr:col>
      <xdr:colOff>108858</xdr:colOff>
      <xdr:row>16</xdr:row>
      <xdr:rowOff>312965</xdr:rowOff>
    </xdr:to>
    <xdr:sp macro="" textlink="">
      <xdr:nvSpPr>
        <xdr:cNvPr id="40" name="大かっこ 39">
          <a:extLst>
            <a:ext uri="{FF2B5EF4-FFF2-40B4-BE49-F238E27FC236}">
              <a16:creationId xmlns:a16="http://schemas.microsoft.com/office/drawing/2014/main" id="{00000000-0008-0000-0000-000028000000}"/>
            </a:ext>
          </a:extLst>
        </xdr:cNvPr>
        <xdr:cNvSpPr/>
      </xdr:nvSpPr>
      <xdr:spPr>
        <a:xfrm>
          <a:off x="1063623" y="4653645"/>
          <a:ext cx="14421306" cy="598713"/>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mc:AlternateContent xmlns:mc="http://schemas.openxmlformats.org/markup-compatibility/2006">
    <mc:Choice xmlns:a14="http://schemas.microsoft.com/office/drawing/2010/main" Requires="a14">
      <xdr:twoCellAnchor editAs="oneCell">
        <xdr:from>
          <xdr:col>3</xdr:col>
          <xdr:colOff>63500</xdr:colOff>
          <xdr:row>23</xdr:row>
          <xdr:rowOff>63500</xdr:rowOff>
        </xdr:from>
        <xdr:to>
          <xdr:col>4</xdr:col>
          <xdr:colOff>63500</xdr:colOff>
          <xdr:row>23</xdr:row>
          <xdr:rowOff>311150</xdr:rowOff>
        </xdr:to>
        <xdr:sp macro="" textlink="">
          <xdr:nvSpPr>
            <xdr:cNvPr id="37110" name="Check Box 246" hidden="1">
              <a:extLst>
                <a:ext uri="{63B3BB69-23CF-44E3-9099-C40C66FF867C}">
                  <a14:compatExt spid="_x0000_s37110"/>
                </a:ext>
                <a:ext uri="{FF2B5EF4-FFF2-40B4-BE49-F238E27FC236}">
                  <a16:creationId xmlns:a16="http://schemas.microsoft.com/office/drawing/2014/main" id="{00000000-0008-0000-0000-0000F6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3</xdr:row>
          <xdr:rowOff>63500</xdr:rowOff>
        </xdr:from>
        <xdr:to>
          <xdr:col>4</xdr:col>
          <xdr:colOff>63500</xdr:colOff>
          <xdr:row>23</xdr:row>
          <xdr:rowOff>311150</xdr:rowOff>
        </xdr:to>
        <xdr:sp macro="" textlink="">
          <xdr:nvSpPr>
            <xdr:cNvPr id="37111" name="Check Box 247" hidden="1">
              <a:extLst>
                <a:ext uri="{63B3BB69-23CF-44E3-9099-C40C66FF867C}">
                  <a14:compatExt spid="_x0000_s37111"/>
                </a:ext>
                <a:ext uri="{FF2B5EF4-FFF2-40B4-BE49-F238E27FC236}">
                  <a16:creationId xmlns:a16="http://schemas.microsoft.com/office/drawing/2014/main" id="{00000000-0008-0000-0000-0000F7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0</xdr:row>
          <xdr:rowOff>63500</xdr:rowOff>
        </xdr:from>
        <xdr:to>
          <xdr:col>4</xdr:col>
          <xdr:colOff>44450</xdr:colOff>
          <xdr:row>20</xdr:row>
          <xdr:rowOff>311150</xdr:rowOff>
        </xdr:to>
        <xdr:sp macro="" textlink="">
          <xdr:nvSpPr>
            <xdr:cNvPr id="37117" name="Check Box 253" hidden="1">
              <a:extLst>
                <a:ext uri="{63B3BB69-23CF-44E3-9099-C40C66FF867C}">
                  <a14:compatExt spid="_x0000_s37117"/>
                </a:ext>
                <a:ext uri="{FF2B5EF4-FFF2-40B4-BE49-F238E27FC236}">
                  <a16:creationId xmlns:a16="http://schemas.microsoft.com/office/drawing/2014/main" id="{00000000-0008-0000-0000-0000FD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1</xdr:row>
          <xdr:rowOff>63500</xdr:rowOff>
        </xdr:from>
        <xdr:to>
          <xdr:col>4</xdr:col>
          <xdr:colOff>44450</xdr:colOff>
          <xdr:row>21</xdr:row>
          <xdr:rowOff>311150</xdr:rowOff>
        </xdr:to>
        <xdr:sp macro="" textlink="">
          <xdr:nvSpPr>
            <xdr:cNvPr id="37118" name="Check Box 254" hidden="1">
              <a:extLst>
                <a:ext uri="{63B3BB69-23CF-44E3-9099-C40C66FF867C}">
                  <a14:compatExt spid="_x0000_s37118"/>
                </a:ext>
                <a:ext uri="{FF2B5EF4-FFF2-40B4-BE49-F238E27FC236}">
                  <a16:creationId xmlns:a16="http://schemas.microsoft.com/office/drawing/2014/main" id="{00000000-0008-0000-0000-0000FE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1</xdr:row>
          <xdr:rowOff>63500</xdr:rowOff>
        </xdr:from>
        <xdr:to>
          <xdr:col>4</xdr:col>
          <xdr:colOff>44450</xdr:colOff>
          <xdr:row>21</xdr:row>
          <xdr:rowOff>311150</xdr:rowOff>
        </xdr:to>
        <xdr:sp macro="" textlink="">
          <xdr:nvSpPr>
            <xdr:cNvPr id="37119" name="Check Box 255" hidden="1">
              <a:extLst>
                <a:ext uri="{63B3BB69-23CF-44E3-9099-C40C66FF867C}">
                  <a14:compatExt spid="_x0000_s37119"/>
                </a:ext>
                <a:ext uri="{FF2B5EF4-FFF2-40B4-BE49-F238E27FC236}">
                  <a16:creationId xmlns:a16="http://schemas.microsoft.com/office/drawing/2014/main" id="{00000000-0008-0000-0000-0000FF9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1</xdr:row>
          <xdr:rowOff>69850</xdr:rowOff>
        </xdr:from>
        <xdr:to>
          <xdr:col>4</xdr:col>
          <xdr:colOff>6350</xdr:colOff>
          <xdr:row>22</xdr:row>
          <xdr:rowOff>0</xdr:rowOff>
        </xdr:to>
        <xdr:sp macro="" textlink="">
          <xdr:nvSpPr>
            <xdr:cNvPr id="37120" name="Check Box 256" hidden="1">
              <a:extLst>
                <a:ext uri="{63B3BB69-23CF-44E3-9099-C40C66FF867C}">
                  <a14:compatExt spid="_x0000_s37120"/>
                </a:ext>
                <a:ext uri="{FF2B5EF4-FFF2-40B4-BE49-F238E27FC236}">
                  <a16:creationId xmlns:a16="http://schemas.microsoft.com/office/drawing/2014/main" id="{00000000-0008-0000-0000-0000009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2</xdr:row>
          <xdr:rowOff>76200</xdr:rowOff>
        </xdr:from>
        <xdr:to>
          <xdr:col>4</xdr:col>
          <xdr:colOff>6350</xdr:colOff>
          <xdr:row>23</xdr:row>
          <xdr:rowOff>0</xdr:rowOff>
        </xdr:to>
        <xdr:sp macro="" textlink="">
          <xdr:nvSpPr>
            <xdr:cNvPr id="37121" name="Check Box 257" hidden="1">
              <a:extLst>
                <a:ext uri="{63B3BB69-23CF-44E3-9099-C40C66FF867C}">
                  <a14:compatExt spid="_x0000_s37121"/>
                </a:ext>
                <a:ext uri="{FF2B5EF4-FFF2-40B4-BE49-F238E27FC236}">
                  <a16:creationId xmlns:a16="http://schemas.microsoft.com/office/drawing/2014/main" id="{00000000-0008-0000-0000-0000019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3</xdr:row>
          <xdr:rowOff>63500</xdr:rowOff>
        </xdr:from>
        <xdr:to>
          <xdr:col>4</xdr:col>
          <xdr:colOff>63500</xdr:colOff>
          <xdr:row>23</xdr:row>
          <xdr:rowOff>311150</xdr:rowOff>
        </xdr:to>
        <xdr:sp macro="" textlink="">
          <xdr:nvSpPr>
            <xdr:cNvPr id="37122" name="Check Box 258" hidden="1">
              <a:extLst>
                <a:ext uri="{63B3BB69-23CF-44E3-9099-C40C66FF867C}">
                  <a14:compatExt spid="_x0000_s37122"/>
                </a:ext>
                <a:ext uri="{FF2B5EF4-FFF2-40B4-BE49-F238E27FC236}">
                  <a16:creationId xmlns:a16="http://schemas.microsoft.com/office/drawing/2014/main" id="{00000000-0008-0000-0000-0000029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3</xdr:row>
          <xdr:rowOff>63500</xdr:rowOff>
        </xdr:from>
        <xdr:to>
          <xdr:col>4</xdr:col>
          <xdr:colOff>63500</xdr:colOff>
          <xdr:row>23</xdr:row>
          <xdr:rowOff>311150</xdr:rowOff>
        </xdr:to>
        <xdr:sp macro="" textlink="">
          <xdr:nvSpPr>
            <xdr:cNvPr id="37123" name="Check Box 259" hidden="1">
              <a:extLst>
                <a:ext uri="{63B3BB69-23CF-44E3-9099-C40C66FF867C}">
                  <a14:compatExt spid="_x0000_s37123"/>
                </a:ext>
                <a:ext uri="{FF2B5EF4-FFF2-40B4-BE49-F238E27FC236}">
                  <a16:creationId xmlns:a16="http://schemas.microsoft.com/office/drawing/2014/main" id="{00000000-0008-0000-0000-0000039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3</xdr:row>
          <xdr:rowOff>69850</xdr:rowOff>
        </xdr:from>
        <xdr:to>
          <xdr:col>4</xdr:col>
          <xdr:colOff>6350</xdr:colOff>
          <xdr:row>24</xdr:row>
          <xdr:rowOff>0</xdr:rowOff>
        </xdr:to>
        <xdr:sp macro="" textlink="">
          <xdr:nvSpPr>
            <xdr:cNvPr id="37124" name="Check Box 260" hidden="1">
              <a:extLst>
                <a:ext uri="{63B3BB69-23CF-44E3-9099-C40C66FF867C}">
                  <a14:compatExt spid="_x0000_s37124"/>
                </a:ext>
                <a:ext uri="{FF2B5EF4-FFF2-40B4-BE49-F238E27FC236}">
                  <a16:creationId xmlns:a16="http://schemas.microsoft.com/office/drawing/2014/main" id="{00000000-0008-0000-0000-0000049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4</xdr:row>
          <xdr:rowOff>63500</xdr:rowOff>
        </xdr:from>
        <xdr:to>
          <xdr:col>4</xdr:col>
          <xdr:colOff>6350</xdr:colOff>
          <xdr:row>24</xdr:row>
          <xdr:rowOff>311150</xdr:rowOff>
        </xdr:to>
        <xdr:sp macro="" textlink="">
          <xdr:nvSpPr>
            <xdr:cNvPr id="37125" name="Check Box 261" hidden="1">
              <a:extLst>
                <a:ext uri="{63B3BB69-23CF-44E3-9099-C40C66FF867C}">
                  <a14:compatExt spid="_x0000_s37125"/>
                </a:ext>
                <a:ext uri="{FF2B5EF4-FFF2-40B4-BE49-F238E27FC236}">
                  <a16:creationId xmlns:a16="http://schemas.microsoft.com/office/drawing/2014/main" id="{00000000-0008-0000-0000-0000059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0</xdr:colOff>
          <xdr:row>28</xdr:row>
          <xdr:rowOff>63500</xdr:rowOff>
        </xdr:from>
        <xdr:to>
          <xdr:col>4</xdr:col>
          <xdr:colOff>6350</xdr:colOff>
          <xdr:row>28</xdr:row>
          <xdr:rowOff>311150</xdr:rowOff>
        </xdr:to>
        <xdr:sp macro="" textlink="">
          <xdr:nvSpPr>
            <xdr:cNvPr id="37127" name="Check Box 263" hidden="1">
              <a:extLst>
                <a:ext uri="{63B3BB69-23CF-44E3-9099-C40C66FF867C}">
                  <a14:compatExt spid="_x0000_s37127"/>
                </a:ext>
                <a:ext uri="{FF2B5EF4-FFF2-40B4-BE49-F238E27FC236}">
                  <a16:creationId xmlns:a16="http://schemas.microsoft.com/office/drawing/2014/main" id="{00000000-0008-0000-0000-0000079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10.xml><?xml version="1.0" encoding="utf-8"?>
<xdr:wsDr xmlns:xdr="http://schemas.openxmlformats.org/drawingml/2006/spreadsheetDrawing" xmlns:a="http://schemas.openxmlformats.org/drawingml/2006/main">
  <xdr:twoCellAnchor>
    <xdr:from>
      <xdr:col>1</xdr:col>
      <xdr:colOff>22860</xdr:colOff>
      <xdr:row>1</xdr:row>
      <xdr:rowOff>30480</xdr:rowOff>
    </xdr:from>
    <xdr:to>
      <xdr:col>26</xdr:col>
      <xdr:colOff>0</xdr:colOff>
      <xdr:row>47</xdr:row>
      <xdr:rowOff>0</xdr:rowOff>
    </xdr:to>
    <xdr:cxnSp macro="">
      <xdr:nvCxnSpPr>
        <xdr:cNvPr id="3" name="直線コネクタ 2">
          <a:extLst>
            <a:ext uri="{FF2B5EF4-FFF2-40B4-BE49-F238E27FC236}">
              <a16:creationId xmlns:a16="http://schemas.microsoft.com/office/drawing/2014/main" id="{00000000-0008-0000-0C00-000003000000}"/>
            </a:ext>
          </a:extLst>
        </xdr:cNvPr>
        <xdr:cNvCxnSpPr/>
      </xdr:nvCxnSpPr>
      <xdr:spPr>
        <a:xfrm flipV="1">
          <a:off x="411480" y="281940"/>
          <a:ext cx="9761220" cy="6964680"/>
        </a:xfrm>
        <a:prstGeom prst="line">
          <a:avLst/>
        </a:prstGeom>
        <a:ln w="31750">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0</xdr:colOff>
      <xdr:row>1</xdr:row>
      <xdr:rowOff>45720</xdr:rowOff>
    </xdr:from>
    <xdr:to>
      <xdr:col>25</xdr:col>
      <xdr:colOff>243840</xdr:colOff>
      <xdr:row>46</xdr:row>
      <xdr:rowOff>121920</xdr:rowOff>
    </xdr:to>
    <xdr:cxnSp macro="">
      <xdr:nvCxnSpPr>
        <xdr:cNvPr id="6" name="直線コネクタ 5">
          <a:extLst>
            <a:ext uri="{FF2B5EF4-FFF2-40B4-BE49-F238E27FC236}">
              <a16:creationId xmlns:a16="http://schemas.microsoft.com/office/drawing/2014/main" id="{00000000-0008-0000-0C00-000006000000}"/>
            </a:ext>
          </a:extLst>
        </xdr:cNvPr>
        <xdr:cNvCxnSpPr/>
      </xdr:nvCxnSpPr>
      <xdr:spPr>
        <a:xfrm flipH="1" flipV="1">
          <a:off x="388620" y="297180"/>
          <a:ext cx="9776460" cy="6918960"/>
        </a:xfrm>
        <a:prstGeom prst="line">
          <a:avLst/>
        </a:prstGeom>
        <a:ln w="31750">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236220</xdr:colOff>
      <xdr:row>1</xdr:row>
      <xdr:rowOff>137160</xdr:rowOff>
    </xdr:from>
    <xdr:to>
      <xdr:col>16</xdr:col>
      <xdr:colOff>51522</xdr:colOff>
      <xdr:row>4</xdr:row>
      <xdr:rowOff>119744</xdr:rowOff>
    </xdr:to>
    <xdr:sp macro="" textlink="">
      <xdr:nvSpPr>
        <xdr:cNvPr id="10" name="テキスト ボックス 9">
          <a:extLst>
            <a:ext uri="{FF2B5EF4-FFF2-40B4-BE49-F238E27FC236}">
              <a16:creationId xmlns:a16="http://schemas.microsoft.com/office/drawing/2014/main" id="{00000000-0008-0000-0C00-00000A000000}"/>
            </a:ext>
          </a:extLst>
        </xdr:cNvPr>
        <xdr:cNvSpPr txBox="1"/>
      </xdr:nvSpPr>
      <xdr:spPr>
        <a:xfrm>
          <a:off x="4373880" y="388620"/>
          <a:ext cx="1826982" cy="424544"/>
        </a:xfrm>
        <a:prstGeom prst="rect">
          <a:avLst/>
        </a:prstGeom>
        <a:solidFill>
          <a:schemeClr val="lt1"/>
        </a:solidFill>
        <a:ln w="19050" cmpd="sng">
          <a:solidFill>
            <a:srgbClr val="FF0000"/>
          </a:solidFill>
          <a:prstDash val="solid"/>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lnSpc>
              <a:spcPts val="1300"/>
            </a:lnSpc>
          </a:pPr>
          <a:endParaRPr kumimoji="1" lang="en-US" altLang="ja-JP" sz="1800">
            <a:solidFill>
              <a:srgbClr val="FF0000"/>
            </a:solidFill>
          </a:endParaRPr>
        </a:p>
        <a:p>
          <a:pPr algn="ctr">
            <a:lnSpc>
              <a:spcPts val="1300"/>
            </a:lnSpc>
          </a:pPr>
          <a:r>
            <a:rPr kumimoji="1" lang="ja-JP" altLang="en-US" sz="1800">
              <a:solidFill>
                <a:srgbClr val="FF0000"/>
              </a:solidFill>
            </a:rPr>
            <a:t>廃　　止</a:t>
          </a:r>
          <a:endParaRPr kumimoji="1" lang="en-US" altLang="ja-JP" sz="1800">
            <a:solidFill>
              <a:srgbClr val="FF0000"/>
            </a:solidFill>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161924</xdr:colOff>
      <xdr:row>65</xdr:row>
      <xdr:rowOff>0</xdr:rowOff>
    </xdr:from>
    <xdr:to>
      <xdr:col>0</xdr:col>
      <xdr:colOff>341924</xdr:colOff>
      <xdr:row>66</xdr:row>
      <xdr:rowOff>5375</xdr:rowOff>
    </xdr:to>
    <xdr:sp macro="" textlink="">
      <xdr:nvSpPr>
        <xdr:cNvPr id="2" name="Oval 3">
          <a:extLst>
            <a:ext uri="{FF2B5EF4-FFF2-40B4-BE49-F238E27FC236}">
              <a16:creationId xmlns:a16="http://schemas.microsoft.com/office/drawing/2014/main" id="{00000000-0008-0000-0D00-000002000000}"/>
            </a:ext>
          </a:extLst>
        </xdr:cNvPr>
        <xdr:cNvSpPr>
          <a:spLocks noChangeArrowheads="1"/>
        </xdr:cNvSpPr>
      </xdr:nvSpPr>
      <xdr:spPr bwMode="auto">
        <a:xfrm>
          <a:off x="161924" y="9124950"/>
          <a:ext cx="180000" cy="176825"/>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現</a:t>
          </a:r>
        </a:p>
      </xdr:txBody>
    </xdr:sp>
    <xdr:clientData/>
  </xdr:twoCellAnchor>
  <xdr:twoCellAnchor>
    <xdr:from>
      <xdr:col>3</xdr:col>
      <xdr:colOff>261937</xdr:colOff>
      <xdr:row>64</xdr:row>
      <xdr:rowOff>39686</xdr:rowOff>
    </xdr:from>
    <xdr:to>
      <xdr:col>4</xdr:col>
      <xdr:colOff>13312</xdr:colOff>
      <xdr:row>66</xdr:row>
      <xdr:rowOff>5374</xdr:rowOff>
    </xdr:to>
    <xdr:sp macro="" textlink="">
      <xdr:nvSpPr>
        <xdr:cNvPr id="3" name="Oval 4">
          <a:extLst>
            <a:ext uri="{FF2B5EF4-FFF2-40B4-BE49-F238E27FC236}">
              <a16:creationId xmlns:a16="http://schemas.microsoft.com/office/drawing/2014/main" id="{00000000-0008-0000-0D00-000003000000}"/>
            </a:ext>
          </a:extLst>
        </xdr:cNvPr>
        <xdr:cNvSpPr>
          <a:spLocks noChangeArrowheads="1"/>
        </xdr:cNvSpPr>
      </xdr:nvSpPr>
      <xdr:spPr bwMode="auto">
        <a:xfrm>
          <a:off x="1471612" y="9126536"/>
          <a:ext cx="180000" cy="175238"/>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作</a:t>
          </a:r>
        </a:p>
      </xdr:txBody>
    </xdr:sp>
    <xdr:clientData/>
  </xdr:twoCellAnchor>
  <xdr:twoCellAnchor>
    <xdr:from>
      <xdr:col>9</xdr:col>
      <xdr:colOff>312738</xdr:colOff>
      <xdr:row>64</xdr:row>
      <xdr:rowOff>36513</xdr:rowOff>
    </xdr:from>
    <xdr:to>
      <xdr:col>9</xdr:col>
      <xdr:colOff>492738</xdr:colOff>
      <xdr:row>66</xdr:row>
      <xdr:rowOff>2201</xdr:rowOff>
    </xdr:to>
    <xdr:sp macro="" textlink="">
      <xdr:nvSpPr>
        <xdr:cNvPr id="4" name="Oval 5">
          <a:extLst>
            <a:ext uri="{FF2B5EF4-FFF2-40B4-BE49-F238E27FC236}">
              <a16:creationId xmlns:a16="http://schemas.microsoft.com/office/drawing/2014/main" id="{00000000-0008-0000-0D00-000004000000}"/>
            </a:ext>
          </a:extLst>
        </xdr:cNvPr>
        <xdr:cNvSpPr>
          <a:spLocks noChangeArrowheads="1"/>
        </xdr:cNvSpPr>
      </xdr:nvSpPr>
      <xdr:spPr bwMode="auto">
        <a:xfrm>
          <a:off x="3332163" y="9123363"/>
          <a:ext cx="180000" cy="175238"/>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女</a:t>
          </a:r>
        </a:p>
      </xdr:txBody>
    </xdr:sp>
    <xdr:clientData/>
  </xdr:twoCellAnchor>
  <xdr:twoCellAnchor>
    <xdr:from>
      <xdr:col>0</xdr:col>
      <xdr:colOff>161925</xdr:colOff>
      <xdr:row>67</xdr:row>
      <xdr:rowOff>134937</xdr:rowOff>
    </xdr:from>
    <xdr:to>
      <xdr:col>0</xdr:col>
      <xdr:colOff>341925</xdr:colOff>
      <xdr:row>68</xdr:row>
      <xdr:rowOff>172062</xdr:rowOff>
    </xdr:to>
    <xdr:sp macro="" textlink="">
      <xdr:nvSpPr>
        <xdr:cNvPr id="5" name="Oval 7">
          <a:extLst>
            <a:ext uri="{FF2B5EF4-FFF2-40B4-BE49-F238E27FC236}">
              <a16:creationId xmlns:a16="http://schemas.microsoft.com/office/drawing/2014/main" id="{00000000-0008-0000-0D00-000005000000}"/>
            </a:ext>
          </a:extLst>
        </xdr:cNvPr>
        <xdr:cNvSpPr>
          <a:spLocks noChangeArrowheads="1"/>
        </xdr:cNvSpPr>
      </xdr:nvSpPr>
      <xdr:spPr bwMode="auto">
        <a:xfrm>
          <a:off x="161925" y="9469437"/>
          <a:ext cx="180000" cy="18000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主</a:t>
          </a:r>
        </a:p>
      </xdr:txBody>
    </xdr:sp>
    <xdr:clientData/>
  </xdr:twoCellAnchor>
  <xdr:twoCellAnchor>
    <xdr:from>
      <xdr:col>3</xdr:col>
      <xdr:colOff>250824</xdr:colOff>
      <xdr:row>67</xdr:row>
      <xdr:rowOff>134938</xdr:rowOff>
    </xdr:from>
    <xdr:to>
      <xdr:col>4</xdr:col>
      <xdr:colOff>2199</xdr:colOff>
      <xdr:row>68</xdr:row>
      <xdr:rowOff>172063</xdr:rowOff>
    </xdr:to>
    <xdr:sp macro="" textlink="">
      <xdr:nvSpPr>
        <xdr:cNvPr id="6" name="Oval 8">
          <a:extLst>
            <a:ext uri="{FF2B5EF4-FFF2-40B4-BE49-F238E27FC236}">
              <a16:creationId xmlns:a16="http://schemas.microsoft.com/office/drawing/2014/main" id="{00000000-0008-0000-0D00-000006000000}"/>
            </a:ext>
          </a:extLst>
        </xdr:cNvPr>
        <xdr:cNvSpPr>
          <a:spLocks noChangeArrowheads="1"/>
        </xdr:cNvSpPr>
      </xdr:nvSpPr>
      <xdr:spPr bwMode="auto">
        <a:xfrm>
          <a:off x="1460499" y="9469438"/>
          <a:ext cx="180000" cy="18000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職</a:t>
          </a:r>
        </a:p>
      </xdr:txBody>
    </xdr:sp>
    <xdr:clientData/>
  </xdr:twoCellAnchor>
  <xdr:twoCellAnchor>
    <xdr:from>
      <xdr:col>7</xdr:col>
      <xdr:colOff>14288</xdr:colOff>
      <xdr:row>68</xdr:row>
      <xdr:rowOff>7937</xdr:rowOff>
    </xdr:from>
    <xdr:to>
      <xdr:col>7</xdr:col>
      <xdr:colOff>185737</xdr:colOff>
      <xdr:row>69</xdr:row>
      <xdr:rowOff>0</xdr:rowOff>
    </xdr:to>
    <xdr:sp macro="" textlink="">
      <xdr:nvSpPr>
        <xdr:cNvPr id="7" name="Oval 9">
          <a:extLst>
            <a:ext uri="{FF2B5EF4-FFF2-40B4-BE49-F238E27FC236}">
              <a16:creationId xmlns:a16="http://schemas.microsoft.com/office/drawing/2014/main" id="{00000000-0008-0000-0D00-000007000000}"/>
            </a:ext>
          </a:extLst>
        </xdr:cNvPr>
        <xdr:cNvSpPr>
          <a:spLocks noChangeArrowheads="1"/>
        </xdr:cNvSpPr>
      </xdr:nvSpPr>
      <xdr:spPr bwMode="auto">
        <a:xfrm>
          <a:off x="2481263" y="9485312"/>
          <a:ext cx="171449" cy="173038"/>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安</a:t>
          </a:r>
        </a:p>
      </xdr:txBody>
    </xdr:sp>
    <xdr:clientData/>
  </xdr:twoCellAnchor>
  <xdr:twoCellAnchor>
    <xdr:from>
      <xdr:col>10</xdr:col>
      <xdr:colOff>328611</xdr:colOff>
      <xdr:row>68</xdr:row>
      <xdr:rowOff>7937</xdr:rowOff>
    </xdr:from>
    <xdr:to>
      <xdr:col>11</xdr:col>
      <xdr:colOff>611</xdr:colOff>
      <xdr:row>69</xdr:row>
      <xdr:rowOff>9525</xdr:rowOff>
    </xdr:to>
    <xdr:sp macro="" textlink="">
      <xdr:nvSpPr>
        <xdr:cNvPr id="8" name="Oval 10">
          <a:extLst>
            <a:ext uri="{FF2B5EF4-FFF2-40B4-BE49-F238E27FC236}">
              <a16:creationId xmlns:a16="http://schemas.microsoft.com/office/drawing/2014/main" id="{00000000-0008-0000-0D00-000008000000}"/>
            </a:ext>
          </a:extLst>
        </xdr:cNvPr>
        <xdr:cNvSpPr>
          <a:spLocks noChangeArrowheads="1"/>
        </xdr:cNvSpPr>
      </xdr:nvSpPr>
      <xdr:spPr bwMode="auto">
        <a:xfrm>
          <a:off x="3852861" y="9485312"/>
          <a:ext cx="176825" cy="182563"/>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能</a:t>
          </a:r>
        </a:p>
      </xdr:txBody>
    </xdr:sp>
    <xdr:clientData/>
  </xdr:twoCellAnchor>
  <xdr:twoCellAnchor>
    <xdr:from>
      <xdr:col>0</xdr:col>
      <xdr:colOff>136525</xdr:colOff>
      <xdr:row>70</xdr:row>
      <xdr:rowOff>0</xdr:rowOff>
    </xdr:from>
    <xdr:to>
      <xdr:col>0</xdr:col>
      <xdr:colOff>316525</xdr:colOff>
      <xdr:row>71</xdr:row>
      <xdr:rowOff>8358</xdr:rowOff>
    </xdr:to>
    <xdr:sp macro="" textlink="">
      <xdr:nvSpPr>
        <xdr:cNvPr id="9" name="楕円 8">
          <a:extLst>
            <a:ext uri="{FF2B5EF4-FFF2-40B4-BE49-F238E27FC236}">
              <a16:creationId xmlns:a16="http://schemas.microsoft.com/office/drawing/2014/main" id="{00000000-0008-0000-0D00-000009000000}"/>
            </a:ext>
          </a:extLst>
        </xdr:cNvPr>
        <xdr:cNvSpPr>
          <a:spLocks noChangeAspect="1"/>
        </xdr:cNvSpPr>
      </xdr:nvSpPr>
      <xdr:spPr bwMode="auto">
        <a:xfrm>
          <a:off x="136525" y="9829800"/>
          <a:ext cx="180000" cy="179808"/>
        </a:xfrm>
        <a:prstGeom prst="ellipse">
          <a:avLst/>
        </a:prstGeom>
        <a:noFill/>
        <a:ln w="6350" cap="flat" cmpd="sng" algn="ctr">
          <a:solidFill>
            <a:srgbClr val="0C0000"/>
          </a:solidFill>
          <a:prstDash val="solid"/>
          <a:round/>
          <a:headEnd type="none" w="med" len="med"/>
          <a:tailEnd type="none" w="med" len="med"/>
        </a:ln>
        <a:effectLst/>
      </xdr:spPr>
      <xdr:txBody>
        <a:bodyPr vertOverflow="clip" horzOverflow="clip" wrap="square" lIns="0" tIns="0" rIns="0" bIns="0" rtlCol="0" anchor="ctr" anchorCtr="1" upright="1"/>
        <a:lstStyle/>
        <a:p>
          <a:pPr algn="l"/>
          <a:r>
            <a:rPr kumimoji="1" lang="ja-JP" altLang="en-US" sz="700">
              <a:latin typeface="ＭＳ Ｐゴシック" panose="020B0600070205080204" pitchFamily="50" charset="-128"/>
              <a:ea typeface="ＭＳ Ｐゴシック" panose="020B0600070205080204" pitchFamily="50" charset="-128"/>
            </a:rPr>
            <a:t>習</a:t>
          </a:r>
        </a:p>
      </xdr:txBody>
    </xdr:sp>
    <xdr:clientData/>
  </xdr:twoCellAnchor>
  <xdr:twoCellAnchor>
    <xdr:from>
      <xdr:col>4</xdr:col>
      <xdr:colOff>215899</xdr:colOff>
      <xdr:row>69</xdr:row>
      <xdr:rowOff>159875</xdr:rowOff>
    </xdr:from>
    <xdr:to>
      <xdr:col>4</xdr:col>
      <xdr:colOff>395899</xdr:colOff>
      <xdr:row>70</xdr:row>
      <xdr:rowOff>169789</xdr:rowOff>
    </xdr:to>
    <xdr:sp macro="" textlink="">
      <xdr:nvSpPr>
        <xdr:cNvPr id="10" name="楕円 9">
          <a:extLst>
            <a:ext uri="{FF2B5EF4-FFF2-40B4-BE49-F238E27FC236}">
              <a16:creationId xmlns:a16="http://schemas.microsoft.com/office/drawing/2014/main" id="{00000000-0008-0000-0D00-00000A000000}"/>
            </a:ext>
          </a:extLst>
        </xdr:cNvPr>
        <xdr:cNvSpPr>
          <a:spLocks noChangeAspect="1"/>
        </xdr:cNvSpPr>
      </xdr:nvSpPr>
      <xdr:spPr bwMode="auto">
        <a:xfrm>
          <a:off x="1854199" y="9818225"/>
          <a:ext cx="180000" cy="181364"/>
        </a:xfrm>
        <a:prstGeom prst="ellipse">
          <a:avLst/>
        </a:prstGeom>
        <a:noFill/>
        <a:ln w="6350" cap="flat" cmpd="sng" algn="ctr">
          <a:solidFill>
            <a:srgbClr val="0C0000"/>
          </a:solidFill>
          <a:prstDash val="solid"/>
          <a:round/>
          <a:headEnd type="none" w="med" len="med"/>
          <a:tailEnd type="none" w="med" len="med"/>
        </a:ln>
        <a:effectLst/>
      </xdr:spPr>
      <xdr:txBody>
        <a:bodyPr vertOverflow="clip" horzOverflow="clip" wrap="square" lIns="0" tIns="0" rIns="0" bIns="0" rtlCol="0" anchor="ctr" anchorCtr="1" upright="1"/>
        <a:lstStyle/>
        <a:p>
          <a:pPr algn="l"/>
          <a:r>
            <a:rPr kumimoji="1" lang="ja-JP" altLang="en-US" sz="700">
              <a:latin typeface="ＭＳ Ｐゴシック" panose="020B0600070205080204" pitchFamily="50" charset="-128"/>
              <a:ea typeface="ＭＳ Ｐゴシック" panose="020B0600070205080204" pitchFamily="50" charset="-128"/>
            </a:rPr>
            <a:t>就</a:t>
          </a:r>
        </a:p>
      </xdr:txBody>
    </xdr:sp>
    <xdr:clientData/>
  </xdr:twoCellAnchor>
  <xdr:twoCellAnchor>
    <xdr:from>
      <xdr:col>10</xdr:col>
      <xdr:colOff>95250</xdr:colOff>
      <xdr:row>70</xdr:row>
      <xdr:rowOff>7938</xdr:rowOff>
    </xdr:from>
    <xdr:to>
      <xdr:col>10</xdr:col>
      <xdr:colOff>455250</xdr:colOff>
      <xdr:row>70</xdr:row>
      <xdr:rowOff>156173</xdr:rowOff>
    </xdr:to>
    <xdr:sp macro="" textlink="">
      <xdr:nvSpPr>
        <xdr:cNvPr id="11" name="楕円 10">
          <a:extLst>
            <a:ext uri="{FF2B5EF4-FFF2-40B4-BE49-F238E27FC236}">
              <a16:creationId xmlns:a16="http://schemas.microsoft.com/office/drawing/2014/main" id="{00000000-0008-0000-0D00-00000B000000}"/>
            </a:ext>
          </a:extLst>
        </xdr:cNvPr>
        <xdr:cNvSpPr>
          <a:spLocks noChangeAspect="1"/>
        </xdr:cNvSpPr>
      </xdr:nvSpPr>
      <xdr:spPr bwMode="auto">
        <a:xfrm>
          <a:off x="3619500" y="9837738"/>
          <a:ext cx="360000" cy="148235"/>
        </a:xfrm>
        <a:prstGeom prst="ellipse">
          <a:avLst/>
        </a:prstGeom>
        <a:noFill/>
        <a:ln w="6350" cap="flat" cmpd="sng" algn="ctr">
          <a:solidFill>
            <a:srgbClr val="0C0000"/>
          </a:solidFill>
          <a:prstDash val="solid"/>
          <a:round/>
          <a:headEnd type="none" w="med" len="med"/>
          <a:tailEnd type="none" w="med" len="med"/>
        </a:ln>
        <a:effectLst/>
      </xdr:spPr>
      <xdr:txBody>
        <a:bodyPr vertOverflow="clip" horzOverflow="clip" wrap="square" lIns="0" tIns="0" rIns="0" bIns="0" rtlCol="0" anchor="ctr" anchorCtr="1" upright="1"/>
        <a:lstStyle/>
        <a:p>
          <a:pPr algn="l"/>
          <a:r>
            <a:rPr kumimoji="1" lang="ja-JP" altLang="en-US" sz="700">
              <a:latin typeface="ＭＳ Ｐゴシック" panose="020B0600070205080204" pitchFamily="50" charset="-128"/>
              <a:ea typeface="ＭＳ Ｐゴシック" panose="020B0600070205080204" pitchFamily="50" charset="-128"/>
            </a:rPr>
            <a:t>１特</a:t>
          </a:r>
          <a:endParaRPr kumimoji="1" lang="en-US" altLang="ja-JP" sz="700">
            <a:latin typeface="ＭＳ Ｐゴシック" panose="020B0600070205080204" pitchFamily="50" charset="-128"/>
            <a:ea typeface="ＭＳ Ｐゴシック" panose="020B0600070205080204" pitchFamily="50" charset="-128"/>
          </a:endParaRPr>
        </a:p>
      </xdr:txBody>
    </xdr:sp>
    <xdr:clientData/>
  </xdr:twoCellAnchor>
  <xdr:twoCellAnchor>
    <xdr:from>
      <xdr:col>12</xdr:col>
      <xdr:colOff>123832</xdr:colOff>
      <xdr:row>64</xdr:row>
      <xdr:rowOff>38101</xdr:rowOff>
    </xdr:from>
    <xdr:to>
      <xdr:col>12</xdr:col>
      <xdr:colOff>303832</xdr:colOff>
      <xdr:row>66</xdr:row>
      <xdr:rowOff>3789</xdr:rowOff>
    </xdr:to>
    <xdr:sp macro="" textlink="">
      <xdr:nvSpPr>
        <xdr:cNvPr id="12" name="Oval 5">
          <a:extLst>
            <a:ext uri="{FF2B5EF4-FFF2-40B4-BE49-F238E27FC236}">
              <a16:creationId xmlns:a16="http://schemas.microsoft.com/office/drawing/2014/main" id="{00000000-0008-0000-0D00-00000C000000}"/>
            </a:ext>
          </a:extLst>
        </xdr:cNvPr>
        <xdr:cNvSpPr>
          <a:spLocks noChangeArrowheads="1"/>
        </xdr:cNvSpPr>
      </xdr:nvSpPr>
      <xdr:spPr bwMode="auto">
        <a:xfrm>
          <a:off x="4657732" y="9124951"/>
          <a:ext cx="180000" cy="175238"/>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未</a:t>
          </a:r>
        </a:p>
      </xdr:txBody>
    </xdr:sp>
    <xdr:clientData/>
  </xdr:twoCellAnchor>
  <xdr:twoCellAnchor>
    <xdr:from>
      <xdr:col>12</xdr:col>
      <xdr:colOff>873124</xdr:colOff>
      <xdr:row>68</xdr:row>
      <xdr:rowOff>15874</xdr:rowOff>
    </xdr:from>
    <xdr:to>
      <xdr:col>13</xdr:col>
      <xdr:colOff>21249</xdr:colOff>
      <xdr:row>69</xdr:row>
      <xdr:rowOff>17462</xdr:rowOff>
    </xdr:to>
    <xdr:sp macro="" textlink="">
      <xdr:nvSpPr>
        <xdr:cNvPr id="13" name="Oval 10">
          <a:extLst>
            <a:ext uri="{FF2B5EF4-FFF2-40B4-BE49-F238E27FC236}">
              <a16:creationId xmlns:a16="http://schemas.microsoft.com/office/drawing/2014/main" id="{00000000-0008-0000-0D00-00000D000000}"/>
            </a:ext>
          </a:extLst>
        </xdr:cNvPr>
        <xdr:cNvSpPr>
          <a:spLocks noChangeArrowheads="1"/>
        </xdr:cNvSpPr>
      </xdr:nvSpPr>
      <xdr:spPr bwMode="auto">
        <a:xfrm>
          <a:off x="5407024" y="9493249"/>
          <a:ext cx="176825" cy="182563"/>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再</a:t>
          </a:r>
        </a:p>
      </xdr:txBody>
    </xdr:sp>
    <xdr:clientData/>
  </xdr:twoCellAnchor>
  <xdr:twoCellAnchor>
    <xdr:from>
      <xdr:col>21</xdr:col>
      <xdr:colOff>228601</xdr:colOff>
      <xdr:row>0</xdr:row>
      <xdr:rowOff>0</xdr:rowOff>
    </xdr:from>
    <xdr:to>
      <xdr:col>24</xdr:col>
      <xdr:colOff>885826</xdr:colOff>
      <xdr:row>0</xdr:row>
      <xdr:rowOff>266700</xdr:rowOff>
    </xdr:to>
    <xdr:sp macro="" textlink="">
      <xdr:nvSpPr>
        <xdr:cNvPr id="15" name="テキスト ボックス 14">
          <a:extLst>
            <a:ext uri="{FF2B5EF4-FFF2-40B4-BE49-F238E27FC236}">
              <a16:creationId xmlns:a16="http://schemas.microsoft.com/office/drawing/2014/main" id="{00000000-0008-0000-0D00-00000F000000}"/>
            </a:ext>
          </a:extLst>
        </xdr:cNvPr>
        <xdr:cNvSpPr txBox="1"/>
      </xdr:nvSpPr>
      <xdr:spPr>
        <a:xfrm>
          <a:off x="10648951" y="0"/>
          <a:ext cx="3771900" cy="266700"/>
        </a:xfrm>
        <a:prstGeom prst="rect">
          <a:avLst/>
        </a:prstGeom>
        <a:noFill/>
        <a:ln w="25400"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r"/>
          <a:r>
            <a:rPr kumimoji="1" lang="en-US" altLang="ja-JP" sz="1400" b="1">
              <a:solidFill>
                <a:schemeClr val="tx1"/>
              </a:solidFill>
            </a:rPr>
            <a:t>※</a:t>
          </a:r>
          <a:r>
            <a:rPr kumimoji="1" lang="ja-JP" altLang="en-US" sz="1400" b="1">
              <a:solidFill>
                <a:schemeClr val="tx1"/>
              </a:solidFill>
            </a:rPr>
            <a:t> 国交省 建設業課 ＨＰ に掲載の作成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54</xdr:col>
      <xdr:colOff>9525</xdr:colOff>
      <xdr:row>3</xdr:row>
      <xdr:rowOff>95251</xdr:rowOff>
    </xdr:from>
    <xdr:to>
      <xdr:col>84</xdr:col>
      <xdr:colOff>95249</xdr:colOff>
      <xdr:row>7</xdr:row>
      <xdr:rowOff>57151</xdr:rowOff>
    </xdr:to>
    <xdr:sp macro="" textlink="">
      <xdr:nvSpPr>
        <xdr:cNvPr id="2" name="テキスト ボックス 1">
          <a:extLst>
            <a:ext uri="{FF2B5EF4-FFF2-40B4-BE49-F238E27FC236}">
              <a16:creationId xmlns:a16="http://schemas.microsoft.com/office/drawing/2014/main" id="{00000000-0008-0000-0E00-000002000000}"/>
            </a:ext>
          </a:extLst>
        </xdr:cNvPr>
        <xdr:cNvSpPr txBox="1"/>
      </xdr:nvSpPr>
      <xdr:spPr>
        <a:xfrm>
          <a:off x="10525125" y="438151"/>
          <a:ext cx="4743449" cy="419100"/>
        </a:xfrm>
        <a:prstGeom prst="rect">
          <a:avLst/>
        </a:prstGeom>
        <a:noFill/>
        <a:ln w="25400"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r"/>
          <a:r>
            <a:rPr kumimoji="1" lang="en-US" altLang="ja-JP" sz="1200" b="1">
              <a:solidFill>
                <a:schemeClr val="tx1"/>
              </a:solidFill>
            </a:rPr>
            <a:t>※</a:t>
          </a:r>
          <a:r>
            <a:rPr kumimoji="1" lang="ja-JP" altLang="en-US" sz="1200" b="1">
              <a:solidFill>
                <a:schemeClr val="tx1"/>
              </a:solidFill>
            </a:rPr>
            <a:t> 建設キャリアアップシステムにより出力される作成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137160</xdr:colOff>
      <xdr:row>21</xdr:row>
      <xdr:rowOff>76200</xdr:rowOff>
    </xdr:from>
    <xdr:to>
      <xdr:col>36</xdr:col>
      <xdr:colOff>0</xdr:colOff>
      <xdr:row>25</xdr:row>
      <xdr:rowOff>259080</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350520" y="6469380"/>
          <a:ext cx="14790420" cy="1630680"/>
        </a:xfrm>
        <a:prstGeom prst="rect">
          <a:avLst/>
        </a:prstGeom>
        <a:solidFill>
          <a:schemeClr val="lt1"/>
        </a:solidFill>
        <a:ln w="19050" cmpd="sng">
          <a:solidFill>
            <a:srgbClr val="FF0000"/>
          </a:solidFill>
          <a:prstDash val="dash"/>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400" b="0" i="0" u="none" strike="noStrike" baseline="0">
              <a:solidFill>
                <a:srgbClr val="FF0000"/>
              </a:solidFill>
              <a:latin typeface="+mn-ea"/>
              <a:ea typeface="+mn-ea"/>
              <a:cs typeface="+mn-cs"/>
            </a:rPr>
            <a:t>　・建設業許可の写し</a:t>
          </a:r>
          <a:endParaRPr lang="en-US" altLang="ja-JP" sz="1400" b="0" i="0" u="none" strike="noStrike" baseline="0">
            <a:solidFill>
              <a:srgbClr val="FF0000"/>
            </a:solidFill>
            <a:latin typeface="+mn-ea"/>
            <a:ea typeface="+mn-ea"/>
            <a:cs typeface="+mn-cs"/>
          </a:endParaRPr>
        </a:p>
        <a:p>
          <a:r>
            <a:rPr lang="ja-JP" altLang="en-US" sz="1400" b="0" i="0" u="none" strike="noStrike" baseline="0">
              <a:solidFill>
                <a:srgbClr val="FF0000"/>
              </a:solidFill>
              <a:latin typeface="+mn-ea"/>
              <a:ea typeface="+mn-ea"/>
              <a:cs typeface="+mn-cs"/>
            </a:rPr>
            <a:t>　・請負会社の厚生年金保険や雇用保険加入を証明するものの写し</a:t>
          </a:r>
          <a:endParaRPr lang="en-US" altLang="ja-JP" sz="1400" b="0" i="0" u="none" strike="noStrike" baseline="0">
            <a:solidFill>
              <a:srgbClr val="FF0000"/>
            </a:solidFill>
            <a:latin typeface="+mn-ea"/>
            <a:ea typeface="+mn-ea"/>
            <a:cs typeface="+mn-cs"/>
          </a:endParaRPr>
        </a:p>
        <a:p>
          <a:r>
            <a:rPr lang="ja-JP" altLang="en-US" sz="1400" b="0" i="0" u="none" strike="noStrike" baseline="0">
              <a:solidFill>
                <a:srgbClr val="FF0000"/>
              </a:solidFill>
              <a:latin typeface="+mn-ea"/>
              <a:ea typeface="+mn-ea"/>
              <a:cs typeface="+mn-cs"/>
            </a:rPr>
            <a:t>　・監理技術者などの技術者届の写し</a:t>
          </a:r>
          <a:endParaRPr lang="en-US" altLang="ja-JP" sz="1400" b="0" i="0" u="none" strike="noStrike" baseline="0">
            <a:solidFill>
              <a:srgbClr val="FF0000"/>
            </a:solidFill>
            <a:latin typeface="+mn-ea"/>
            <a:ea typeface="+mn-ea"/>
            <a:cs typeface="+mn-cs"/>
          </a:endParaRPr>
        </a:p>
        <a:p>
          <a:r>
            <a:rPr lang="ja-JP" altLang="en-US" sz="1400" b="0" i="0" u="none" strike="noStrike" baseline="0">
              <a:solidFill>
                <a:srgbClr val="FF0000"/>
              </a:solidFill>
              <a:latin typeface="+mn-ea"/>
              <a:ea typeface="+mn-ea"/>
              <a:cs typeface="+mn-cs"/>
            </a:rPr>
            <a:t>　・見積依頼書及び見積書（契約書の一部である場合を除く）</a:t>
          </a:r>
          <a:endParaRPr lang="en-US" altLang="ja-JP" sz="1400" b="0" i="0" u="none" strike="noStrike" baseline="0">
            <a:solidFill>
              <a:srgbClr val="FF0000"/>
            </a:solidFill>
            <a:latin typeface="+mn-ea"/>
            <a:ea typeface="+mn-ea"/>
            <a:cs typeface="+mn-cs"/>
          </a:endParaRPr>
        </a:p>
        <a:p>
          <a:r>
            <a:rPr lang="ja-JP" altLang="en-US" sz="1400" b="0" i="0" u="none" strike="noStrike" baseline="0">
              <a:solidFill>
                <a:srgbClr val="FF0000"/>
              </a:solidFill>
              <a:latin typeface="+mn-ea"/>
              <a:ea typeface="+mn-ea"/>
              <a:cs typeface="+mn-cs"/>
            </a:rPr>
            <a:t>　・技術者配置要件</a:t>
          </a:r>
          <a:r>
            <a:rPr lang="ja-JP" altLang="en-US" sz="1400" b="0" i="0" u="sng" strike="noStrike" baseline="0">
              <a:solidFill>
                <a:srgbClr val="FF0000"/>
              </a:solidFill>
              <a:latin typeface="+mn-ea"/>
              <a:ea typeface="+mn-ea"/>
              <a:cs typeface="+mn-cs"/>
            </a:rPr>
            <a:t>以外</a:t>
          </a:r>
          <a:r>
            <a:rPr lang="ja-JP" altLang="en-US" sz="1400" b="0" i="0" u="none" strike="noStrike" baseline="0">
              <a:solidFill>
                <a:srgbClr val="FF0000"/>
              </a:solidFill>
              <a:latin typeface="+mn-ea"/>
              <a:ea typeface="+mn-ea"/>
              <a:cs typeface="+mn-cs"/>
            </a:rPr>
            <a:t>の資格や実務履歴の写し</a:t>
          </a:r>
          <a:endParaRPr lang="en-US" altLang="ja-JP" sz="1400" b="0" i="0" u="none" strike="noStrike" baseline="0">
            <a:solidFill>
              <a:srgbClr val="FF0000"/>
            </a:solidFill>
            <a:latin typeface="+mn-ea"/>
            <a:ea typeface="+mn-ea"/>
            <a:cs typeface="+mn-cs"/>
          </a:endParaRPr>
        </a:p>
        <a:p>
          <a:r>
            <a:rPr lang="ja-JP" altLang="en-US" sz="1400" b="0" i="0" u="none" strike="noStrike" baseline="0">
              <a:solidFill>
                <a:srgbClr val="FF0000"/>
              </a:solidFill>
              <a:latin typeface="+mn-ea"/>
              <a:ea typeface="+mn-ea"/>
              <a:cs typeface="+mn-cs"/>
            </a:rPr>
            <a:t>　・外国人就労者関係の書類（外国人建設就労者等建設現場入場届出書等）</a:t>
          </a:r>
          <a:endParaRPr lang="en-US" altLang="ja-JP" sz="1400" b="0" i="0" u="none" strike="noStrike" baseline="0">
            <a:solidFill>
              <a:srgbClr val="FF0000"/>
            </a:solidFill>
            <a:latin typeface="+mn-ea"/>
            <a:ea typeface="+mn-ea"/>
            <a:cs typeface="+mn-cs"/>
          </a:endParaRPr>
        </a:p>
        <a:p>
          <a:endParaRPr lang="ja-JP" altLang="en-US" sz="1400" b="0" i="0" u="none" strike="noStrike" baseline="0">
            <a:solidFill>
              <a:schemeClr val="dk1"/>
            </a:solidFill>
            <a:latin typeface="+mn-ea"/>
            <a:ea typeface="+mn-ea"/>
            <a:cs typeface="+mn-cs"/>
          </a:endParaRPr>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5400</xdr:colOff>
          <xdr:row>7</xdr:row>
          <xdr:rowOff>44450</xdr:rowOff>
        </xdr:from>
        <xdr:to>
          <xdr:col>4</xdr:col>
          <xdr:colOff>273050</xdr:colOff>
          <xdr:row>8</xdr:row>
          <xdr:rowOff>0</xdr:rowOff>
        </xdr:to>
        <xdr:sp macro="" textlink="">
          <xdr:nvSpPr>
            <xdr:cNvPr id="28673" name="Check Box 1" hidden="1">
              <a:extLst>
                <a:ext uri="{63B3BB69-23CF-44E3-9099-C40C66FF867C}">
                  <a14:compatExt spid="_x0000_s28673"/>
                </a:ext>
                <a:ext uri="{FF2B5EF4-FFF2-40B4-BE49-F238E27FC236}">
                  <a16:creationId xmlns:a16="http://schemas.microsoft.com/office/drawing/2014/main" id="{00000000-0008-0000-0300-000001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8</xdr:row>
          <xdr:rowOff>44450</xdr:rowOff>
        </xdr:from>
        <xdr:to>
          <xdr:col>4</xdr:col>
          <xdr:colOff>273050</xdr:colOff>
          <xdr:row>9</xdr:row>
          <xdr:rowOff>0</xdr:rowOff>
        </xdr:to>
        <xdr:sp macro="" textlink="">
          <xdr:nvSpPr>
            <xdr:cNvPr id="28674" name="Check Box 2" hidden="1">
              <a:extLst>
                <a:ext uri="{63B3BB69-23CF-44E3-9099-C40C66FF867C}">
                  <a14:compatExt spid="_x0000_s28674"/>
                </a:ext>
                <a:ext uri="{FF2B5EF4-FFF2-40B4-BE49-F238E27FC236}">
                  <a16:creationId xmlns:a16="http://schemas.microsoft.com/office/drawing/2014/main" id="{00000000-0008-0000-0300-000002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9</xdr:row>
          <xdr:rowOff>44450</xdr:rowOff>
        </xdr:from>
        <xdr:to>
          <xdr:col>4</xdr:col>
          <xdr:colOff>273050</xdr:colOff>
          <xdr:row>10</xdr:row>
          <xdr:rowOff>0</xdr:rowOff>
        </xdr:to>
        <xdr:sp macro="" textlink="">
          <xdr:nvSpPr>
            <xdr:cNvPr id="28675" name="Check Box 3" hidden="1">
              <a:extLst>
                <a:ext uri="{63B3BB69-23CF-44E3-9099-C40C66FF867C}">
                  <a14:compatExt spid="_x0000_s28675"/>
                </a:ext>
                <a:ext uri="{FF2B5EF4-FFF2-40B4-BE49-F238E27FC236}">
                  <a16:creationId xmlns:a16="http://schemas.microsoft.com/office/drawing/2014/main" id="{00000000-0008-0000-0300-000003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10</xdr:row>
          <xdr:rowOff>44450</xdr:rowOff>
        </xdr:from>
        <xdr:to>
          <xdr:col>4</xdr:col>
          <xdr:colOff>273050</xdr:colOff>
          <xdr:row>11</xdr:row>
          <xdr:rowOff>0</xdr:rowOff>
        </xdr:to>
        <xdr:sp macro="" textlink="">
          <xdr:nvSpPr>
            <xdr:cNvPr id="28676" name="Check Box 4" hidden="1">
              <a:extLst>
                <a:ext uri="{63B3BB69-23CF-44E3-9099-C40C66FF867C}">
                  <a14:compatExt spid="_x0000_s28676"/>
                </a:ext>
                <a:ext uri="{FF2B5EF4-FFF2-40B4-BE49-F238E27FC236}">
                  <a16:creationId xmlns:a16="http://schemas.microsoft.com/office/drawing/2014/main" id="{00000000-0008-0000-0300-000004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12</xdr:row>
          <xdr:rowOff>44450</xdr:rowOff>
        </xdr:from>
        <xdr:to>
          <xdr:col>4</xdr:col>
          <xdr:colOff>273050</xdr:colOff>
          <xdr:row>13</xdr:row>
          <xdr:rowOff>0</xdr:rowOff>
        </xdr:to>
        <xdr:sp macro="" textlink="">
          <xdr:nvSpPr>
            <xdr:cNvPr id="28677" name="Check Box 5" hidden="1">
              <a:extLst>
                <a:ext uri="{63B3BB69-23CF-44E3-9099-C40C66FF867C}">
                  <a14:compatExt spid="_x0000_s28677"/>
                </a:ext>
                <a:ext uri="{FF2B5EF4-FFF2-40B4-BE49-F238E27FC236}">
                  <a16:creationId xmlns:a16="http://schemas.microsoft.com/office/drawing/2014/main" id="{00000000-0008-0000-0300-000005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15</xdr:row>
          <xdr:rowOff>44450</xdr:rowOff>
        </xdr:from>
        <xdr:to>
          <xdr:col>4</xdr:col>
          <xdr:colOff>273050</xdr:colOff>
          <xdr:row>16</xdr:row>
          <xdr:rowOff>0</xdr:rowOff>
        </xdr:to>
        <xdr:sp macro="" textlink="">
          <xdr:nvSpPr>
            <xdr:cNvPr id="28678" name="Check Box 6" hidden="1">
              <a:extLst>
                <a:ext uri="{63B3BB69-23CF-44E3-9099-C40C66FF867C}">
                  <a14:compatExt spid="_x0000_s28678"/>
                </a:ext>
                <a:ext uri="{FF2B5EF4-FFF2-40B4-BE49-F238E27FC236}">
                  <a16:creationId xmlns:a16="http://schemas.microsoft.com/office/drawing/2014/main" id="{00000000-0008-0000-0300-000006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18</xdr:row>
          <xdr:rowOff>44450</xdr:rowOff>
        </xdr:from>
        <xdr:to>
          <xdr:col>4</xdr:col>
          <xdr:colOff>273050</xdr:colOff>
          <xdr:row>19</xdr:row>
          <xdr:rowOff>0</xdr:rowOff>
        </xdr:to>
        <xdr:sp macro="" textlink="">
          <xdr:nvSpPr>
            <xdr:cNvPr id="28679" name="Check Box 7" hidden="1">
              <a:extLst>
                <a:ext uri="{63B3BB69-23CF-44E3-9099-C40C66FF867C}">
                  <a14:compatExt spid="_x0000_s28679"/>
                </a:ext>
                <a:ext uri="{FF2B5EF4-FFF2-40B4-BE49-F238E27FC236}">
                  <a16:creationId xmlns:a16="http://schemas.microsoft.com/office/drawing/2014/main" id="{00000000-0008-0000-0300-000007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20</xdr:row>
          <xdr:rowOff>44450</xdr:rowOff>
        </xdr:from>
        <xdr:to>
          <xdr:col>4</xdr:col>
          <xdr:colOff>273050</xdr:colOff>
          <xdr:row>21</xdr:row>
          <xdr:rowOff>0</xdr:rowOff>
        </xdr:to>
        <xdr:sp macro="" textlink="">
          <xdr:nvSpPr>
            <xdr:cNvPr id="28680" name="Check Box 8" hidden="1">
              <a:extLst>
                <a:ext uri="{63B3BB69-23CF-44E3-9099-C40C66FF867C}">
                  <a14:compatExt spid="_x0000_s28680"/>
                </a:ext>
                <a:ext uri="{FF2B5EF4-FFF2-40B4-BE49-F238E27FC236}">
                  <a16:creationId xmlns:a16="http://schemas.microsoft.com/office/drawing/2014/main" id="{00000000-0008-0000-0300-000008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22</xdr:row>
          <xdr:rowOff>44450</xdr:rowOff>
        </xdr:from>
        <xdr:to>
          <xdr:col>4</xdr:col>
          <xdr:colOff>273050</xdr:colOff>
          <xdr:row>23</xdr:row>
          <xdr:rowOff>0</xdr:rowOff>
        </xdr:to>
        <xdr:sp macro="" textlink="">
          <xdr:nvSpPr>
            <xdr:cNvPr id="28681" name="Check Box 9" hidden="1">
              <a:extLst>
                <a:ext uri="{63B3BB69-23CF-44E3-9099-C40C66FF867C}">
                  <a14:compatExt spid="_x0000_s28681"/>
                </a:ext>
                <a:ext uri="{FF2B5EF4-FFF2-40B4-BE49-F238E27FC236}">
                  <a16:creationId xmlns:a16="http://schemas.microsoft.com/office/drawing/2014/main" id="{00000000-0008-0000-0300-000009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24</xdr:row>
          <xdr:rowOff>44450</xdr:rowOff>
        </xdr:from>
        <xdr:to>
          <xdr:col>4</xdr:col>
          <xdr:colOff>273050</xdr:colOff>
          <xdr:row>25</xdr:row>
          <xdr:rowOff>0</xdr:rowOff>
        </xdr:to>
        <xdr:sp macro="" textlink="">
          <xdr:nvSpPr>
            <xdr:cNvPr id="28682" name="Check Box 10" hidden="1">
              <a:extLst>
                <a:ext uri="{63B3BB69-23CF-44E3-9099-C40C66FF867C}">
                  <a14:compatExt spid="_x0000_s28682"/>
                </a:ext>
                <a:ext uri="{FF2B5EF4-FFF2-40B4-BE49-F238E27FC236}">
                  <a16:creationId xmlns:a16="http://schemas.microsoft.com/office/drawing/2014/main" id="{00000000-0008-0000-0300-00000A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27</xdr:row>
          <xdr:rowOff>44450</xdr:rowOff>
        </xdr:from>
        <xdr:to>
          <xdr:col>4</xdr:col>
          <xdr:colOff>273050</xdr:colOff>
          <xdr:row>28</xdr:row>
          <xdr:rowOff>0</xdr:rowOff>
        </xdr:to>
        <xdr:sp macro="" textlink="">
          <xdr:nvSpPr>
            <xdr:cNvPr id="28683" name="Check Box 11" hidden="1">
              <a:extLst>
                <a:ext uri="{63B3BB69-23CF-44E3-9099-C40C66FF867C}">
                  <a14:compatExt spid="_x0000_s28683"/>
                </a:ext>
                <a:ext uri="{FF2B5EF4-FFF2-40B4-BE49-F238E27FC236}">
                  <a16:creationId xmlns:a16="http://schemas.microsoft.com/office/drawing/2014/main" id="{00000000-0008-0000-0300-00000B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29</xdr:row>
          <xdr:rowOff>44450</xdr:rowOff>
        </xdr:from>
        <xdr:to>
          <xdr:col>4</xdr:col>
          <xdr:colOff>273050</xdr:colOff>
          <xdr:row>30</xdr:row>
          <xdr:rowOff>0</xdr:rowOff>
        </xdr:to>
        <xdr:sp macro="" textlink="">
          <xdr:nvSpPr>
            <xdr:cNvPr id="28684" name="Check Box 12" hidden="1">
              <a:extLst>
                <a:ext uri="{63B3BB69-23CF-44E3-9099-C40C66FF867C}">
                  <a14:compatExt spid="_x0000_s28684"/>
                </a:ext>
                <a:ext uri="{FF2B5EF4-FFF2-40B4-BE49-F238E27FC236}">
                  <a16:creationId xmlns:a16="http://schemas.microsoft.com/office/drawing/2014/main" id="{00000000-0008-0000-0300-00000C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31</xdr:row>
          <xdr:rowOff>44450</xdr:rowOff>
        </xdr:from>
        <xdr:to>
          <xdr:col>4</xdr:col>
          <xdr:colOff>273050</xdr:colOff>
          <xdr:row>32</xdr:row>
          <xdr:rowOff>0</xdr:rowOff>
        </xdr:to>
        <xdr:sp macro="" textlink="">
          <xdr:nvSpPr>
            <xdr:cNvPr id="28685" name="Check Box 13" hidden="1">
              <a:extLst>
                <a:ext uri="{63B3BB69-23CF-44E3-9099-C40C66FF867C}">
                  <a14:compatExt spid="_x0000_s28685"/>
                </a:ext>
                <a:ext uri="{FF2B5EF4-FFF2-40B4-BE49-F238E27FC236}">
                  <a16:creationId xmlns:a16="http://schemas.microsoft.com/office/drawing/2014/main" id="{00000000-0008-0000-0300-00000D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400</xdr:colOff>
          <xdr:row>17</xdr:row>
          <xdr:rowOff>44450</xdr:rowOff>
        </xdr:from>
        <xdr:to>
          <xdr:col>4</xdr:col>
          <xdr:colOff>273050</xdr:colOff>
          <xdr:row>18</xdr:row>
          <xdr:rowOff>0</xdr:rowOff>
        </xdr:to>
        <xdr:sp macro="" textlink="">
          <xdr:nvSpPr>
            <xdr:cNvPr id="28686" name="Check Box 14" hidden="1">
              <a:extLst>
                <a:ext uri="{63B3BB69-23CF-44E3-9099-C40C66FF867C}">
                  <a14:compatExt spid="_x0000_s28686"/>
                </a:ext>
                <a:ext uri="{FF2B5EF4-FFF2-40B4-BE49-F238E27FC236}">
                  <a16:creationId xmlns:a16="http://schemas.microsoft.com/office/drawing/2014/main" id="{00000000-0008-0000-0300-00000E7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xdr:twoCellAnchor>
    <xdr:from>
      <xdr:col>7</xdr:col>
      <xdr:colOff>104775</xdr:colOff>
      <xdr:row>23</xdr:row>
      <xdr:rowOff>66673</xdr:rowOff>
    </xdr:from>
    <xdr:to>
      <xdr:col>20</xdr:col>
      <xdr:colOff>619125</xdr:colOff>
      <xdr:row>36</xdr:row>
      <xdr:rowOff>56972</xdr:rowOff>
    </xdr:to>
    <xdr:grpSp>
      <xdr:nvGrpSpPr>
        <xdr:cNvPr id="47456" name="Group 43">
          <a:extLst>
            <a:ext uri="{FF2B5EF4-FFF2-40B4-BE49-F238E27FC236}">
              <a16:creationId xmlns:a16="http://schemas.microsoft.com/office/drawing/2014/main" id="{00000000-0008-0000-0400-000060B90000}"/>
            </a:ext>
          </a:extLst>
        </xdr:cNvPr>
        <xdr:cNvGrpSpPr>
          <a:grpSpLocks/>
        </xdr:cNvGrpSpPr>
      </xdr:nvGrpSpPr>
      <xdr:grpSpPr bwMode="auto">
        <a:xfrm>
          <a:off x="2168525" y="4943473"/>
          <a:ext cx="8248650" cy="2028649"/>
          <a:chOff x="248" y="1212"/>
          <a:chExt cx="860" cy="219"/>
        </a:xfrm>
      </xdr:grpSpPr>
      <xdr:grpSp>
        <xdr:nvGrpSpPr>
          <xdr:cNvPr id="47459" name="Group 7">
            <a:extLst>
              <a:ext uri="{FF2B5EF4-FFF2-40B4-BE49-F238E27FC236}">
                <a16:creationId xmlns:a16="http://schemas.microsoft.com/office/drawing/2014/main" id="{00000000-0008-0000-0400-000063B90000}"/>
              </a:ext>
            </a:extLst>
          </xdr:cNvPr>
          <xdr:cNvGrpSpPr>
            <a:grpSpLocks/>
          </xdr:cNvGrpSpPr>
        </xdr:nvGrpSpPr>
        <xdr:grpSpPr bwMode="auto">
          <a:xfrm>
            <a:off x="248" y="1212"/>
            <a:ext cx="860" cy="205"/>
            <a:chOff x="1841" y="2927"/>
            <a:chExt cx="12900" cy="3067"/>
          </a:xfrm>
        </xdr:grpSpPr>
        <xdr:grpSp>
          <xdr:nvGrpSpPr>
            <xdr:cNvPr id="47471" name="Group 8">
              <a:extLst>
                <a:ext uri="{FF2B5EF4-FFF2-40B4-BE49-F238E27FC236}">
                  <a16:creationId xmlns:a16="http://schemas.microsoft.com/office/drawing/2014/main" id="{00000000-0008-0000-0400-00006FB90000}"/>
                </a:ext>
              </a:extLst>
            </xdr:cNvPr>
            <xdr:cNvGrpSpPr>
              <a:grpSpLocks/>
            </xdr:cNvGrpSpPr>
          </xdr:nvGrpSpPr>
          <xdr:grpSpPr bwMode="auto">
            <a:xfrm>
              <a:off x="1841" y="2927"/>
              <a:ext cx="12900" cy="940"/>
              <a:chOff x="1801" y="4315"/>
              <a:chExt cx="12900" cy="940"/>
            </a:xfrm>
          </xdr:grpSpPr>
          <xdr:sp macro="" textlink="">
            <xdr:nvSpPr>
              <xdr:cNvPr id="30" name="Rectangle 9">
                <a:extLst>
                  <a:ext uri="{FF2B5EF4-FFF2-40B4-BE49-F238E27FC236}">
                    <a16:creationId xmlns:a16="http://schemas.microsoft.com/office/drawing/2014/main" id="{00000000-0008-0000-0400-00001E000000}"/>
                  </a:ext>
                </a:extLst>
              </xdr:cNvPr>
              <xdr:cNvSpPr>
                <a:spLocks noChangeArrowheads="1"/>
              </xdr:cNvSpPr>
            </xdr:nvSpPr>
            <xdr:spPr bwMode="auto">
              <a:xfrm>
                <a:off x="1801" y="4542"/>
                <a:ext cx="1056" cy="529"/>
              </a:xfrm>
              <a:prstGeom prst="rect">
                <a:avLst/>
              </a:prstGeom>
              <a:solidFill>
                <a:srgbClr val="FFFFFF"/>
              </a:solidFill>
              <a:ln w="9525">
                <a:solidFill>
                  <a:srgbClr val="000000"/>
                </a:solidFill>
                <a:miter lim="800000"/>
                <a:headEnd/>
                <a:tailEnd/>
              </a:ln>
            </xdr:spPr>
            <xdr:txBody>
              <a:bodyPr vertOverflow="clip" wrap="square" lIns="91440" tIns="78120" rIns="91440" bIns="45720" anchor="ctr" upright="1"/>
              <a:lstStyle/>
              <a:p>
                <a:pPr algn="ctr" rtl="0">
                  <a:defRPr sz="1000"/>
                </a:pPr>
                <a:r>
                  <a:rPr lang="ja-JP" altLang="en-US" sz="1050" b="0" i="0" u="none" strike="noStrike" baseline="0">
                    <a:solidFill>
                      <a:srgbClr val="000000"/>
                    </a:solidFill>
                    <a:latin typeface="ＭＳ ゴシック"/>
                    <a:ea typeface="ＭＳ ゴシック"/>
                  </a:rPr>
                  <a:t>発注者</a:t>
                </a:r>
                <a:endParaRPr lang="ja-JP" altLang="en-US" sz="1050" b="0" i="0" u="none" strike="noStrike" baseline="0">
                  <a:solidFill>
                    <a:srgbClr val="000000"/>
                  </a:solidFill>
                  <a:latin typeface="Times New Roman"/>
                  <a:ea typeface="ＭＳ ゴシック"/>
                  <a:cs typeface="Times New Roman"/>
                </a:endParaRPr>
              </a:p>
              <a:p>
                <a:pPr algn="ctr" rtl="0">
                  <a:defRPr sz="1000"/>
                </a:pPr>
                <a:endParaRPr lang="ja-JP" altLang="en-US" sz="1050" b="0" i="0" u="none" strike="noStrike" baseline="0">
                  <a:solidFill>
                    <a:srgbClr val="000000"/>
                  </a:solidFill>
                  <a:latin typeface="Times New Roman"/>
                  <a:cs typeface="Times New Roman"/>
                </a:endParaRPr>
              </a:p>
            </xdr:txBody>
          </xdr:sp>
          <xdr:sp macro="" textlink="">
            <xdr:nvSpPr>
              <xdr:cNvPr id="31" name="Rectangle 10">
                <a:extLst>
                  <a:ext uri="{FF2B5EF4-FFF2-40B4-BE49-F238E27FC236}">
                    <a16:creationId xmlns:a16="http://schemas.microsoft.com/office/drawing/2014/main" id="{00000000-0008-0000-0400-00001F000000}"/>
                  </a:ext>
                </a:extLst>
              </xdr:cNvPr>
              <xdr:cNvSpPr>
                <a:spLocks noChangeArrowheads="1"/>
              </xdr:cNvSpPr>
            </xdr:nvSpPr>
            <xdr:spPr bwMode="auto">
              <a:xfrm>
                <a:off x="4224" y="4360"/>
                <a:ext cx="1543" cy="891"/>
              </a:xfrm>
              <a:prstGeom prst="rect">
                <a:avLst/>
              </a:prstGeom>
              <a:solidFill>
                <a:srgbClr val="FFFFFF"/>
              </a:solidFill>
              <a:ln w="9525">
                <a:solidFill>
                  <a:srgbClr val="000000"/>
                </a:solidFill>
                <a:miter lim="800000"/>
                <a:headEnd/>
                <a:tailEnd/>
              </a:ln>
            </xdr:spPr>
            <xdr:txBody>
              <a:bodyPr vertOverflow="clip" wrap="square" lIns="91440" tIns="78120" rIns="91440" bIns="45720" anchor="ctr" upright="1"/>
              <a:lstStyle/>
              <a:p>
                <a:pPr algn="ctr" rtl="0">
                  <a:defRPr sz="1000"/>
                </a:pPr>
                <a:r>
                  <a:rPr lang="ja-JP" altLang="en-US" sz="1050" b="0" i="0" u="none" strike="noStrike" baseline="0">
                    <a:solidFill>
                      <a:srgbClr val="000000"/>
                    </a:solidFill>
                    <a:latin typeface="ＭＳ ゴシック"/>
                    <a:ea typeface="ＭＳ ゴシック"/>
                  </a:rPr>
                  <a:t>元　請</a:t>
                </a:r>
                <a:endParaRPr lang="ja-JP" altLang="en-US" sz="1050" b="0" i="0" u="none" strike="noStrike" baseline="0">
                  <a:solidFill>
                    <a:srgbClr val="000000"/>
                  </a:solidFill>
                  <a:latin typeface="Times New Roman"/>
                  <a:ea typeface="ＭＳ ゴシック"/>
                  <a:cs typeface="Times New Roman"/>
                </a:endParaRPr>
              </a:p>
              <a:p>
                <a:pPr algn="ctr" rtl="0">
                  <a:defRPr sz="1000"/>
                </a:pPr>
                <a:r>
                  <a:rPr lang="ja-JP" altLang="en-US" sz="1050" b="0" i="0" u="none" strike="noStrike" baseline="0">
                    <a:solidFill>
                      <a:srgbClr val="000000"/>
                    </a:solidFill>
                    <a:latin typeface="ＭＳ ゴシック"/>
                    <a:ea typeface="ＭＳ ゴシック"/>
                  </a:rPr>
                  <a:t>Ａ　社</a:t>
                </a:r>
                <a:endParaRPr lang="ja-JP" altLang="en-US" sz="1050" b="0" i="0" u="none" strike="noStrike" baseline="0">
                  <a:solidFill>
                    <a:srgbClr val="000000"/>
                  </a:solidFill>
                  <a:latin typeface="Times New Roman"/>
                  <a:ea typeface="ＭＳ ゴシック"/>
                  <a:cs typeface="Times New Roman"/>
                </a:endParaRPr>
              </a:p>
              <a:p>
                <a:pPr algn="ctr" rtl="0">
                  <a:defRPr sz="1000"/>
                </a:pPr>
                <a:endParaRPr lang="ja-JP" altLang="en-US" sz="1050" b="0" i="0" u="none" strike="noStrike" baseline="0">
                  <a:solidFill>
                    <a:srgbClr val="000000"/>
                  </a:solidFill>
                  <a:latin typeface="Times New Roman"/>
                  <a:cs typeface="Times New Roman"/>
                </a:endParaRPr>
              </a:p>
            </xdr:txBody>
          </xdr:sp>
          <xdr:sp macro="" textlink="">
            <xdr:nvSpPr>
              <xdr:cNvPr id="32" name="Rectangle 11">
                <a:extLst>
                  <a:ext uri="{FF2B5EF4-FFF2-40B4-BE49-F238E27FC236}">
                    <a16:creationId xmlns:a16="http://schemas.microsoft.com/office/drawing/2014/main" id="{00000000-0008-0000-0400-000020000000}"/>
                  </a:ext>
                </a:extLst>
              </xdr:cNvPr>
              <xdr:cNvSpPr>
                <a:spLocks noChangeArrowheads="1"/>
              </xdr:cNvSpPr>
            </xdr:nvSpPr>
            <xdr:spPr bwMode="auto">
              <a:xfrm>
                <a:off x="7121" y="4330"/>
                <a:ext cx="1543" cy="906"/>
              </a:xfrm>
              <a:prstGeom prst="rect">
                <a:avLst/>
              </a:prstGeom>
              <a:solidFill>
                <a:srgbClr val="FFFFFF"/>
              </a:solidFill>
              <a:ln w="9525">
                <a:solidFill>
                  <a:srgbClr val="000000"/>
                </a:solidFill>
                <a:miter lim="800000"/>
                <a:headEnd/>
                <a:tailEnd/>
              </a:ln>
            </xdr:spPr>
            <xdr:txBody>
              <a:bodyPr vertOverflow="clip" wrap="square" lIns="91440" tIns="78120" rIns="91440" bIns="45720" anchor="ctr" upright="1"/>
              <a:lstStyle/>
              <a:p>
                <a:pPr algn="ctr" rtl="0">
                  <a:defRPr sz="1000"/>
                </a:pPr>
                <a:r>
                  <a:rPr lang="ja-JP" altLang="en-US" sz="1050" b="0" i="0" u="none" strike="noStrike" baseline="0">
                    <a:solidFill>
                      <a:srgbClr val="000000"/>
                    </a:solidFill>
                    <a:latin typeface="ＭＳ ゴシック"/>
                    <a:ea typeface="ＭＳ ゴシック"/>
                  </a:rPr>
                  <a:t>１次下請</a:t>
                </a:r>
                <a:endParaRPr lang="ja-JP" altLang="en-US" sz="1050" b="0" i="0" u="none" strike="noStrike" baseline="0">
                  <a:solidFill>
                    <a:srgbClr val="000000"/>
                  </a:solidFill>
                  <a:latin typeface="Times New Roman"/>
                  <a:ea typeface="ＭＳ ゴシック"/>
                  <a:cs typeface="Times New Roman"/>
                </a:endParaRPr>
              </a:p>
              <a:p>
                <a:pPr algn="ctr" rtl="0">
                  <a:defRPr sz="1000"/>
                </a:pPr>
                <a:r>
                  <a:rPr lang="ja-JP" altLang="en-US" sz="1050" b="0" i="0" u="none" strike="noStrike" baseline="0">
                    <a:solidFill>
                      <a:srgbClr val="000000"/>
                    </a:solidFill>
                    <a:latin typeface="ＭＳ ゴシック"/>
                    <a:ea typeface="ＭＳ ゴシック"/>
                  </a:rPr>
                  <a:t>Ｂ　社</a:t>
                </a:r>
                <a:endParaRPr lang="ja-JP" altLang="en-US" sz="1050" b="0" i="0" u="none" strike="noStrike" baseline="0">
                  <a:solidFill>
                    <a:srgbClr val="000000"/>
                  </a:solidFill>
                  <a:latin typeface="Times New Roman"/>
                  <a:ea typeface="ＭＳ ゴシック"/>
                  <a:cs typeface="Times New Roman"/>
                </a:endParaRPr>
              </a:p>
              <a:p>
                <a:pPr algn="ctr" rtl="0">
                  <a:defRPr sz="1000"/>
                </a:pPr>
                <a:endParaRPr lang="ja-JP" altLang="en-US" sz="1050" b="0" i="0" u="none" strike="noStrike" baseline="0">
                  <a:solidFill>
                    <a:srgbClr val="000000"/>
                  </a:solidFill>
                  <a:latin typeface="Times New Roman"/>
                  <a:cs typeface="Times New Roman"/>
                </a:endParaRPr>
              </a:p>
            </xdr:txBody>
          </xdr:sp>
          <xdr:sp macro="" textlink="">
            <xdr:nvSpPr>
              <xdr:cNvPr id="33" name="Rectangle 12">
                <a:extLst>
                  <a:ext uri="{FF2B5EF4-FFF2-40B4-BE49-F238E27FC236}">
                    <a16:creationId xmlns:a16="http://schemas.microsoft.com/office/drawing/2014/main" id="{00000000-0008-0000-0400-000021000000}"/>
                  </a:ext>
                </a:extLst>
              </xdr:cNvPr>
              <xdr:cNvSpPr>
                <a:spLocks noChangeArrowheads="1"/>
              </xdr:cNvSpPr>
            </xdr:nvSpPr>
            <xdr:spPr bwMode="auto">
              <a:xfrm>
                <a:off x="10166" y="4330"/>
                <a:ext cx="1530" cy="906"/>
              </a:xfrm>
              <a:prstGeom prst="rect">
                <a:avLst/>
              </a:prstGeom>
              <a:solidFill>
                <a:srgbClr val="FFFFFF"/>
              </a:solidFill>
              <a:ln w="9525">
                <a:solidFill>
                  <a:srgbClr val="000000"/>
                </a:solidFill>
                <a:miter lim="800000"/>
                <a:headEnd/>
                <a:tailEnd/>
              </a:ln>
            </xdr:spPr>
            <xdr:txBody>
              <a:bodyPr vertOverflow="clip" wrap="square" lIns="91440" tIns="78120" rIns="91440" bIns="45720" anchor="ctr" upright="1"/>
              <a:lstStyle/>
              <a:p>
                <a:pPr algn="ctr" rtl="0">
                  <a:defRPr sz="1000"/>
                </a:pPr>
                <a:r>
                  <a:rPr lang="ja-JP" altLang="en-US" sz="1050" b="0" i="0" u="none" strike="noStrike" baseline="0">
                    <a:solidFill>
                      <a:srgbClr val="000000"/>
                    </a:solidFill>
                    <a:latin typeface="ＭＳ ゴシック"/>
                    <a:ea typeface="ＭＳ ゴシック"/>
                  </a:rPr>
                  <a:t>２次下請</a:t>
                </a:r>
                <a:endParaRPr lang="ja-JP" altLang="en-US" sz="1050" b="0" i="0" u="none" strike="noStrike" baseline="0">
                  <a:solidFill>
                    <a:srgbClr val="000000"/>
                  </a:solidFill>
                  <a:latin typeface="Times New Roman"/>
                  <a:ea typeface="ＭＳ ゴシック"/>
                  <a:cs typeface="Times New Roman"/>
                </a:endParaRPr>
              </a:p>
              <a:p>
                <a:pPr algn="ctr" rtl="0">
                  <a:defRPr sz="1000"/>
                </a:pPr>
                <a:r>
                  <a:rPr lang="ja-JP" altLang="en-US" sz="1050" b="0" i="0" u="none" strike="noStrike" baseline="0">
                    <a:solidFill>
                      <a:srgbClr val="000000"/>
                    </a:solidFill>
                    <a:latin typeface="ＭＳ ゴシック"/>
                    <a:ea typeface="ＭＳ ゴシック"/>
                  </a:rPr>
                  <a:t>Ｃ　社</a:t>
                </a:r>
                <a:endParaRPr lang="ja-JP" altLang="en-US" sz="1050" b="0" i="0" u="none" strike="noStrike" baseline="0">
                  <a:solidFill>
                    <a:srgbClr val="000000"/>
                  </a:solidFill>
                  <a:latin typeface="Times New Roman"/>
                  <a:ea typeface="ＭＳ ゴシック"/>
                  <a:cs typeface="Times New Roman"/>
                </a:endParaRPr>
              </a:p>
              <a:p>
                <a:pPr algn="ctr" rtl="0">
                  <a:defRPr sz="1000"/>
                </a:pPr>
                <a:endParaRPr lang="ja-JP" altLang="en-US" sz="1050" b="0" i="0" u="none" strike="noStrike" baseline="0">
                  <a:solidFill>
                    <a:srgbClr val="000000"/>
                  </a:solidFill>
                  <a:latin typeface="Times New Roman"/>
                  <a:cs typeface="Times New Roman"/>
                </a:endParaRPr>
              </a:p>
            </xdr:txBody>
          </xdr:sp>
          <xdr:sp macro="" textlink="">
            <xdr:nvSpPr>
              <xdr:cNvPr id="34" name="Rectangle 13">
                <a:extLst>
                  <a:ext uri="{FF2B5EF4-FFF2-40B4-BE49-F238E27FC236}">
                    <a16:creationId xmlns:a16="http://schemas.microsoft.com/office/drawing/2014/main" id="{00000000-0008-0000-0400-000022000000}"/>
                  </a:ext>
                </a:extLst>
              </xdr:cNvPr>
              <xdr:cNvSpPr>
                <a:spLocks noChangeArrowheads="1"/>
              </xdr:cNvSpPr>
            </xdr:nvSpPr>
            <xdr:spPr bwMode="auto">
              <a:xfrm>
                <a:off x="13158" y="4315"/>
                <a:ext cx="1543" cy="891"/>
              </a:xfrm>
              <a:prstGeom prst="rect">
                <a:avLst/>
              </a:prstGeom>
              <a:solidFill>
                <a:srgbClr val="FFFFFF"/>
              </a:solidFill>
              <a:ln w="9525">
                <a:solidFill>
                  <a:srgbClr val="000000"/>
                </a:solidFill>
                <a:miter lim="800000"/>
                <a:headEnd/>
                <a:tailEnd/>
              </a:ln>
            </xdr:spPr>
            <xdr:txBody>
              <a:bodyPr vertOverflow="clip" wrap="square" lIns="91440" tIns="78120" rIns="91440" bIns="45720" anchor="ctr" upright="1"/>
              <a:lstStyle/>
              <a:p>
                <a:pPr algn="ctr" rtl="0">
                  <a:defRPr sz="1000"/>
                </a:pPr>
                <a:r>
                  <a:rPr lang="ja-JP" altLang="en-US" sz="1050" b="0" i="0" u="none" strike="noStrike" baseline="0">
                    <a:solidFill>
                      <a:srgbClr val="000000"/>
                    </a:solidFill>
                    <a:latin typeface="ＭＳ ゴシック"/>
                    <a:ea typeface="ＭＳ ゴシック"/>
                  </a:rPr>
                  <a:t>３次下請</a:t>
                </a:r>
                <a:endParaRPr lang="ja-JP" altLang="en-US" sz="1050" b="0" i="0" u="none" strike="noStrike" baseline="0">
                  <a:solidFill>
                    <a:srgbClr val="000000"/>
                  </a:solidFill>
                  <a:latin typeface="Times New Roman"/>
                  <a:ea typeface="ＭＳ ゴシック"/>
                  <a:cs typeface="Times New Roman"/>
                </a:endParaRPr>
              </a:p>
              <a:p>
                <a:pPr algn="ctr" rtl="0">
                  <a:defRPr sz="1000"/>
                </a:pPr>
                <a:r>
                  <a:rPr lang="ja-JP" altLang="en-US" sz="1050" b="0" i="0" u="none" strike="noStrike" baseline="0">
                    <a:solidFill>
                      <a:srgbClr val="000000"/>
                    </a:solidFill>
                    <a:latin typeface="ＭＳ ゴシック"/>
                    <a:ea typeface="ＭＳ ゴシック"/>
                  </a:rPr>
                  <a:t>Ｄ　社</a:t>
                </a:r>
                <a:endParaRPr lang="ja-JP" altLang="en-US" sz="1050" b="0" i="0" u="none" strike="noStrike" baseline="0">
                  <a:solidFill>
                    <a:srgbClr val="000000"/>
                  </a:solidFill>
                  <a:latin typeface="Times New Roman"/>
                  <a:ea typeface="ＭＳ ゴシック"/>
                  <a:cs typeface="Times New Roman"/>
                </a:endParaRPr>
              </a:p>
              <a:p>
                <a:pPr algn="ctr" rtl="0">
                  <a:defRPr sz="1000"/>
                </a:pPr>
                <a:endParaRPr lang="ja-JP" altLang="en-US" sz="1050" b="0" i="0" u="none" strike="noStrike" baseline="0">
                  <a:solidFill>
                    <a:srgbClr val="000000"/>
                  </a:solidFill>
                  <a:latin typeface="Times New Roman"/>
                  <a:cs typeface="Times New Roman"/>
                </a:endParaRPr>
              </a:p>
            </xdr:txBody>
          </xdr:sp>
          <xdr:sp macro="" textlink="">
            <xdr:nvSpPr>
              <xdr:cNvPr id="47491" name="Line 14">
                <a:extLst>
                  <a:ext uri="{FF2B5EF4-FFF2-40B4-BE49-F238E27FC236}">
                    <a16:creationId xmlns:a16="http://schemas.microsoft.com/office/drawing/2014/main" id="{00000000-0008-0000-0400-000083B90000}"/>
                  </a:ext>
                </a:extLst>
              </xdr:cNvPr>
              <xdr:cNvSpPr>
                <a:spLocks noChangeShapeType="1"/>
              </xdr:cNvSpPr>
            </xdr:nvSpPr>
            <xdr:spPr bwMode="auto">
              <a:xfrm>
                <a:off x="2841" y="4775"/>
                <a:ext cx="1360" cy="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grpSp>
        <xdr:sp macro="" textlink="">
          <xdr:nvSpPr>
            <xdr:cNvPr id="47472" name="Line 15">
              <a:extLst>
                <a:ext uri="{FF2B5EF4-FFF2-40B4-BE49-F238E27FC236}">
                  <a16:creationId xmlns:a16="http://schemas.microsoft.com/office/drawing/2014/main" id="{00000000-0008-0000-0400-000070B90000}"/>
                </a:ext>
              </a:extLst>
            </xdr:cNvPr>
            <xdr:cNvSpPr>
              <a:spLocks noChangeShapeType="1"/>
            </xdr:cNvSpPr>
          </xdr:nvSpPr>
          <xdr:spPr bwMode="auto">
            <a:xfrm>
              <a:off x="5421" y="4106"/>
              <a:ext cx="1980" cy="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grpSp>
          <xdr:nvGrpSpPr>
            <xdr:cNvPr id="47473" name="Group 16">
              <a:extLst>
                <a:ext uri="{FF2B5EF4-FFF2-40B4-BE49-F238E27FC236}">
                  <a16:creationId xmlns:a16="http://schemas.microsoft.com/office/drawing/2014/main" id="{00000000-0008-0000-0400-000071B90000}"/>
                </a:ext>
              </a:extLst>
            </xdr:cNvPr>
            <xdr:cNvGrpSpPr>
              <a:grpSpLocks/>
            </xdr:cNvGrpSpPr>
          </xdr:nvGrpSpPr>
          <xdr:grpSpPr bwMode="auto">
            <a:xfrm>
              <a:off x="7781" y="4374"/>
              <a:ext cx="100" cy="240"/>
              <a:chOff x="7801" y="4041"/>
              <a:chExt cx="100" cy="240"/>
            </a:xfrm>
          </xdr:grpSpPr>
          <xdr:sp macro="" textlink="">
            <xdr:nvSpPr>
              <xdr:cNvPr id="47484" name="Line 17">
                <a:extLst>
                  <a:ext uri="{FF2B5EF4-FFF2-40B4-BE49-F238E27FC236}">
                    <a16:creationId xmlns:a16="http://schemas.microsoft.com/office/drawing/2014/main" id="{00000000-0008-0000-0400-00007CB90000}"/>
                  </a:ext>
                </a:extLst>
              </xdr:cNvPr>
              <xdr:cNvSpPr>
                <a:spLocks noChangeShapeType="1"/>
              </xdr:cNvSpPr>
            </xdr:nvSpPr>
            <xdr:spPr bwMode="auto">
              <a:xfrm>
                <a:off x="7801" y="4041"/>
                <a:ext cx="0" cy="24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sp macro="" textlink="">
            <xdr:nvSpPr>
              <xdr:cNvPr id="47485" name="Line 18">
                <a:extLst>
                  <a:ext uri="{FF2B5EF4-FFF2-40B4-BE49-F238E27FC236}">
                    <a16:creationId xmlns:a16="http://schemas.microsoft.com/office/drawing/2014/main" id="{00000000-0008-0000-0400-00007DB90000}"/>
                  </a:ext>
                </a:extLst>
              </xdr:cNvPr>
              <xdr:cNvSpPr>
                <a:spLocks noChangeShapeType="1"/>
              </xdr:cNvSpPr>
            </xdr:nvSpPr>
            <xdr:spPr bwMode="auto">
              <a:xfrm>
                <a:off x="7901" y="4041"/>
                <a:ext cx="0" cy="24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grpSp>
        <xdr:sp macro="" textlink="">
          <xdr:nvSpPr>
            <xdr:cNvPr id="47474" name="Line 19">
              <a:extLst>
                <a:ext uri="{FF2B5EF4-FFF2-40B4-BE49-F238E27FC236}">
                  <a16:creationId xmlns:a16="http://schemas.microsoft.com/office/drawing/2014/main" id="{00000000-0008-0000-0400-000072B90000}"/>
                </a:ext>
              </a:extLst>
            </xdr:cNvPr>
            <xdr:cNvSpPr>
              <a:spLocks noChangeShapeType="1"/>
            </xdr:cNvSpPr>
          </xdr:nvSpPr>
          <xdr:spPr bwMode="auto">
            <a:xfrm>
              <a:off x="8301" y="4934"/>
              <a:ext cx="2280" cy="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grpSp>
          <xdr:nvGrpSpPr>
            <xdr:cNvPr id="47475" name="Group 20">
              <a:extLst>
                <a:ext uri="{FF2B5EF4-FFF2-40B4-BE49-F238E27FC236}">
                  <a16:creationId xmlns:a16="http://schemas.microsoft.com/office/drawing/2014/main" id="{00000000-0008-0000-0400-000073B90000}"/>
                </a:ext>
              </a:extLst>
            </xdr:cNvPr>
            <xdr:cNvGrpSpPr>
              <a:grpSpLocks/>
            </xdr:cNvGrpSpPr>
          </xdr:nvGrpSpPr>
          <xdr:grpSpPr bwMode="auto">
            <a:xfrm>
              <a:off x="11001" y="5214"/>
              <a:ext cx="100" cy="240"/>
              <a:chOff x="7801" y="4041"/>
              <a:chExt cx="100" cy="240"/>
            </a:xfrm>
          </xdr:grpSpPr>
          <xdr:sp macro="" textlink="">
            <xdr:nvSpPr>
              <xdr:cNvPr id="47482" name="Line 21">
                <a:extLst>
                  <a:ext uri="{FF2B5EF4-FFF2-40B4-BE49-F238E27FC236}">
                    <a16:creationId xmlns:a16="http://schemas.microsoft.com/office/drawing/2014/main" id="{00000000-0008-0000-0400-00007AB90000}"/>
                  </a:ext>
                </a:extLst>
              </xdr:cNvPr>
              <xdr:cNvSpPr>
                <a:spLocks noChangeShapeType="1"/>
              </xdr:cNvSpPr>
            </xdr:nvSpPr>
            <xdr:spPr bwMode="auto">
              <a:xfrm>
                <a:off x="7801" y="4041"/>
                <a:ext cx="0" cy="24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sp macro="" textlink="">
            <xdr:nvSpPr>
              <xdr:cNvPr id="47483" name="Line 22">
                <a:extLst>
                  <a:ext uri="{FF2B5EF4-FFF2-40B4-BE49-F238E27FC236}">
                    <a16:creationId xmlns:a16="http://schemas.microsoft.com/office/drawing/2014/main" id="{00000000-0008-0000-0400-00007BB90000}"/>
                  </a:ext>
                </a:extLst>
              </xdr:cNvPr>
              <xdr:cNvSpPr>
                <a:spLocks noChangeShapeType="1"/>
              </xdr:cNvSpPr>
            </xdr:nvSpPr>
            <xdr:spPr bwMode="auto">
              <a:xfrm>
                <a:off x="7901" y="4041"/>
                <a:ext cx="0" cy="24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grpSp>
        <xdr:sp macro="" textlink="">
          <xdr:nvSpPr>
            <xdr:cNvPr id="47476" name="Line 23">
              <a:extLst>
                <a:ext uri="{FF2B5EF4-FFF2-40B4-BE49-F238E27FC236}">
                  <a16:creationId xmlns:a16="http://schemas.microsoft.com/office/drawing/2014/main" id="{00000000-0008-0000-0400-000074B90000}"/>
                </a:ext>
              </a:extLst>
            </xdr:cNvPr>
            <xdr:cNvSpPr>
              <a:spLocks noChangeShapeType="1"/>
            </xdr:cNvSpPr>
          </xdr:nvSpPr>
          <xdr:spPr bwMode="auto">
            <a:xfrm>
              <a:off x="11421" y="5754"/>
              <a:ext cx="2140" cy="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grpSp>
          <xdr:nvGrpSpPr>
            <xdr:cNvPr id="47477" name="Group 24">
              <a:extLst>
                <a:ext uri="{FF2B5EF4-FFF2-40B4-BE49-F238E27FC236}">
                  <a16:creationId xmlns:a16="http://schemas.microsoft.com/office/drawing/2014/main" id="{00000000-0008-0000-0400-000075B90000}"/>
                </a:ext>
              </a:extLst>
            </xdr:cNvPr>
            <xdr:cNvGrpSpPr>
              <a:grpSpLocks/>
            </xdr:cNvGrpSpPr>
          </xdr:nvGrpSpPr>
          <xdr:grpSpPr bwMode="auto">
            <a:xfrm>
              <a:off x="5821" y="4554"/>
              <a:ext cx="1260" cy="660"/>
              <a:chOff x="5821" y="4281"/>
              <a:chExt cx="1260" cy="660"/>
            </a:xfrm>
          </xdr:grpSpPr>
          <xdr:sp macro="" textlink="">
            <xdr:nvSpPr>
              <xdr:cNvPr id="47480" name="Line 25">
                <a:extLst>
                  <a:ext uri="{FF2B5EF4-FFF2-40B4-BE49-F238E27FC236}">
                    <a16:creationId xmlns:a16="http://schemas.microsoft.com/office/drawing/2014/main" id="{00000000-0008-0000-0400-000078B90000}"/>
                  </a:ext>
                </a:extLst>
              </xdr:cNvPr>
              <xdr:cNvSpPr>
                <a:spLocks noChangeShapeType="1"/>
              </xdr:cNvSpPr>
            </xdr:nvSpPr>
            <xdr:spPr bwMode="auto">
              <a:xfrm flipH="1">
                <a:off x="5821" y="4941"/>
                <a:ext cx="1260" cy="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xdr:spPr>
          </xdr:sp>
          <xdr:sp macro="" textlink="">
            <xdr:nvSpPr>
              <xdr:cNvPr id="47481" name="Line 26">
                <a:extLst>
                  <a:ext uri="{FF2B5EF4-FFF2-40B4-BE49-F238E27FC236}">
                    <a16:creationId xmlns:a16="http://schemas.microsoft.com/office/drawing/2014/main" id="{00000000-0008-0000-0400-000079B90000}"/>
                  </a:ext>
                </a:extLst>
              </xdr:cNvPr>
              <xdr:cNvSpPr>
                <a:spLocks noChangeShapeType="1"/>
              </xdr:cNvSpPr>
            </xdr:nvSpPr>
            <xdr:spPr bwMode="auto">
              <a:xfrm flipV="1">
                <a:off x="5821" y="4281"/>
                <a:ext cx="0" cy="660"/>
              </a:xfrm>
              <a:prstGeom prst="line">
                <a:avLst/>
              </a:prstGeom>
              <a:noFill/>
              <a:ln w="9525">
                <a:solidFill>
                  <a:srgbClr val="000000"/>
                </a:solidFill>
                <a:prstDash val="sysDot"/>
                <a:round/>
                <a:headEnd/>
                <a:tailEnd type="triangle" w="med" len="med"/>
              </a:ln>
              <a:extLst>
                <a:ext uri="{909E8E84-426E-40DD-AFC4-6F175D3DCCD1}">
                  <a14:hiddenFill xmlns:a14="http://schemas.microsoft.com/office/drawing/2010/main">
                    <a:noFill/>
                  </a14:hiddenFill>
                </a:ext>
              </a:extLst>
            </xdr:spPr>
          </xdr:sp>
        </xdr:grpSp>
        <xdr:sp macro="" textlink="">
          <xdr:nvSpPr>
            <xdr:cNvPr id="47478" name="Line 27">
              <a:extLst>
                <a:ext uri="{FF2B5EF4-FFF2-40B4-BE49-F238E27FC236}">
                  <a16:creationId xmlns:a16="http://schemas.microsoft.com/office/drawing/2014/main" id="{00000000-0008-0000-0400-000076B90000}"/>
                </a:ext>
              </a:extLst>
            </xdr:cNvPr>
            <xdr:cNvSpPr>
              <a:spLocks noChangeShapeType="1"/>
            </xdr:cNvSpPr>
          </xdr:nvSpPr>
          <xdr:spPr bwMode="auto">
            <a:xfrm flipH="1">
              <a:off x="5001" y="5994"/>
              <a:ext cx="5240" cy="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xdr:spPr>
        </xdr:sp>
        <xdr:sp macro="" textlink="">
          <xdr:nvSpPr>
            <xdr:cNvPr id="47479" name="Line 28">
              <a:extLst>
                <a:ext uri="{FF2B5EF4-FFF2-40B4-BE49-F238E27FC236}">
                  <a16:creationId xmlns:a16="http://schemas.microsoft.com/office/drawing/2014/main" id="{00000000-0008-0000-0400-000077B90000}"/>
                </a:ext>
              </a:extLst>
            </xdr:cNvPr>
            <xdr:cNvSpPr>
              <a:spLocks noChangeShapeType="1"/>
            </xdr:cNvSpPr>
          </xdr:nvSpPr>
          <xdr:spPr bwMode="auto">
            <a:xfrm flipV="1">
              <a:off x="5001" y="4554"/>
              <a:ext cx="0" cy="1440"/>
            </a:xfrm>
            <a:prstGeom prst="line">
              <a:avLst/>
            </a:prstGeom>
            <a:noFill/>
            <a:ln w="9525">
              <a:solidFill>
                <a:srgbClr val="000000"/>
              </a:solidFill>
              <a:prstDash val="sysDot"/>
              <a:round/>
              <a:headEnd/>
              <a:tailEnd type="triangle" w="med" len="med"/>
            </a:ln>
            <a:extLst>
              <a:ext uri="{909E8E84-426E-40DD-AFC4-6F175D3DCCD1}">
                <a14:hiddenFill xmlns:a14="http://schemas.microsoft.com/office/drawing/2010/main">
                  <a:noFill/>
                </a14:hiddenFill>
              </a:ext>
            </a:extLst>
          </xdr:spPr>
        </xdr:sp>
      </xdr:grpSp>
      <xdr:sp macro="" textlink="">
        <xdr:nvSpPr>
          <xdr:cNvPr id="4" name="Rectangle 30">
            <a:extLst>
              <a:ext uri="{FF2B5EF4-FFF2-40B4-BE49-F238E27FC236}">
                <a16:creationId xmlns:a16="http://schemas.microsoft.com/office/drawing/2014/main" id="{00000000-0008-0000-0400-000004000000}"/>
              </a:ext>
            </a:extLst>
          </xdr:cNvPr>
          <xdr:cNvSpPr>
            <a:spLocks noChangeArrowheads="1"/>
          </xdr:cNvSpPr>
        </xdr:nvSpPr>
        <xdr:spPr bwMode="auto">
          <a:xfrm>
            <a:off x="426" y="1280"/>
            <a:ext cx="63" cy="1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注文者</a:t>
            </a:r>
          </a:p>
        </xdr:txBody>
      </xdr:sp>
      <xdr:sp macro="" textlink="">
        <xdr:nvSpPr>
          <xdr:cNvPr id="5" name="Rectangle 31">
            <a:extLst>
              <a:ext uri="{FF2B5EF4-FFF2-40B4-BE49-F238E27FC236}">
                <a16:creationId xmlns:a16="http://schemas.microsoft.com/office/drawing/2014/main" id="{00000000-0008-0000-0400-000005000000}"/>
              </a:ext>
            </a:extLst>
          </xdr:cNvPr>
          <xdr:cNvSpPr>
            <a:spLocks noChangeArrowheads="1"/>
          </xdr:cNvSpPr>
        </xdr:nvSpPr>
        <xdr:spPr bwMode="auto">
          <a:xfrm>
            <a:off x="619" y="1282"/>
            <a:ext cx="63" cy="1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受注者</a:t>
            </a:r>
          </a:p>
        </xdr:txBody>
      </xdr:sp>
      <xdr:sp macro="" textlink="">
        <xdr:nvSpPr>
          <xdr:cNvPr id="6" name="Rectangle 33">
            <a:extLst>
              <a:ext uri="{FF2B5EF4-FFF2-40B4-BE49-F238E27FC236}">
                <a16:creationId xmlns:a16="http://schemas.microsoft.com/office/drawing/2014/main" id="{00000000-0008-0000-0400-000006000000}"/>
              </a:ext>
            </a:extLst>
          </xdr:cNvPr>
          <xdr:cNvSpPr>
            <a:spLocks noChangeArrowheads="1"/>
          </xdr:cNvSpPr>
        </xdr:nvSpPr>
        <xdr:spPr bwMode="auto">
          <a:xfrm>
            <a:off x="619" y="1333"/>
            <a:ext cx="60" cy="1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注文者</a:t>
            </a:r>
          </a:p>
        </xdr:txBody>
      </xdr:sp>
      <xdr:sp macro="" textlink="">
        <xdr:nvSpPr>
          <xdr:cNvPr id="7" name="Rectangle 34">
            <a:extLst>
              <a:ext uri="{FF2B5EF4-FFF2-40B4-BE49-F238E27FC236}">
                <a16:creationId xmlns:a16="http://schemas.microsoft.com/office/drawing/2014/main" id="{00000000-0008-0000-0400-000007000000}"/>
              </a:ext>
            </a:extLst>
          </xdr:cNvPr>
          <xdr:cNvSpPr>
            <a:spLocks noChangeArrowheads="1"/>
          </xdr:cNvSpPr>
        </xdr:nvSpPr>
        <xdr:spPr bwMode="auto">
          <a:xfrm>
            <a:off x="598" y="1354"/>
            <a:ext cx="168" cy="2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18288" rIns="0" bIns="0" anchor="t" upright="1"/>
          <a:lstStyle/>
          <a:p>
            <a:pPr algn="l" rtl="0">
              <a:defRPr sz="1000"/>
            </a:pPr>
            <a:r>
              <a:rPr lang="ja-JP" altLang="en-US" sz="1200" b="1" i="0" u="none" strike="noStrike" baseline="0">
                <a:solidFill>
                  <a:srgbClr val="000000"/>
                </a:solidFill>
                <a:latin typeface="ＭＳ Ｐゴシック"/>
                <a:ea typeface="ＭＳ Ｐゴシック"/>
              </a:rPr>
              <a:t>(再下請負通知書)</a:t>
            </a:r>
          </a:p>
        </xdr:txBody>
      </xdr:sp>
      <xdr:sp macro="" textlink="">
        <xdr:nvSpPr>
          <xdr:cNvPr id="8" name="Rectangle 35">
            <a:extLst>
              <a:ext uri="{FF2B5EF4-FFF2-40B4-BE49-F238E27FC236}">
                <a16:creationId xmlns:a16="http://schemas.microsoft.com/office/drawing/2014/main" id="{00000000-0008-0000-0400-000008000000}"/>
              </a:ext>
            </a:extLst>
          </xdr:cNvPr>
          <xdr:cNvSpPr>
            <a:spLocks noChangeArrowheads="1"/>
          </xdr:cNvSpPr>
        </xdr:nvSpPr>
        <xdr:spPr bwMode="auto">
          <a:xfrm>
            <a:off x="834" y="1337"/>
            <a:ext cx="63" cy="1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受注者</a:t>
            </a:r>
          </a:p>
        </xdr:txBody>
      </xdr:sp>
      <xdr:sp macro="" textlink="">
        <xdr:nvSpPr>
          <xdr:cNvPr id="9" name="Rectangle 36">
            <a:extLst>
              <a:ext uri="{FF2B5EF4-FFF2-40B4-BE49-F238E27FC236}">
                <a16:creationId xmlns:a16="http://schemas.microsoft.com/office/drawing/2014/main" id="{00000000-0008-0000-0400-000009000000}"/>
              </a:ext>
            </a:extLst>
          </xdr:cNvPr>
          <xdr:cNvSpPr>
            <a:spLocks noChangeArrowheads="1"/>
          </xdr:cNvSpPr>
        </xdr:nvSpPr>
        <xdr:spPr bwMode="auto">
          <a:xfrm>
            <a:off x="836" y="1389"/>
            <a:ext cx="60" cy="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注文者</a:t>
            </a:r>
          </a:p>
        </xdr:txBody>
      </xdr:sp>
      <xdr:sp macro="" textlink="">
        <xdr:nvSpPr>
          <xdr:cNvPr id="10" name="Rectangle 37">
            <a:extLst>
              <a:ext uri="{FF2B5EF4-FFF2-40B4-BE49-F238E27FC236}">
                <a16:creationId xmlns:a16="http://schemas.microsoft.com/office/drawing/2014/main" id="{00000000-0008-0000-0400-00000A000000}"/>
              </a:ext>
            </a:extLst>
          </xdr:cNvPr>
          <xdr:cNvSpPr>
            <a:spLocks noChangeArrowheads="1"/>
          </xdr:cNvSpPr>
        </xdr:nvSpPr>
        <xdr:spPr bwMode="auto">
          <a:xfrm>
            <a:off x="1031" y="1390"/>
            <a:ext cx="60" cy="1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受注者</a:t>
            </a:r>
          </a:p>
        </xdr:txBody>
      </xdr:sp>
      <xdr:sp macro="" textlink="">
        <xdr:nvSpPr>
          <xdr:cNvPr id="11" name="Rectangle 38">
            <a:extLst>
              <a:ext uri="{FF2B5EF4-FFF2-40B4-BE49-F238E27FC236}">
                <a16:creationId xmlns:a16="http://schemas.microsoft.com/office/drawing/2014/main" id="{00000000-0008-0000-0400-00000B000000}"/>
              </a:ext>
            </a:extLst>
          </xdr:cNvPr>
          <xdr:cNvSpPr>
            <a:spLocks noChangeArrowheads="1"/>
          </xdr:cNvSpPr>
        </xdr:nvSpPr>
        <xdr:spPr bwMode="auto">
          <a:xfrm>
            <a:off x="807" y="1409"/>
            <a:ext cx="166" cy="2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18288" rIns="0" bIns="0" anchor="t" upright="1"/>
          <a:lstStyle/>
          <a:p>
            <a:pPr algn="l" rtl="0">
              <a:defRPr sz="1000"/>
            </a:pPr>
            <a:r>
              <a:rPr lang="ja-JP" altLang="en-US" sz="1200" b="1" i="0" u="none" strike="noStrike" baseline="0">
                <a:solidFill>
                  <a:srgbClr val="000000"/>
                </a:solidFill>
                <a:latin typeface="ＭＳ Ｐゴシック"/>
                <a:ea typeface="ＭＳ Ｐゴシック"/>
              </a:rPr>
              <a:t>(再下請負通知書)</a:t>
            </a:r>
          </a:p>
        </xdr:txBody>
      </xdr:sp>
      <xdr:sp macro="" textlink="">
        <xdr:nvSpPr>
          <xdr:cNvPr id="12" name="Rectangle 40">
            <a:extLst>
              <a:ext uri="{FF2B5EF4-FFF2-40B4-BE49-F238E27FC236}">
                <a16:creationId xmlns:a16="http://schemas.microsoft.com/office/drawing/2014/main" id="{00000000-0008-0000-0400-00000C000000}"/>
              </a:ext>
            </a:extLst>
          </xdr:cNvPr>
          <xdr:cNvSpPr>
            <a:spLocks noChangeArrowheads="1"/>
          </xdr:cNvSpPr>
        </xdr:nvSpPr>
        <xdr:spPr bwMode="auto">
          <a:xfrm>
            <a:off x="515" y="1268"/>
            <a:ext cx="78" cy="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下請契約</a:t>
            </a:r>
          </a:p>
        </xdr:txBody>
      </xdr:sp>
      <xdr:sp macro="" textlink="">
        <xdr:nvSpPr>
          <xdr:cNvPr id="13" name="Rectangle 41">
            <a:extLst>
              <a:ext uri="{FF2B5EF4-FFF2-40B4-BE49-F238E27FC236}">
                <a16:creationId xmlns:a16="http://schemas.microsoft.com/office/drawing/2014/main" id="{00000000-0008-0000-0400-00000D000000}"/>
              </a:ext>
            </a:extLst>
          </xdr:cNvPr>
          <xdr:cNvSpPr>
            <a:spLocks noChangeArrowheads="1"/>
          </xdr:cNvSpPr>
        </xdr:nvSpPr>
        <xdr:spPr bwMode="auto">
          <a:xfrm>
            <a:off x="717" y="1323"/>
            <a:ext cx="78" cy="1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下請契約</a:t>
            </a:r>
          </a:p>
        </xdr:txBody>
      </xdr:sp>
      <xdr:sp macro="" textlink="">
        <xdr:nvSpPr>
          <xdr:cNvPr id="14" name="Rectangle 42">
            <a:extLst>
              <a:ext uri="{FF2B5EF4-FFF2-40B4-BE49-F238E27FC236}">
                <a16:creationId xmlns:a16="http://schemas.microsoft.com/office/drawing/2014/main" id="{00000000-0008-0000-0400-00000E000000}"/>
              </a:ext>
            </a:extLst>
          </xdr:cNvPr>
          <xdr:cNvSpPr>
            <a:spLocks noChangeArrowheads="1"/>
          </xdr:cNvSpPr>
        </xdr:nvSpPr>
        <xdr:spPr bwMode="auto">
          <a:xfrm>
            <a:off x="913" y="1376"/>
            <a:ext cx="78" cy="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下請契約</a:t>
            </a:r>
          </a:p>
        </xdr:txBody>
      </xdr:sp>
    </xdr:grpSp>
    <xdr:clientData/>
  </xdr:twoCellAnchor>
  <mc:AlternateContent xmlns:mc="http://schemas.openxmlformats.org/markup-compatibility/2006">
    <mc:Choice xmlns:a14="http://schemas.microsoft.com/office/drawing/2010/main" Requires="a14">
      <xdr:twoCellAnchor editAs="oneCell">
        <xdr:from>
          <xdr:col>7</xdr:col>
          <xdr:colOff>165100</xdr:colOff>
          <xdr:row>14</xdr:row>
          <xdr:rowOff>44450</xdr:rowOff>
        </xdr:from>
        <xdr:to>
          <xdr:col>8</xdr:col>
          <xdr:colOff>0</xdr:colOff>
          <xdr:row>15</xdr:row>
          <xdr:rowOff>6350</xdr:rowOff>
        </xdr:to>
        <xdr:sp macro="" textlink="">
          <xdr:nvSpPr>
            <xdr:cNvPr id="44033" name="Check Box 1" hidden="1">
              <a:extLst>
                <a:ext uri="{63B3BB69-23CF-44E3-9099-C40C66FF867C}">
                  <a14:compatExt spid="_x0000_s44033"/>
                </a:ext>
                <a:ext uri="{FF2B5EF4-FFF2-40B4-BE49-F238E27FC236}">
                  <a16:creationId xmlns:a16="http://schemas.microsoft.com/office/drawing/2014/main" id="{00000000-0008-0000-0400-000001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657224</xdr:colOff>
      <xdr:row>35</xdr:row>
      <xdr:rowOff>85724</xdr:rowOff>
    </xdr:from>
    <xdr:to>
      <xdr:col>16</xdr:col>
      <xdr:colOff>114299</xdr:colOff>
      <xdr:row>36</xdr:row>
      <xdr:rowOff>152399</xdr:rowOff>
    </xdr:to>
    <xdr:sp macro="" textlink="">
      <xdr:nvSpPr>
        <xdr:cNvPr id="39" name="テキスト ボックス 38">
          <a:extLst>
            <a:ext uri="{FF2B5EF4-FFF2-40B4-BE49-F238E27FC236}">
              <a16:creationId xmlns:a16="http://schemas.microsoft.com/office/drawing/2014/main" id="{00000000-0008-0000-0400-000027000000}"/>
            </a:ext>
          </a:extLst>
        </xdr:cNvPr>
        <xdr:cNvSpPr txBox="1"/>
      </xdr:nvSpPr>
      <xdr:spPr>
        <a:xfrm>
          <a:off x="4981574" y="6553199"/>
          <a:ext cx="2943225" cy="2000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r>
            <a:rPr kumimoji="1" lang="en-US" altLang="ja-JP" sz="1100"/>
            <a:t>※</a:t>
          </a:r>
          <a:r>
            <a:rPr kumimoji="1" lang="ja-JP" altLang="en-US" sz="1100"/>
            <a:t>１次下請負人を経由しての提出も可能</a:t>
          </a:r>
        </a:p>
      </xdr:txBody>
    </xdr:sp>
    <xdr:clientData/>
  </xdr:twoCellAnchor>
  <mc:AlternateContent xmlns:mc="http://schemas.openxmlformats.org/markup-compatibility/2006">
    <mc:Choice xmlns:a14="http://schemas.microsoft.com/office/drawing/2010/main" Requires="a14">
      <xdr:twoCellAnchor editAs="oneCell">
        <xdr:from>
          <xdr:col>7</xdr:col>
          <xdr:colOff>158750</xdr:colOff>
          <xdr:row>12</xdr:row>
          <xdr:rowOff>6350</xdr:rowOff>
        </xdr:from>
        <xdr:to>
          <xdr:col>7</xdr:col>
          <xdr:colOff>603250</xdr:colOff>
          <xdr:row>12</xdr:row>
          <xdr:rowOff>222250</xdr:rowOff>
        </xdr:to>
        <xdr:sp macro="" textlink="">
          <xdr:nvSpPr>
            <xdr:cNvPr id="44035" name="Check Box 3" hidden="1">
              <a:extLst>
                <a:ext uri="{63B3BB69-23CF-44E3-9099-C40C66FF867C}">
                  <a14:compatExt spid="_x0000_s44035"/>
                </a:ext>
                <a:ext uri="{FF2B5EF4-FFF2-40B4-BE49-F238E27FC236}">
                  <a16:creationId xmlns:a16="http://schemas.microsoft.com/office/drawing/2014/main" id="{00000000-0008-0000-0400-000003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8750</xdr:colOff>
          <xdr:row>10</xdr:row>
          <xdr:rowOff>31750</xdr:rowOff>
        </xdr:from>
        <xdr:to>
          <xdr:col>7</xdr:col>
          <xdr:colOff>603250</xdr:colOff>
          <xdr:row>11</xdr:row>
          <xdr:rowOff>0</xdr:rowOff>
        </xdr:to>
        <xdr:sp macro="" textlink="">
          <xdr:nvSpPr>
            <xdr:cNvPr id="44036" name="Check Box 4" hidden="1">
              <a:extLst>
                <a:ext uri="{63B3BB69-23CF-44E3-9099-C40C66FF867C}">
                  <a14:compatExt spid="_x0000_s44036"/>
                </a:ext>
                <a:ext uri="{FF2B5EF4-FFF2-40B4-BE49-F238E27FC236}">
                  <a16:creationId xmlns:a16="http://schemas.microsoft.com/office/drawing/2014/main" id="{00000000-0008-0000-0400-000004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8750</xdr:colOff>
          <xdr:row>9</xdr:row>
          <xdr:rowOff>31750</xdr:rowOff>
        </xdr:from>
        <xdr:to>
          <xdr:col>7</xdr:col>
          <xdr:colOff>603250</xdr:colOff>
          <xdr:row>10</xdr:row>
          <xdr:rowOff>0</xdr:rowOff>
        </xdr:to>
        <xdr:sp macro="" textlink="">
          <xdr:nvSpPr>
            <xdr:cNvPr id="44037" name="Check Box 5" hidden="1">
              <a:extLst>
                <a:ext uri="{63B3BB69-23CF-44E3-9099-C40C66FF867C}">
                  <a14:compatExt spid="_x0000_s44037"/>
                </a:ext>
                <a:ext uri="{FF2B5EF4-FFF2-40B4-BE49-F238E27FC236}">
                  <a16:creationId xmlns:a16="http://schemas.microsoft.com/office/drawing/2014/main" id="{00000000-0008-0000-0400-000005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8750</xdr:colOff>
          <xdr:row>8</xdr:row>
          <xdr:rowOff>31750</xdr:rowOff>
        </xdr:from>
        <xdr:to>
          <xdr:col>7</xdr:col>
          <xdr:colOff>603250</xdr:colOff>
          <xdr:row>9</xdr:row>
          <xdr:rowOff>0</xdr:rowOff>
        </xdr:to>
        <xdr:sp macro="" textlink="">
          <xdr:nvSpPr>
            <xdr:cNvPr id="44038" name="Check Box 6" hidden="1">
              <a:extLst>
                <a:ext uri="{63B3BB69-23CF-44E3-9099-C40C66FF867C}">
                  <a14:compatExt spid="_x0000_s44038"/>
                </a:ext>
                <a:ext uri="{FF2B5EF4-FFF2-40B4-BE49-F238E27FC236}">
                  <a16:creationId xmlns:a16="http://schemas.microsoft.com/office/drawing/2014/main" id="{00000000-0008-0000-0400-000006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5100</xdr:colOff>
          <xdr:row>13</xdr:row>
          <xdr:rowOff>25400</xdr:rowOff>
        </xdr:from>
        <xdr:to>
          <xdr:col>8</xdr:col>
          <xdr:colOff>0</xdr:colOff>
          <xdr:row>14</xdr:row>
          <xdr:rowOff>0</xdr:rowOff>
        </xdr:to>
        <xdr:sp macro="" textlink="">
          <xdr:nvSpPr>
            <xdr:cNvPr id="44039" name="Check Box 7" hidden="1">
              <a:extLst>
                <a:ext uri="{63B3BB69-23CF-44E3-9099-C40C66FF867C}">
                  <a14:compatExt spid="_x0000_s44039"/>
                </a:ext>
                <a:ext uri="{FF2B5EF4-FFF2-40B4-BE49-F238E27FC236}">
                  <a16:creationId xmlns:a16="http://schemas.microsoft.com/office/drawing/2014/main" id="{00000000-0008-0000-0400-000007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19075</xdr:colOff>
          <xdr:row>46</xdr:row>
          <xdr:rowOff>76200</xdr:rowOff>
        </xdr:from>
        <xdr:to>
          <xdr:col>21</xdr:col>
          <xdr:colOff>38100</xdr:colOff>
          <xdr:row>83</xdr:row>
          <xdr:rowOff>41800</xdr:rowOff>
        </xdr:to>
        <xdr:pic>
          <xdr:nvPicPr>
            <xdr:cNvPr id="45" name="図 44">
              <a:extLst>
                <a:ext uri="{FF2B5EF4-FFF2-40B4-BE49-F238E27FC236}">
                  <a16:creationId xmlns:a16="http://schemas.microsoft.com/office/drawing/2014/main" id="{00000000-0008-0000-0400-00002D000000}"/>
                </a:ext>
              </a:extLst>
            </xdr:cNvPr>
            <xdr:cNvPicPr>
              <a:picLocks noChangeAspect="1" noChangeArrowheads="1"/>
              <a:extLst>
                <a:ext uri="{84589F7E-364E-4C9E-8A38-B11213B215E9}">
                  <a14:cameraTool cellRange="'別紙－１施工体制台帳（写）提出時のチェックリスト '!$B$1:$AK$39" spid="_x0000_s44375"/>
                </a:ext>
              </a:extLst>
            </xdr:cNvPicPr>
          </xdr:nvPicPr>
          <xdr:blipFill>
            <a:blip xmlns:r="http://schemas.openxmlformats.org/officeDocument/2006/relationships" r:embed="rId1"/>
            <a:srcRect/>
            <a:stretch>
              <a:fillRect/>
            </a:stretch>
          </xdr:blipFill>
          <xdr:spPr bwMode="auto">
            <a:xfrm>
              <a:off x="2486025" y="8382000"/>
              <a:ext cx="9525000" cy="6309250"/>
            </a:xfrm>
            <a:prstGeom prst="rect">
              <a:avLst/>
            </a:prstGeom>
            <a:solidFill>
              <a:schemeClr val="bg1"/>
            </a:solidFill>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8750</xdr:colOff>
          <xdr:row>11</xdr:row>
          <xdr:rowOff>12700</xdr:rowOff>
        </xdr:from>
        <xdr:to>
          <xdr:col>7</xdr:col>
          <xdr:colOff>603250</xdr:colOff>
          <xdr:row>11</xdr:row>
          <xdr:rowOff>234950</xdr:rowOff>
        </xdr:to>
        <xdr:sp macro="" textlink="">
          <xdr:nvSpPr>
            <xdr:cNvPr id="44058" name="Check Box 26" hidden="1">
              <a:extLst>
                <a:ext uri="{63B3BB69-23CF-44E3-9099-C40C66FF867C}">
                  <a14:compatExt spid="_x0000_s44058"/>
                </a:ext>
                <a:ext uri="{FF2B5EF4-FFF2-40B4-BE49-F238E27FC236}">
                  <a16:creationId xmlns:a16="http://schemas.microsoft.com/office/drawing/2014/main" id="{00000000-0008-0000-0400-00001AA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7</xdr:col>
      <xdr:colOff>506730</xdr:colOff>
      <xdr:row>15</xdr:row>
      <xdr:rowOff>1905</xdr:rowOff>
    </xdr:from>
    <xdr:to>
      <xdr:col>20</xdr:col>
      <xdr:colOff>982980</xdr:colOff>
      <xdr:row>18</xdr:row>
      <xdr:rowOff>17145</xdr:rowOff>
    </xdr:to>
    <xdr:sp macro="" textlink="">
      <xdr:nvSpPr>
        <xdr:cNvPr id="48" name="大かっこ 50">
          <a:extLst>
            <a:ext uri="{FF2B5EF4-FFF2-40B4-BE49-F238E27FC236}">
              <a16:creationId xmlns:a16="http://schemas.microsoft.com/office/drawing/2014/main" id="{00000000-0008-0000-0400-000030000000}"/>
            </a:ext>
          </a:extLst>
        </xdr:cNvPr>
        <xdr:cNvSpPr>
          <a:spLocks noChangeArrowheads="1"/>
        </xdr:cNvSpPr>
      </xdr:nvSpPr>
      <xdr:spPr bwMode="auto">
        <a:xfrm>
          <a:off x="2548890" y="3270885"/>
          <a:ext cx="8126730" cy="754380"/>
        </a:xfrm>
        <a:prstGeom prst="bracketPair">
          <a:avLst>
            <a:gd name="adj" fmla="val 16667"/>
          </a:avLst>
        </a:prstGeom>
        <a:ln>
          <a:headEnd/>
          <a:tailEnd/>
        </a:ln>
      </xdr:spPr>
      <xdr:style>
        <a:lnRef idx="1">
          <a:schemeClr val="dk1"/>
        </a:lnRef>
        <a:fillRef idx="0">
          <a:schemeClr val="dk1"/>
        </a:fillRef>
        <a:effectRef idx="0">
          <a:schemeClr val="dk1"/>
        </a:effectRef>
        <a:fontRef idx="minor">
          <a:schemeClr val="tx1"/>
        </a:fontRef>
      </xdr:style>
    </xdr: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63500</xdr:colOff>
          <xdr:row>7</xdr:row>
          <xdr:rowOff>38100</xdr:rowOff>
        </xdr:from>
        <xdr:to>
          <xdr:col>5</xdr:col>
          <xdr:colOff>6350</xdr:colOff>
          <xdr:row>7</xdr:row>
          <xdr:rowOff>215900</xdr:rowOff>
        </xdr:to>
        <xdr:sp macro="" textlink="">
          <xdr:nvSpPr>
            <xdr:cNvPr id="55304" name="Check Box 8" hidden="1">
              <a:extLst>
                <a:ext uri="{63B3BB69-23CF-44E3-9099-C40C66FF867C}">
                  <a14:compatExt spid="_x0000_s55304"/>
                </a:ext>
                <a:ext uri="{FF2B5EF4-FFF2-40B4-BE49-F238E27FC236}">
                  <a16:creationId xmlns:a16="http://schemas.microsoft.com/office/drawing/2014/main" id="{00000000-0008-0000-0500-000008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4450</xdr:colOff>
          <xdr:row>8</xdr:row>
          <xdr:rowOff>63500</xdr:rowOff>
        </xdr:from>
        <xdr:to>
          <xdr:col>5</xdr:col>
          <xdr:colOff>0</xdr:colOff>
          <xdr:row>8</xdr:row>
          <xdr:rowOff>228600</xdr:rowOff>
        </xdr:to>
        <xdr:sp macro="" textlink="">
          <xdr:nvSpPr>
            <xdr:cNvPr id="55305" name="Check Box 9" hidden="1">
              <a:extLst>
                <a:ext uri="{63B3BB69-23CF-44E3-9099-C40C66FF867C}">
                  <a14:compatExt spid="_x0000_s55305"/>
                </a:ext>
                <a:ext uri="{FF2B5EF4-FFF2-40B4-BE49-F238E27FC236}">
                  <a16:creationId xmlns:a16="http://schemas.microsoft.com/office/drawing/2014/main" id="{00000000-0008-0000-0500-000009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4450</xdr:colOff>
          <xdr:row>9</xdr:row>
          <xdr:rowOff>63500</xdr:rowOff>
        </xdr:from>
        <xdr:to>
          <xdr:col>5</xdr:col>
          <xdr:colOff>0</xdr:colOff>
          <xdr:row>9</xdr:row>
          <xdr:rowOff>228600</xdr:rowOff>
        </xdr:to>
        <xdr:sp macro="" textlink="">
          <xdr:nvSpPr>
            <xdr:cNvPr id="55306" name="Check Box 10" hidden="1">
              <a:extLst>
                <a:ext uri="{63B3BB69-23CF-44E3-9099-C40C66FF867C}">
                  <a14:compatExt spid="_x0000_s55306"/>
                </a:ext>
                <a:ext uri="{FF2B5EF4-FFF2-40B4-BE49-F238E27FC236}">
                  <a16:creationId xmlns:a16="http://schemas.microsoft.com/office/drawing/2014/main" id="{00000000-0008-0000-0500-00000A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3500</xdr:colOff>
          <xdr:row>10</xdr:row>
          <xdr:rowOff>69850</xdr:rowOff>
        </xdr:from>
        <xdr:to>
          <xdr:col>5</xdr:col>
          <xdr:colOff>6350</xdr:colOff>
          <xdr:row>10</xdr:row>
          <xdr:rowOff>234950</xdr:rowOff>
        </xdr:to>
        <xdr:sp macro="" textlink="">
          <xdr:nvSpPr>
            <xdr:cNvPr id="55307" name="Check Box 11" hidden="1">
              <a:extLst>
                <a:ext uri="{63B3BB69-23CF-44E3-9099-C40C66FF867C}">
                  <a14:compatExt spid="_x0000_s55307"/>
                </a:ext>
                <a:ext uri="{FF2B5EF4-FFF2-40B4-BE49-F238E27FC236}">
                  <a16:creationId xmlns:a16="http://schemas.microsoft.com/office/drawing/2014/main" id="{00000000-0008-0000-0500-00000B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3500</xdr:colOff>
          <xdr:row>11</xdr:row>
          <xdr:rowOff>69850</xdr:rowOff>
        </xdr:from>
        <xdr:to>
          <xdr:col>5</xdr:col>
          <xdr:colOff>6350</xdr:colOff>
          <xdr:row>11</xdr:row>
          <xdr:rowOff>234950</xdr:rowOff>
        </xdr:to>
        <xdr:sp macro="" textlink="">
          <xdr:nvSpPr>
            <xdr:cNvPr id="55308" name="Check Box 12" hidden="1">
              <a:extLst>
                <a:ext uri="{63B3BB69-23CF-44E3-9099-C40C66FF867C}">
                  <a14:compatExt spid="_x0000_s55308"/>
                </a:ext>
                <a:ext uri="{FF2B5EF4-FFF2-40B4-BE49-F238E27FC236}">
                  <a16:creationId xmlns:a16="http://schemas.microsoft.com/office/drawing/2014/main" id="{00000000-0008-0000-0500-00000C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3500</xdr:colOff>
          <xdr:row>12</xdr:row>
          <xdr:rowOff>69850</xdr:rowOff>
        </xdr:from>
        <xdr:to>
          <xdr:col>5</xdr:col>
          <xdr:colOff>6350</xdr:colOff>
          <xdr:row>12</xdr:row>
          <xdr:rowOff>234950</xdr:rowOff>
        </xdr:to>
        <xdr:sp macro="" textlink="">
          <xdr:nvSpPr>
            <xdr:cNvPr id="55309" name="Check Box 13" hidden="1">
              <a:extLst>
                <a:ext uri="{63B3BB69-23CF-44E3-9099-C40C66FF867C}">
                  <a14:compatExt spid="_x0000_s55309"/>
                </a:ext>
                <a:ext uri="{FF2B5EF4-FFF2-40B4-BE49-F238E27FC236}">
                  <a16:creationId xmlns:a16="http://schemas.microsoft.com/office/drawing/2014/main" id="{00000000-0008-0000-0500-00000D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6.xml><?xml version="1.0" encoding="utf-8"?>
<xdr:wsDr xmlns:xdr="http://schemas.openxmlformats.org/drawingml/2006/spreadsheetDrawing" xmlns:a="http://schemas.openxmlformats.org/drawingml/2006/main">
  <xdr:twoCellAnchor>
    <xdr:from>
      <xdr:col>2</xdr:col>
      <xdr:colOff>216950</xdr:colOff>
      <xdr:row>9</xdr:row>
      <xdr:rowOff>55995</xdr:rowOff>
    </xdr:from>
    <xdr:to>
      <xdr:col>22</xdr:col>
      <xdr:colOff>155864</xdr:colOff>
      <xdr:row>53</xdr:row>
      <xdr:rowOff>24245</xdr:rowOff>
    </xdr:to>
    <xdr:grpSp>
      <xdr:nvGrpSpPr>
        <xdr:cNvPr id="28" name="グループ化 27">
          <a:extLst>
            <a:ext uri="{FF2B5EF4-FFF2-40B4-BE49-F238E27FC236}">
              <a16:creationId xmlns:a16="http://schemas.microsoft.com/office/drawing/2014/main" id="{00000000-0008-0000-0600-00001C000000}"/>
            </a:ext>
          </a:extLst>
        </xdr:cNvPr>
        <xdr:cNvGrpSpPr/>
      </xdr:nvGrpSpPr>
      <xdr:grpSpPr>
        <a:xfrm>
          <a:off x="540223" y="1989859"/>
          <a:ext cx="9140641" cy="7351568"/>
          <a:chOff x="588876" y="1564628"/>
          <a:chExt cx="9867134" cy="6739103"/>
        </a:xfrm>
      </xdr:grpSpPr>
      <xdr:grpSp>
        <xdr:nvGrpSpPr>
          <xdr:cNvPr id="6" name="グループ化 5">
            <a:extLst>
              <a:ext uri="{FF2B5EF4-FFF2-40B4-BE49-F238E27FC236}">
                <a16:creationId xmlns:a16="http://schemas.microsoft.com/office/drawing/2014/main" id="{00000000-0008-0000-0600-000006000000}"/>
              </a:ext>
            </a:extLst>
          </xdr:cNvPr>
          <xdr:cNvGrpSpPr/>
        </xdr:nvGrpSpPr>
        <xdr:grpSpPr>
          <a:xfrm>
            <a:off x="588876" y="1564628"/>
            <a:ext cx="9867134" cy="5534123"/>
            <a:chOff x="592303" y="1908983"/>
            <a:chExt cx="9825394" cy="5313059"/>
          </a:xfrm>
        </xdr:grpSpPr>
        <mc:AlternateContent xmlns:mc="http://schemas.openxmlformats.org/markup-compatibility/2006">
          <mc:Choice xmlns:a14="http://schemas.microsoft.com/office/drawing/2010/main" Requires="a14">
            <xdr:sp macro="" textlink="">
              <xdr:nvSpPr>
                <xdr:cNvPr id="48129" name="Check Box 1" hidden="1">
                  <a:extLst>
                    <a:ext uri="{63B3BB69-23CF-44E3-9099-C40C66FF867C}">
                      <a14:compatExt spid="_x0000_s48129"/>
                    </a:ext>
                    <a:ext uri="{FF2B5EF4-FFF2-40B4-BE49-F238E27FC236}">
                      <a16:creationId xmlns:a16="http://schemas.microsoft.com/office/drawing/2014/main" id="{00000000-0008-0000-0600-000001BC0000}"/>
                    </a:ext>
                  </a:extLst>
                </xdr:cNvPr>
                <xdr:cNvSpPr/>
              </xdr:nvSpPr>
              <xdr:spPr bwMode="auto">
                <a:xfrm>
                  <a:off x="1001453" y="4369455"/>
                  <a:ext cx="257175" cy="1428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mc:AlternateContent xmlns:mc="http://schemas.openxmlformats.org/markup-compatibility/2006">
          <mc:Choice xmlns:a14="http://schemas.microsoft.com/office/drawing/2010/main" Requires="a14">
            <xdr:sp macro="" textlink="">
              <xdr:nvSpPr>
                <xdr:cNvPr id="48130" name="Check Box 2" hidden="1">
                  <a:extLst>
                    <a:ext uri="{63B3BB69-23CF-44E3-9099-C40C66FF867C}">
                      <a14:compatExt spid="_x0000_s48130"/>
                    </a:ext>
                    <a:ext uri="{FF2B5EF4-FFF2-40B4-BE49-F238E27FC236}">
                      <a16:creationId xmlns:a16="http://schemas.microsoft.com/office/drawing/2014/main" id="{00000000-0008-0000-0600-000002BC0000}"/>
                    </a:ext>
                  </a:extLst>
                </xdr:cNvPr>
                <xdr:cNvSpPr/>
              </xdr:nvSpPr>
              <xdr:spPr bwMode="auto">
                <a:xfrm>
                  <a:off x="988792" y="1908983"/>
                  <a:ext cx="257175" cy="1428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mc:AlternateContent xmlns:mc="http://schemas.openxmlformats.org/markup-compatibility/2006">
          <mc:Choice xmlns:a14="http://schemas.microsoft.com/office/drawing/2010/main" Requires="a14">
            <xdr:sp macro="" textlink="">
              <xdr:nvSpPr>
                <xdr:cNvPr id="48131" name="Check Box 3" hidden="1">
                  <a:extLst>
                    <a:ext uri="{63B3BB69-23CF-44E3-9099-C40C66FF867C}">
                      <a14:compatExt spid="_x0000_s48131"/>
                    </a:ext>
                    <a:ext uri="{FF2B5EF4-FFF2-40B4-BE49-F238E27FC236}">
                      <a16:creationId xmlns:a16="http://schemas.microsoft.com/office/drawing/2014/main" id="{00000000-0008-0000-0600-000003BC0000}"/>
                    </a:ext>
                  </a:extLst>
                </xdr:cNvPr>
                <xdr:cNvSpPr/>
              </xdr:nvSpPr>
              <xdr:spPr bwMode="auto">
                <a:xfrm>
                  <a:off x="988792" y="2074870"/>
                  <a:ext cx="257175" cy="1428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mc:AlternateContent xmlns:mc="http://schemas.openxmlformats.org/markup-compatibility/2006">
          <mc:Choice xmlns:a14="http://schemas.microsoft.com/office/drawing/2010/main" Requires="a14">
            <xdr:sp macro="" textlink="">
              <xdr:nvSpPr>
                <xdr:cNvPr id="48133" name="Check Box 5" hidden="1">
                  <a:extLst>
                    <a:ext uri="{63B3BB69-23CF-44E3-9099-C40C66FF867C}">
                      <a14:compatExt spid="_x0000_s48133"/>
                    </a:ext>
                    <a:ext uri="{FF2B5EF4-FFF2-40B4-BE49-F238E27FC236}">
                      <a16:creationId xmlns:a16="http://schemas.microsoft.com/office/drawing/2014/main" id="{00000000-0008-0000-0600-000005BC0000}"/>
                    </a:ext>
                  </a:extLst>
                </xdr:cNvPr>
                <xdr:cNvSpPr/>
              </xdr:nvSpPr>
              <xdr:spPr bwMode="auto">
                <a:xfrm>
                  <a:off x="994745" y="2398418"/>
                  <a:ext cx="257175" cy="1428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mc:AlternateContent xmlns:mc="http://schemas.openxmlformats.org/markup-compatibility/2006">
          <mc:Choice xmlns:a14="http://schemas.microsoft.com/office/drawing/2010/main" Requires="a14">
            <xdr:sp macro="" textlink="">
              <xdr:nvSpPr>
                <xdr:cNvPr id="48137" name="Check Box 9" hidden="1">
                  <a:extLst>
                    <a:ext uri="{63B3BB69-23CF-44E3-9099-C40C66FF867C}">
                      <a14:compatExt spid="_x0000_s48137"/>
                    </a:ext>
                    <a:ext uri="{FF2B5EF4-FFF2-40B4-BE49-F238E27FC236}">
                      <a16:creationId xmlns:a16="http://schemas.microsoft.com/office/drawing/2014/main" id="{00000000-0008-0000-0600-000009BC0000}"/>
                    </a:ext>
                  </a:extLst>
                </xdr:cNvPr>
                <xdr:cNvSpPr/>
              </xdr:nvSpPr>
              <xdr:spPr bwMode="auto">
                <a:xfrm>
                  <a:off x="1000698" y="3551921"/>
                  <a:ext cx="257175" cy="1428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mc:AlternateContent xmlns:mc="http://schemas.openxmlformats.org/markup-compatibility/2006">
          <mc:Choice xmlns:a14="http://schemas.microsoft.com/office/drawing/2010/main" Requires="a14">
            <xdr:sp macro="" textlink="">
              <xdr:nvSpPr>
                <xdr:cNvPr id="48142" name="Check Box 14" hidden="1">
                  <a:extLst>
                    <a:ext uri="{63B3BB69-23CF-44E3-9099-C40C66FF867C}">
                      <a14:compatExt spid="_x0000_s48142"/>
                    </a:ext>
                    <a:ext uri="{FF2B5EF4-FFF2-40B4-BE49-F238E27FC236}">
                      <a16:creationId xmlns:a16="http://schemas.microsoft.com/office/drawing/2014/main" id="{00000000-0008-0000-0600-00000EBC0000}"/>
                    </a:ext>
                  </a:extLst>
                </xdr:cNvPr>
                <xdr:cNvSpPr/>
              </xdr:nvSpPr>
              <xdr:spPr bwMode="auto">
                <a:xfrm>
                  <a:off x="1000698" y="3220316"/>
                  <a:ext cx="257175" cy="1428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xdr:grpSp>
          <xdr:nvGrpSpPr>
            <xdr:cNvPr id="3" name="グループ化 2">
              <a:extLst>
                <a:ext uri="{FF2B5EF4-FFF2-40B4-BE49-F238E27FC236}">
                  <a16:creationId xmlns:a16="http://schemas.microsoft.com/office/drawing/2014/main" id="{00000000-0008-0000-0600-000003000000}"/>
                </a:ext>
              </a:extLst>
            </xdr:cNvPr>
            <xdr:cNvGrpSpPr/>
          </xdr:nvGrpSpPr>
          <xdr:grpSpPr>
            <a:xfrm>
              <a:off x="767178" y="5373778"/>
              <a:ext cx="4080719" cy="1828762"/>
              <a:chOff x="3542454" y="9535583"/>
              <a:chExt cx="5691664" cy="2521205"/>
            </a:xfrm>
          </xdr:grpSpPr>
          <xdr:sp macro="" textlink="">
            <xdr:nvSpPr>
              <xdr:cNvPr id="92" name="object 3">
                <a:extLst>
                  <a:ext uri="{FF2B5EF4-FFF2-40B4-BE49-F238E27FC236}">
                    <a16:creationId xmlns:a16="http://schemas.microsoft.com/office/drawing/2014/main" id="{00000000-0008-0000-0600-00005C000000}"/>
                  </a:ext>
                </a:extLst>
              </xdr:cNvPr>
              <xdr:cNvSpPr/>
            </xdr:nvSpPr>
            <xdr:spPr>
              <a:xfrm>
                <a:off x="8151792" y="11164739"/>
                <a:ext cx="0" cy="234950"/>
              </a:xfrm>
              <a:custGeom>
                <a:avLst/>
                <a:gdLst/>
                <a:ahLst/>
                <a:cxnLst/>
                <a:rect l="l" t="t" r="r" b="b"/>
                <a:pathLst>
                  <a:path h="234950">
                    <a:moveTo>
                      <a:pt x="0" y="0"/>
                    </a:moveTo>
                    <a:lnTo>
                      <a:pt x="0" y="234696"/>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93" name="object 4">
                <a:extLst>
                  <a:ext uri="{FF2B5EF4-FFF2-40B4-BE49-F238E27FC236}">
                    <a16:creationId xmlns:a16="http://schemas.microsoft.com/office/drawing/2014/main" id="{00000000-0008-0000-0600-00005D000000}"/>
                  </a:ext>
                </a:extLst>
              </xdr:cNvPr>
              <xdr:cNvSpPr/>
            </xdr:nvSpPr>
            <xdr:spPr>
              <a:xfrm>
                <a:off x="6152304" y="11154071"/>
                <a:ext cx="0" cy="248920"/>
              </a:xfrm>
              <a:custGeom>
                <a:avLst/>
                <a:gdLst/>
                <a:ahLst/>
                <a:cxnLst/>
                <a:rect l="l" t="t" r="r" b="b"/>
                <a:pathLst>
                  <a:path h="248919">
                    <a:moveTo>
                      <a:pt x="0" y="0"/>
                    </a:moveTo>
                    <a:lnTo>
                      <a:pt x="0" y="248411"/>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94" name="object 5">
                <a:extLst>
                  <a:ext uri="{FF2B5EF4-FFF2-40B4-BE49-F238E27FC236}">
                    <a16:creationId xmlns:a16="http://schemas.microsoft.com/office/drawing/2014/main" id="{00000000-0008-0000-0600-00005E000000}"/>
                  </a:ext>
                </a:extLst>
              </xdr:cNvPr>
              <xdr:cNvSpPr/>
            </xdr:nvSpPr>
            <xdr:spPr>
              <a:xfrm>
                <a:off x="4341030" y="9652930"/>
                <a:ext cx="0" cy="678180"/>
              </a:xfrm>
              <a:custGeom>
                <a:avLst/>
                <a:gdLst/>
                <a:ahLst/>
                <a:cxnLst/>
                <a:rect l="l" t="t" r="r" b="b"/>
                <a:pathLst>
                  <a:path h="678180">
                    <a:moveTo>
                      <a:pt x="0" y="0"/>
                    </a:moveTo>
                    <a:lnTo>
                      <a:pt x="0" y="678180"/>
                    </a:lnTo>
                  </a:path>
                </a:pathLst>
              </a:custGeom>
              <a:ln w="12192">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95" name="object 6">
                <a:extLst>
                  <a:ext uri="{FF2B5EF4-FFF2-40B4-BE49-F238E27FC236}">
                    <a16:creationId xmlns:a16="http://schemas.microsoft.com/office/drawing/2014/main" id="{00000000-0008-0000-0600-00005F000000}"/>
                  </a:ext>
                </a:extLst>
              </xdr:cNvPr>
              <xdr:cNvSpPr/>
            </xdr:nvSpPr>
            <xdr:spPr>
              <a:xfrm>
                <a:off x="4341030" y="10789834"/>
                <a:ext cx="0" cy="608330"/>
              </a:xfrm>
              <a:custGeom>
                <a:avLst/>
                <a:gdLst/>
                <a:ahLst/>
                <a:cxnLst/>
                <a:rect l="l" t="t" r="r" b="b"/>
                <a:pathLst>
                  <a:path h="608330">
                    <a:moveTo>
                      <a:pt x="0" y="0"/>
                    </a:moveTo>
                    <a:lnTo>
                      <a:pt x="0" y="608075"/>
                    </a:lnTo>
                  </a:path>
                </a:pathLst>
              </a:custGeom>
              <a:ln w="12192">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97" name="object 8">
                <a:extLst>
                  <a:ext uri="{FF2B5EF4-FFF2-40B4-BE49-F238E27FC236}">
                    <a16:creationId xmlns:a16="http://schemas.microsoft.com/office/drawing/2014/main" id="{00000000-0008-0000-0600-000061000000}"/>
                  </a:ext>
                </a:extLst>
              </xdr:cNvPr>
              <xdr:cNvSpPr/>
            </xdr:nvSpPr>
            <xdr:spPr>
              <a:xfrm>
                <a:off x="5430689" y="11397911"/>
                <a:ext cx="1700514" cy="478790"/>
              </a:xfrm>
              <a:custGeom>
                <a:avLst/>
                <a:gdLst/>
                <a:ahLst/>
                <a:cxnLst/>
                <a:rect l="l" t="t" r="r" b="b"/>
                <a:pathLst>
                  <a:path w="1568450" h="478789">
                    <a:moveTo>
                      <a:pt x="1566672" y="0"/>
                    </a:moveTo>
                    <a:lnTo>
                      <a:pt x="1524" y="0"/>
                    </a:lnTo>
                    <a:lnTo>
                      <a:pt x="0" y="1524"/>
                    </a:lnTo>
                    <a:lnTo>
                      <a:pt x="0" y="475488"/>
                    </a:lnTo>
                    <a:lnTo>
                      <a:pt x="1524" y="478536"/>
                    </a:lnTo>
                    <a:lnTo>
                      <a:pt x="1566672" y="478536"/>
                    </a:lnTo>
                    <a:lnTo>
                      <a:pt x="1568196" y="475488"/>
                    </a:lnTo>
                    <a:lnTo>
                      <a:pt x="1568196" y="472439"/>
                    </a:lnTo>
                    <a:lnTo>
                      <a:pt x="9144" y="472439"/>
                    </a:lnTo>
                    <a:lnTo>
                      <a:pt x="4572" y="467867"/>
                    </a:lnTo>
                    <a:lnTo>
                      <a:pt x="9144" y="467867"/>
                    </a:lnTo>
                    <a:lnTo>
                      <a:pt x="9144" y="9143"/>
                    </a:lnTo>
                    <a:lnTo>
                      <a:pt x="4572" y="9143"/>
                    </a:lnTo>
                    <a:lnTo>
                      <a:pt x="9144" y="4571"/>
                    </a:lnTo>
                    <a:lnTo>
                      <a:pt x="1568196" y="4571"/>
                    </a:lnTo>
                    <a:lnTo>
                      <a:pt x="1568196" y="1524"/>
                    </a:lnTo>
                    <a:lnTo>
                      <a:pt x="1566672" y="0"/>
                    </a:lnTo>
                    <a:close/>
                  </a:path>
                  <a:path w="1568450" h="478789">
                    <a:moveTo>
                      <a:pt x="9144" y="467867"/>
                    </a:moveTo>
                    <a:lnTo>
                      <a:pt x="4572" y="467867"/>
                    </a:lnTo>
                    <a:lnTo>
                      <a:pt x="9144" y="472439"/>
                    </a:lnTo>
                    <a:lnTo>
                      <a:pt x="9144" y="467867"/>
                    </a:lnTo>
                    <a:close/>
                  </a:path>
                  <a:path w="1568450" h="478789">
                    <a:moveTo>
                      <a:pt x="1559052" y="467867"/>
                    </a:moveTo>
                    <a:lnTo>
                      <a:pt x="9144" y="467867"/>
                    </a:lnTo>
                    <a:lnTo>
                      <a:pt x="9144" y="472439"/>
                    </a:lnTo>
                    <a:lnTo>
                      <a:pt x="1559052" y="472439"/>
                    </a:lnTo>
                    <a:lnTo>
                      <a:pt x="1559052" y="467867"/>
                    </a:lnTo>
                    <a:close/>
                  </a:path>
                  <a:path w="1568450" h="478789">
                    <a:moveTo>
                      <a:pt x="1559052" y="4571"/>
                    </a:moveTo>
                    <a:lnTo>
                      <a:pt x="1559052" y="472439"/>
                    </a:lnTo>
                    <a:lnTo>
                      <a:pt x="1563624" y="467867"/>
                    </a:lnTo>
                    <a:lnTo>
                      <a:pt x="1568196" y="467867"/>
                    </a:lnTo>
                    <a:lnTo>
                      <a:pt x="1568196" y="9143"/>
                    </a:lnTo>
                    <a:lnTo>
                      <a:pt x="1563624" y="9143"/>
                    </a:lnTo>
                    <a:lnTo>
                      <a:pt x="1559052" y="4571"/>
                    </a:lnTo>
                    <a:close/>
                  </a:path>
                  <a:path w="1568450" h="478789">
                    <a:moveTo>
                      <a:pt x="1568196" y="467867"/>
                    </a:moveTo>
                    <a:lnTo>
                      <a:pt x="1563624" y="467867"/>
                    </a:lnTo>
                    <a:lnTo>
                      <a:pt x="1559052" y="472439"/>
                    </a:lnTo>
                    <a:lnTo>
                      <a:pt x="1568196" y="472439"/>
                    </a:lnTo>
                    <a:lnTo>
                      <a:pt x="1568196" y="467867"/>
                    </a:lnTo>
                    <a:close/>
                  </a:path>
                  <a:path w="1568450" h="478789">
                    <a:moveTo>
                      <a:pt x="9144" y="4571"/>
                    </a:moveTo>
                    <a:lnTo>
                      <a:pt x="4572" y="9143"/>
                    </a:lnTo>
                    <a:lnTo>
                      <a:pt x="9144" y="9143"/>
                    </a:lnTo>
                    <a:lnTo>
                      <a:pt x="9144" y="4571"/>
                    </a:lnTo>
                    <a:close/>
                  </a:path>
                  <a:path w="1568450" h="478789">
                    <a:moveTo>
                      <a:pt x="1559052" y="4571"/>
                    </a:moveTo>
                    <a:lnTo>
                      <a:pt x="9144" y="4571"/>
                    </a:lnTo>
                    <a:lnTo>
                      <a:pt x="9144" y="9143"/>
                    </a:lnTo>
                    <a:lnTo>
                      <a:pt x="1559052" y="9143"/>
                    </a:lnTo>
                    <a:lnTo>
                      <a:pt x="1559052" y="4571"/>
                    </a:lnTo>
                    <a:close/>
                  </a:path>
                  <a:path w="1568450" h="478789">
                    <a:moveTo>
                      <a:pt x="1568196" y="4571"/>
                    </a:moveTo>
                    <a:lnTo>
                      <a:pt x="1559052" y="4571"/>
                    </a:lnTo>
                    <a:lnTo>
                      <a:pt x="1563624" y="9143"/>
                    </a:lnTo>
                    <a:lnTo>
                      <a:pt x="1568196" y="9143"/>
                    </a:lnTo>
                    <a:lnTo>
                      <a:pt x="1568196" y="4571"/>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02" name="object 14">
                <a:extLst>
                  <a:ext uri="{FF2B5EF4-FFF2-40B4-BE49-F238E27FC236}">
                    <a16:creationId xmlns:a16="http://schemas.microsoft.com/office/drawing/2014/main" id="{00000000-0008-0000-0600-000066000000}"/>
                  </a:ext>
                </a:extLst>
              </xdr:cNvPr>
              <xdr:cNvSpPr/>
            </xdr:nvSpPr>
            <xdr:spPr>
              <a:xfrm>
                <a:off x="3679613" y="10326539"/>
                <a:ext cx="1176655" cy="467995"/>
              </a:xfrm>
              <a:custGeom>
                <a:avLst/>
                <a:gdLst/>
                <a:ahLst/>
                <a:cxnLst/>
                <a:rect l="l" t="t" r="r" b="b"/>
                <a:pathLst>
                  <a:path w="1176654" h="467994">
                    <a:moveTo>
                      <a:pt x="1173479" y="0"/>
                    </a:moveTo>
                    <a:lnTo>
                      <a:pt x="1524" y="0"/>
                    </a:lnTo>
                    <a:lnTo>
                      <a:pt x="0" y="1524"/>
                    </a:lnTo>
                    <a:lnTo>
                      <a:pt x="0" y="466343"/>
                    </a:lnTo>
                    <a:lnTo>
                      <a:pt x="1524" y="467867"/>
                    </a:lnTo>
                    <a:lnTo>
                      <a:pt x="1173479" y="467867"/>
                    </a:lnTo>
                    <a:lnTo>
                      <a:pt x="1176527" y="466343"/>
                    </a:lnTo>
                    <a:lnTo>
                      <a:pt x="1176527" y="463296"/>
                    </a:lnTo>
                    <a:lnTo>
                      <a:pt x="10667" y="463296"/>
                    </a:lnTo>
                    <a:lnTo>
                      <a:pt x="4572" y="458724"/>
                    </a:lnTo>
                    <a:lnTo>
                      <a:pt x="10667" y="458724"/>
                    </a:lnTo>
                    <a:lnTo>
                      <a:pt x="10667" y="10667"/>
                    </a:lnTo>
                    <a:lnTo>
                      <a:pt x="4572" y="10667"/>
                    </a:lnTo>
                    <a:lnTo>
                      <a:pt x="10667" y="4572"/>
                    </a:lnTo>
                    <a:lnTo>
                      <a:pt x="1176527" y="4572"/>
                    </a:lnTo>
                    <a:lnTo>
                      <a:pt x="1176527" y="1524"/>
                    </a:lnTo>
                    <a:lnTo>
                      <a:pt x="1173479" y="0"/>
                    </a:lnTo>
                    <a:close/>
                  </a:path>
                  <a:path w="1176654" h="467994">
                    <a:moveTo>
                      <a:pt x="10667" y="458724"/>
                    </a:moveTo>
                    <a:lnTo>
                      <a:pt x="4572" y="458724"/>
                    </a:lnTo>
                    <a:lnTo>
                      <a:pt x="10667" y="463296"/>
                    </a:lnTo>
                    <a:lnTo>
                      <a:pt x="10667" y="458724"/>
                    </a:lnTo>
                    <a:close/>
                  </a:path>
                  <a:path w="1176654" h="467994">
                    <a:moveTo>
                      <a:pt x="1165860" y="458724"/>
                    </a:moveTo>
                    <a:lnTo>
                      <a:pt x="10667" y="458724"/>
                    </a:lnTo>
                    <a:lnTo>
                      <a:pt x="10667" y="463296"/>
                    </a:lnTo>
                    <a:lnTo>
                      <a:pt x="1165860" y="463296"/>
                    </a:lnTo>
                    <a:lnTo>
                      <a:pt x="1165860" y="458724"/>
                    </a:lnTo>
                    <a:close/>
                  </a:path>
                  <a:path w="1176654" h="467994">
                    <a:moveTo>
                      <a:pt x="1165860" y="4572"/>
                    </a:moveTo>
                    <a:lnTo>
                      <a:pt x="1165860" y="463296"/>
                    </a:lnTo>
                    <a:lnTo>
                      <a:pt x="1170431" y="458724"/>
                    </a:lnTo>
                    <a:lnTo>
                      <a:pt x="1176527" y="458724"/>
                    </a:lnTo>
                    <a:lnTo>
                      <a:pt x="1176527" y="10667"/>
                    </a:lnTo>
                    <a:lnTo>
                      <a:pt x="1170431" y="10667"/>
                    </a:lnTo>
                    <a:lnTo>
                      <a:pt x="1165860" y="4572"/>
                    </a:lnTo>
                    <a:close/>
                  </a:path>
                  <a:path w="1176654" h="467994">
                    <a:moveTo>
                      <a:pt x="1176527" y="458724"/>
                    </a:moveTo>
                    <a:lnTo>
                      <a:pt x="1170431" y="458724"/>
                    </a:lnTo>
                    <a:lnTo>
                      <a:pt x="1165860" y="463296"/>
                    </a:lnTo>
                    <a:lnTo>
                      <a:pt x="1176527" y="463296"/>
                    </a:lnTo>
                    <a:lnTo>
                      <a:pt x="1176527" y="458724"/>
                    </a:lnTo>
                    <a:close/>
                  </a:path>
                  <a:path w="1176654" h="467994">
                    <a:moveTo>
                      <a:pt x="10667" y="4572"/>
                    </a:moveTo>
                    <a:lnTo>
                      <a:pt x="4572" y="10667"/>
                    </a:lnTo>
                    <a:lnTo>
                      <a:pt x="10667" y="10667"/>
                    </a:lnTo>
                    <a:lnTo>
                      <a:pt x="10667" y="4572"/>
                    </a:lnTo>
                    <a:close/>
                  </a:path>
                  <a:path w="1176654" h="467994">
                    <a:moveTo>
                      <a:pt x="1165860" y="4572"/>
                    </a:moveTo>
                    <a:lnTo>
                      <a:pt x="10667" y="4572"/>
                    </a:lnTo>
                    <a:lnTo>
                      <a:pt x="10667" y="10667"/>
                    </a:lnTo>
                    <a:lnTo>
                      <a:pt x="1165860" y="10667"/>
                    </a:lnTo>
                    <a:lnTo>
                      <a:pt x="1165860" y="4572"/>
                    </a:lnTo>
                    <a:close/>
                  </a:path>
                  <a:path w="1176654" h="467994">
                    <a:moveTo>
                      <a:pt x="1176527" y="4572"/>
                    </a:moveTo>
                    <a:lnTo>
                      <a:pt x="1165860" y="4572"/>
                    </a:lnTo>
                    <a:lnTo>
                      <a:pt x="1170431" y="10667"/>
                    </a:lnTo>
                    <a:lnTo>
                      <a:pt x="1176527" y="10667"/>
                    </a:lnTo>
                    <a:lnTo>
                      <a:pt x="1176527" y="4572"/>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03" name="object 15">
                <a:extLst>
                  <a:ext uri="{FF2B5EF4-FFF2-40B4-BE49-F238E27FC236}">
                    <a16:creationId xmlns:a16="http://schemas.microsoft.com/office/drawing/2014/main" id="{00000000-0008-0000-0600-000067000000}"/>
                  </a:ext>
                </a:extLst>
              </xdr:cNvPr>
              <xdr:cNvSpPr txBox="1"/>
            </xdr:nvSpPr>
            <xdr:spPr>
              <a:xfrm>
                <a:off x="3938322" y="10340949"/>
                <a:ext cx="765469" cy="180490"/>
              </a:xfrm>
              <a:prstGeom prst="rect">
                <a:avLst/>
              </a:prstGeom>
            </xdr:spPr>
            <xdr:txBody>
              <a:bodyPr vert="horz" wrap="square" lIns="0" tIns="15240" rIns="0" bIns="0"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元請Ｘ社</a:t>
                </a:r>
                <a:endParaRPr sz="800">
                  <a:solidFill>
                    <a:schemeClr val="tx1"/>
                  </a:solidFill>
                  <a:latin typeface="ＭＳ Ｐゴシック"/>
                  <a:cs typeface="ＭＳ Ｐゴシック"/>
                </a:endParaRPr>
              </a:p>
            </xdr:txBody>
          </xdr:sp>
          <xdr:sp macro="" textlink="">
            <xdr:nvSpPr>
              <xdr:cNvPr id="106" name="object 18">
                <a:extLst>
                  <a:ext uri="{FF2B5EF4-FFF2-40B4-BE49-F238E27FC236}">
                    <a16:creationId xmlns:a16="http://schemas.microsoft.com/office/drawing/2014/main" id="{00000000-0008-0000-0600-00006A000000}"/>
                  </a:ext>
                </a:extLst>
              </xdr:cNvPr>
              <xdr:cNvSpPr txBox="1"/>
            </xdr:nvSpPr>
            <xdr:spPr>
              <a:xfrm>
                <a:off x="3739021" y="10518059"/>
                <a:ext cx="1011617" cy="180490"/>
              </a:xfrm>
              <a:prstGeom prst="rect">
                <a:avLst/>
              </a:prstGeom>
              <a:solidFill>
                <a:schemeClr val="bg1"/>
              </a:solidFill>
              <a:ln w="19050">
                <a:solidFill>
                  <a:sysClr val="windowText" lastClr="000000"/>
                </a:solidFill>
              </a:ln>
            </xdr:spPr>
            <xdr:txBody>
              <a:bodyPr vert="horz" wrap="square" lIns="0" tIns="15240" rIns="0" bIns="0"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sp macro="" textlink="">
            <xdr:nvSpPr>
              <xdr:cNvPr id="108" name="object 20">
                <a:extLst>
                  <a:ext uri="{FF2B5EF4-FFF2-40B4-BE49-F238E27FC236}">
                    <a16:creationId xmlns:a16="http://schemas.microsoft.com/office/drawing/2014/main" id="{00000000-0008-0000-0600-00006C000000}"/>
                  </a:ext>
                </a:extLst>
              </xdr:cNvPr>
              <xdr:cNvSpPr/>
            </xdr:nvSpPr>
            <xdr:spPr>
              <a:xfrm>
                <a:off x="7340259" y="11393339"/>
                <a:ext cx="1594436" cy="487680"/>
              </a:xfrm>
              <a:custGeom>
                <a:avLst/>
                <a:gdLst/>
                <a:ahLst/>
                <a:cxnLst/>
                <a:rect l="l" t="t" r="r" b="b"/>
                <a:pathLst>
                  <a:path w="1493520" h="487679">
                    <a:moveTo>
                      <a:pt x="1491996" y="0"/>
                    </a:moveTo>
                    <a:lnTo>
                      <a:pt x="1524" y="0"/>
                    </a:lnTo>
                    <a:lnTo>
                      <a:pt x="0" y="3048"/>
                    </a:lnTo>
                    <a:lnTo>
                      <a:pt x="0" y="484632"/>
                    </a:lnTo>
                    <a:lnTo>
                      <a:pt x="1524" y="487679"/>
                    </a:lnTo>
                    <a:lnTo>
                      <a:pt x="1491996" y="487679"/>
                    </a:lnTo>
                    <a:lnTo>
                      <a:pt x="1493520" y="484632"/>
                    </a:lnTo>
                    <a:lnTo>
                      <a:pt x="1493520" y="481584"/>
                    </a:lnTo>
                    <a:lnTo>
                      <a:pt x="10668" y="481584"/>
                    </a:lnTo>
                    <a:lnTo>
                      <a:pt x="4572" y="477012"/>
                    </a:lnTo>
                    <a:lnTo>
                      <a:pt x="10668" y="477012"/>
                    </a:lnTo>
                    <a:lnTo>
                      <a:pt x="10668" y="10667"/>
                    </a:lnTo>
                    <a:lnTo>
                      <a:pt x="4572" y="10667"/>
                    </a:lnTo>
                    <a:lnTo>
                      <a:pt x="10668" y="6096"/>
                    </a:lnTo>
                    <a:lnTo>
                      <a:pt x="1493520" y="6096"/>
                    </a:lnTo>
                    <a:lnTo>
                      <a:pt x="1493520" y="3048"/>
                    </a:lnTo>
                    <a:lnTo>
                      <a:pt x="1491996" y="0"/>
                    </a:lnTo>
                    <a:close/>
                  </a:path>
                  <a:path w="1493520" h="487679">
                    <a:moveTo>
                      <a:pt x="10668" y="477012"/>
                    </a:moveTo>
                    <a:lnTo>
                      <a:pt x="4572" y="477012"/>
                    </a:lnTo>
                    <a:lnTo>
                      <a:pt x="10668" y="481584"/>
                    </a:lnTo>
                    <a:lnTo>
                      <a:pt x="10668" y="477012"/>
                    </a:lnTo>
                    <a:close/>
                  </a:path>
                  <a:path w="1493520" h="487679">
                    <a:moveTo>
                      <a:pt x="1482852" y="477012"/>
                    </a:moveTo>
                    <a:lnTo>
                      <a:pt x="10668" y="477012"/>
                    </a:lnTo>
                    <a:lnTo>
                      <a:pt x="10668" y="481584"/>
                    </a:lnTo>
                    <a:lnTo>
                      <a:pt x="1482852" y="481584"/>
                    </a:lnTo>
                    <a:lnTo>
                      <a:pt x="1482852" y="477012"/>
                    </a:lnTo>
                    <a:close/>
                  </a:path>
                  <a:path w="1493520" h="487679">
                    <a:moveTo>
                      <a:pt x="1482852" y="6096"/>
                    </a:moveTo>
                    <a:lnTo>
                      <a:pt x="1482852" y="481584"/>
                    </a:lnTo>
                    <a:lnTo>
                      <a:pt x="1488948" y="477012"/>
                    </a:lnTo>
                    <a:lnTo>
                      <a:pt x="1493520" y="477012"/>
                    </a:lnTo>
                    <a:lnTo>
                      <a:pt x="1493520" y="10667"/>
                    </a:lnTo>
                    <a:lnTo>
                      <a:pt x="1488948" y="10667"/>
                    </a:lnTo>
                    <a:lnTo>
                      <a:pt x="1482852" y="6096"/>
                    </a:lnTo>
                    <a:close/>
                  </a:path>
                  <a:path w="1493520" h="487679">
                    <a:moveTo>
                      <a:pt x="1493520" y="477012"/>
                    </a:moveTo>
                    <a:lnTo>
                      <a:pt x="1488948" y="477012"/>
                    </a:lnTo>
                    <a:lnTo>
                      <a:pt x="1482852" y="481584"/>
                    </a:lnTo>
                    <a:lnTo>
                      <a:pt x="1493520" y="481584"/>
                    </a:lnTo>
                    <a:lnTo>
                      <a:pt x="1493520" y="477012"/>
                    </a:lnTo>
                    <a:close/>
                  </a:path>
                  <a:path w="1493520" h="487679">
                    <a:moveTo>
                      <a:pt x="10668" y="6096"/>
                    </a:moveTo>
                    <a:lnTo>
                      <a:pt x="4572" y="10667"/>
                    </a:lnTo>
                    <a:lnTo>
                      <a:pt x="10668" y="10667"/>
                    </a:lnTo>
                    <a:lnTo>
                      <a:pt x="10668" y="6096"/>
                    </a:lnTo>
                    <a:close/>
                  </a:path>
                  <a:path w="1493520" h="487679">
                    <a:moveTo>
                      <a:pt x="1482852" y="6096"/>
                    </a:moveTo>
                    <a:lnTo>
                      <a:pt x="10668" y="6096"/>
                    </a:lnTo>
                    <a:lnTo>
                      <a:pt x="10668" y="10667"/>
                    </a:lnTo>
                    <a:lnTo>
                      <a:pt x="1482852" y="10667"/>
                    </a:lnTo>
                    <a:lnTo>
                      <a:pt x="1482852" y="6096"/>
                    </a:lnTo>
                    <a:close/>
                  </a:path>
                  <a:path w="1493520" h="487679">
                    <a:moveTo>
                      <a:pt x="1493520" y="6096"/>
                    </a:moveTo>
                    <a:lnTo>
                      <a:pt x="1482852" y="6096"/>
                    </a:lnTo>
                    <a:lnTo>
                      <a:pt x="1488948" y="10667"/>
                    </a:lnTo>
                    <a:lnTo>
                      <a:pt x="1493520" y="10667"/>
                    </a:lnTo>
                    <a:lnTo>
                      <a:pt x="1493520"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13" name="object 50">
                <a:extLst>
                  <a:ext uri="{FF2B5EF4-FFF2-40B4-BE49-F238E27FC236}">
                    <a16:creationId xmlns:a16="http://schemas.microsoft.com/office/drawing/2014/main" id="{00000000-0008-0000-0600-000071000000}"/>
                  </a:ext>
                </a:extLst>
              </xdr:cNvPr>
              <xdr:cNvSpPr/>
            </xdr:nvSpPr>
            <xdr:spPr>
              <a:xfrm>
                <a:off x="4360842" y="11174644"/>
                <a:ext cx="3799840" cy="0"/>
              </a:xfrm>
              <a:custGeom>
                <a:avLst/>
                <a:gdLst/>
                <a:ahLst/>
                <a:cxnLst/>
                <a:rect l="l" t="t" r="r" b="b"/>
                <a:pathLst>
                  <a:path w="3799840">
                    <a:moveTo>
                      <a:pt x="0" y="0"/>
                    </a:moveTo>
                    <a:lnTo>
                      <a:pt x="3799331" y="0"/>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14" name="object 54">
                <a:extLst>
                  <a:ext uri="{FF2B5EF4-FFF2-40B4-BE49-F238E27FC236}">
                    <a16:creationId xmlns:a16="http://schemas.microsoft.com/office/drawing/2014/main" id="{00000000-0008-0000-0600-000072000000}"/>
                  </a:ext>
                </a:extLst>
              </xdr:cNvPr>
              <xdr:cNvSpPr/>
            </xdr:nvSpPr>
            <xdr:spPr>
              <a:xfrm>
                <a:off x="3758862" y="9540155"/>
                <a:ext cx="1211580" cy="360045"/>
              </a:xfrm>
              <a:custGeom>
                <a:avLst/>
                <a:gdLst/>
                <a:ahLst/>
                <a:cxnLst/>
                <a:rect l="l" t="t" r="r" b="b"/>
                <a:pathLst>
                  <a:path w="1211579" h="360044">
                    <a:moveTo>
                      <a:pt x="605027" y="0"/>
                    </a:moveTo>
                    <a:lnTo>
                      <a:pt x="534541" y="1213"/>
                    </a:lnTo>
                    <a:lnTo>
                      <a:pt x="466423" y="4763"/>
                    </a:lnTo>
                    <a:lnTo>
                      <a:pt x="401132" y="10511"/>
                    </a:lnTo>
                    <a:lnTo>
                      <a:pt x="339123" y="18323"/>
                    </a:lnTo>
                    <a:lnTo>
                      <a:pt x="280853" y="28061"/>
                    </a:lnTo>
                    <a:lnTo>
                      <a:pt x="226778" y="39588"/>
                    </a:lnTo>
                    <a:lnTo>
                      <a:pt x="177355" y="52768"/>
                    </a:lnTo>
                    <a:lnTo>
                      <a:pt x="133041" y="67464"/>
                    </a:lnTo>
                    <a:lnTo>
                      <a:pt x="94291" y="83540"/>
                    </a:lnTo>
                    <a:lnTo>
                      <a:pt x="35314" y="119284"/>
                    </a:lnTo>
                    <a:lnTo>
                      <a:pt x="4076" y="158907"/>
                    </a:lnTo>
                    <a:lnTo>
                      <a:pt x="0" y="179832"/>
                    </a:lnTo>
                    <a:lnTo>
                      <a:pt x="4076" y="200756"/>
                    </a:lnTo>
                    <a:lnTo>
                      <a:pt x="35314" y="240379"/>
                    </a:lnTo>
                    <a:lnTo>
                      <a:pt x="94291" y="276123"/>
                    </a:lnTo>
                    <a:lnTo>
                      <a:pt x="133041" y="292199"/>
                    </a:lnTo>
                    <a:lnTo>
                      <a:pt x="177355" y="306895"/>
                    </a:lnTo>
                    <a:lnTo>
                      <a:pt x="226778" y="320075"/>
                    </a:lnTo>
                    <a:lnTo>
                      <a:pt x="280853" y="331602"/>
                    </a:lnTo>
                    <a:lnTo>
                      <a:pt x="339123" y="341340"/>
                    </a:lnTo>
                    <a:lnTo>
                      <a:pt x="401132" y="349152"/>
                    </a:lnTo>
                    <a:lnTo>
                      <a:pt x="466423" y="354900"/>
                    </a:lnTo>
                    <a:lnTo>
                      <a:pt x="534541" y="358450"/>
                    </a:lnTo>
                    <a:lnTo>
                      <a:pt x="605027" y="359663"/>
                    </a:lnTo>
                    <a:lnTo>
                      <a:pt x="675818" y="358450"/>
                    </a:lnTo>
                    <a:lnTo>
                      <a:pt x="744196" y="354900"/>
                    </a:lnTo>
                    <a:lnTo>
                      <a:pt x="809708" y="349152"/>
                    </a:lnTo>
                    <a:lnTo>
                      <a:pt x="871901" y="341340"/>
                    </a:lnTo>
                    <a:lnTo>
                      <a:pt x="930322" y="331602"/>
                    </a:lnTo>
                    <a:lnTo>
                      <a:pt x="984517" y="320075"/>
                    </a:lnTo>
                    <a:lnTo>
                      <a:pt x="1034033" y="306895"/>
                    </a:lnTo>
                    <a:lnTo>
                      <a:pt x="1078418" y="292199"/>
                    </a:lnTo>
                    <a:lnTo>
                      <a:pt x="1117218" y="276123"/>
                    </a:lnTo>
                    <a:lnTo>
                      <a:pt x="1176250" y="240379"/>
                    </a:lnTo>
                    <a:lnTo>
                      <a:pt x="1207503" y="200756"/>
                    </a:lnTo>
                    <a:lnTo>
                      <a:pt x="1211579" y="179832"/>
                    </a:lnTo>
                    <a:lnTo>
                      <a:pt x="1207503" y="158907"/>
                    </a:lnTo>
                    <a:lnTo>
                      <a:pt x="1176250" y="119284"/>
                    </a:lnTo>
                    <a:lnTo>
                      <a:pt x="1117218" y="83540"/>
                    </a:lnTo>
                    <a:lnTo>
                      <a:pt x="1078418" y="67464"/>
                    </a:lnTo>
                    <a:lnTo>
                      <a:pt x="1034034" y="52768"/>
                    </a:lnTo>
                    <a:lnTo>
                      <a:pt x="984517" y="39588"/>
                    </a:lnTo>
                    <a:lnTo>
                      <a:pt x="930322" y="28061"/>
                    </a:lnTo>
                    <a:lnTo>
                      <a:pt x="871901" y="18323"/>
                    </a:lnTo>
                    <a:lnTo>
                      <a:pt x="809708" y="10511"/>
                    </a:lnTo>
                    <a:lnTo>
                      <a:pt x="744196" y="4763"/>
                    </a:lnTo>
                    <a:lnTo>
                      <a:pt x="675818" y="1213"/>
                    </a:lnTo>
                    <a:lnTo>
                      <a:pt x="605027" y="0"/>
                    </a:lnTo>
                    <a:close/>
                  </a:path>
                </a:pathLst>
              </a:custGeom>
              <a:solidFill>
                <a:schemeClr val="bg1"/>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15" name="object 55">
                <a:extLst>
                  <a:ext uri="{FF2B5EF4-FFF2-40B4-BE49-F238E27FC236}">
                    <a16:creationId xmlns:a16="http://schemas.microsoft.com/office/drawing/2014/main" id="{00000000-0008-0000-0600-000073000000}"/>
                  </a:ext>
                </a:extLst>
              </xdr:cNvPr>
              <xdr:cNvSpPr/>
            </xdr:nvSpPr>
            <xdr:spPr>
              <a:xfrm>
                <a:off x="3752766" y="9535583"/>
                <a:ext cx="1222375" cy="370840"/>
              </a:xfrm>
              <a:custGeom>
                <a:avLst/>
                <a:gdLst/>
                <a:ahLst/>
                <a:cxnLst/>
                <a:rect l="l" t="t" r="r" b="b"/>
                <a:pathLst>
                  <a:path w="1222375" h="370840">
                    <a:moveTo>
                      <a:pt x="673608" y="0"/>
                    </a:moveTo>
                    <a:lnTo>
                      <a:pt x="548639" y="0"/>
                    </a:lnTo>
                    <a:lnTo>
                      <a:pt x="460248" y="4572"/>
                    </a:lnTo>
                    <a:lnTo>
                      <a:pt x="347472" y="16764"/>
                    </a:lnTo>
                    <a:lnTo>
                      <a:pt x="295655" y="25908"/>
                    </a:lnTo>
                    <a:lnTo>
                      <a:pt x="246887" y="35051"/>
                    </a:lnTo>
                    <a:lnTo>
                      <a:pt x="202691" y="47244"/>
                    </a:lnTo>
                    <a:lnTo>
                      <a:pt x="181355" y="51816"/>
                    </a:lnTo>
                    <a:lnTo>
                      <a:pt x="161544" y="59436"/>
                    </a:lnTo>
                    <a:lnTo>
                      <a:pt x="141732" y="65532"/>
                    </a:lnTo>
                    <a:lnTo>
                      <a:pt x="123444" y="71627"/>
                    </a:lnTo>
                    <a:lnTo>
                      <a:pt x="106679" y="79248"/>
                    </a:lnTo>
                    <a:lnTo>
                      <a:pt x="76200" y="94488"/>
                    </a:lnTo>
                    <a:lnTo>
                      <a:pt x="62484" y="102108"/>
                    </a:lnTo>
                    <a:lnTo>
                      <a:pt x="50291" y="111251"/>
                    </a:lnTo>
                    <a:lnTo>
                      <a:pt x="38100" y="118872"/>
                    </a:lnTo>
                    <a:lnTo>
                      <a:pt x="19812" y="137160"/>
                    </a:lnTo>
                    <a:lnTo>
                      <a:pt x="13715" y="146304"/>
                    </a:lnTo>
                    <a:lnTo>
                      <a:pt x="7620" y="153924"/>
                    </a:lnTo>
                    <a:lnTo>
                      <a:pt x="7620" y="155448"/>
                    </a:lnTo>
                    <a:lnTo>
                      <a:pt x="3048" y="164592"/>
                    </a:lnTo>
                    <a:lnTo>
                      <a:pt x="1524" y="173736"/>
                    </a:lnTo>
                    <a:lnTo>
                      <a:pt x="1524" y="175260"/>
                    </a:lnTo>
                    <a:lnTo>
                      <a:pt x="0" y="184404"/>
                    </a:lnTo>
                    <a:lnTo>
                      <a:pt x="0" y="185928"/>
                    </a:lnTo>
                    <a:lnTo>
                      <a:pt x="3048" y="204216"/>
                    </a:lnTo>
                    <a:lnTo>
                      <a:pt x="3048" y="205740"/>
                    </a:lnTo>
                    <a:lnTo>
                      <a:pt x="7620" y="214884"/>
                    </a:lnTo>
                    <a:lnTo>
                      <a:pt x="13715" y="224028"/>
                    </a:lnTo>
                    <a:lnTo>
                      <a:pt x="28955" y="242316"/>
                    </a:lnTo>
                    <a:lnTo>
                      <a:pt x="39624" y="249936"/>
                    </a:lnTo>
                    <a:lnTo>
                      <a:pt x="50291" y="259080"/>
                    </a:lnTo>
                    <a:lnTo>
                      <a:pt x="106679" y="289560"/>
                    </a:lnTo>
                    <a:lnTo>
                      <a:pt x="141732" y="303276"/>
                    </a:lnTo>
                    <a:lnTo>
                      <a:pt x="161544" y="310896"/>
                    </a:lnTo>
                    <a:lnTo>
                      <a:pt x="202691" y="323088"/>
                    </a:lnTo>
                    <a:lnTo>
                      <a:pt x="271272" y="338328"/>
                    </a:lnTo>
                    <a:lnTo>
                      <a:pt x="347472" y="352044"/>
                    </a:lnTo>
                    <a:lnTo>
                      <a:pt x="460248" y="364236"/>
                    </a:lnTo>
                    <a:lnTo>
                      <a:pt x="548639" y="368808"/>
                    </a:lnTo>
                    <a:lnTo>
                      <a:pt x="611124" y="370332"/>
                    </a:lnTo>
                    <a:lnTo>
                      <a:pt x="673608" y="368808"/>
                    </a:lnTo>
                    <a:lnTo>
                      <a:pt x="763524" y="364236"/>
                    </a:lnTo>
                    <a:lnTo>
                      <a:pt x="806195" y="359664"/>
                    </a:lnTo>
                    <a:lnTo>
                      <a:pt x="611124" y="359664"/>
                    </a:lnTo>
                    <a:lnTo>
                      <a:pt x="489203" y="356616"/>
                    </a:lnTo>
                    <a:lnTo>
                      <a:pt x="460248" y="353568"/>
                    </a:lnTo>
                    <a:lnTo>
                      <a:pt x="431291" y="352044"/>
                    </a:lnTo>
                    <a:lnTo>
                      <a:pt x="376427" y="345948"/>
                    </a:lnTo>
                    <a:lnTo>
                      <a:pt x="348996" y="341376"/>
                    </a:lnTo>
                    <a:lnTo>
                      <a:pt x="323088" y="338328"/>
                    </a:lnTo>
                    <a:lnTo>
                      <a:pt x="298703" y="333756"/>
                    </a:lnTo>
                    <a:lnTo>
                      <a:pt x="249936" y="324612"/>
                    </a:lnTo>
                    <a:lnTo>
                      <a:pt x="184403" y="306324"/>
                    </a:lnTo>
                    <a:lnTo>
                      <a:pt x="144779" y="294132"/>
                    </a:lnTo>
                    <a:lnTo>
                      <a:pt x="80772" y="265176"/>
                    </a:lnTo>
                    <a:lnTo>
                      <a:pt x="45720" y="242316"/>
                    </a:lnTo>
                    <a:lnTo>
                      <a:pt x="16763" y="208788"/>
                    </a:lnTo>
                    <a:lnTo>
                      <a:pt x="11175" y="193548"/>
                    </a:lnTo>
                    <a:lnTo>
                      <a:pt x="10667" y="193548"/>
                    </a:lnTo>
                    <a:lnTo>
                      <a:pt x="10667" y="175260"/>
                    </a:lnTo>
                    <a:lnTo>
                      <a:pt x="11175" y="175260"/>
                    </a:lnTo>
                    <a:lnTo>
                      <a:pt x="13715" y="167640"/>
                    </a:lnTo>
                    <a:lnTo>
                      <a:pt x="16763" y="160020"/>
                    </a:lnTo>
                    <a:lnTo>
                      <a:pt x="21336" y="150876"/>
                    </a:lnTo>
                    <a:lnTo>
                      <a:pt x="28955" y="143256"/>
                    </a:lnTo>
                    <a:lnTo>
                      <a:pt x="36575" y="134112"/>
                    </a:lnTo>
                    <a:lnTo>
                      <a:pt x="80772" y="103632"/>
                    </a:lnTo>
                    <a:lnTo>
                      <a:pt x="128015" y="82296"/>
                    </a:lnTo>
                    <a:lnTo>
                      <a:pt x="146303" y="74675"/>
                    </a:lnTo>
                    <a:lnTo>
                      <a:pt x="184403" y="62484"/>
                    </a:lnTo>
                    <a:lnTo>
                      <a:pt x="227075" y="50292"/>
                    </a:lnTo>
                    <a:lnTo>
                      <a:pt x="323088" y="32003"/>
                    </a:lnTo>
                    <a:lnTo>
                      <a:pt x="460248" y="15240"/>
                    </a:lnTo>
                    <a:lnTo>
                      <a:pt x="550163" y="10668"/>
                    </a:lnTo>
                    <a:lnTo>
                      <a:pt x="611124" y="9144"/>
                    </a:lnTo>
                    <a:lnTo>
                      <a:pt x="806195" y="9144"/>
                    </a:lnTo>
                    <a:lnTo>
                      <a:pt x="763524" y="4572"/>
                    </a:lnTo>
                    <a:lnTo>
                      <a:pt x="673608" y="0"/>
                    </a:lnTo>
                    <a:close/>
                  </a:path>
                  <a:path w="1222375" h="370840">
                    <a:moveTo>
                      <a:pt x="1205483" y="208788"/>
                    </a:moveTo>
                    <a:lnTo>
                      <a:pt x="1178052" y="242316"/>
                    </a:lnTo>
                    <a:lnTo>
                      <a:pt x="1167383" y="249936"/>
                    </a:lnTo>
                    <a:lnTo>
                      <a:pt x="1155192" y="259080"/>
                    </a:lnTo>
                    <a:lnTo>
                      <a:pt x="1141476" y="266700"/>
                    </a:lnTo>
                    <a:lnTo>
                      <a:pt x="1127760" y="272796"/>
                    </a:lnTo>
                    <a:lnTo>
                      <a:pt x="1112520" y="280416"/>
                    </a:lnTo>
                    <a:lnTo>
                      <a:pt x="1095755" y="288036"/>
                    </a:lnTo>
                    <a:lnTo>
                      <a:pt x="1077467" y="294132"/>
                    </a:lnTo>
                    <a:lnTo>
                      <a:pt x="1057655" y="300228"/>
                    </a:lnTo>
                    <a:lnTo>
                      <a:pt x="1037844" y="307848"/>
                    </a:lnTo>
                    <a:lnTo>
                      <a:pt x="1018032" y="312420"/>
                    </a:lnTo>
                    <a:lnTo>
                      <a:pt x="972312" y="324612"/>
                    </a:lnTo>
                    <a:lnTo>
                      <a:pt x="949451" y="329184"/>
                    </a:lnTo>
                    <a:lnTo>
                      <a:pt x="925067" y="333756"/>
                    </a:lnTo>
                    <a:lnTo>
                      <a:pt x="899160" y="338328"/>
                    </a:lnTo>
                    <a:lnTo>
                      <a:pt x="873251" y="341376"/>
                    </a:lnTo>
                    <a:lnTo>
                      <a:pt x="847344" y="345948"/>
                    </a:lnTo>
                    <a:lnTo>
                      <a:pt x="790955" y="352044"/>
                    </a:lnTo>
                    <a:lnTo>
                      <a:pt x="673608" y="358140"/>
                    </a:lnTo>
                    <a:lnTo>
                      <a:pt x="611124" y="359664"/>
                    </a:lnTo>
                    <a:lnTo>
                      <a:pt x="806195" y="359664"/>
                    </a:lnTo>
                    <a:lnTo>
                      <a:pt x="874776" y="352044"/>
                    </a:lnTo>
                    <a:lnTo>
                      <a:pt x="926591" y="342900"/>
                    </a:lnTo>
                    <a:lnTo>
                      <a:pt x="975360" y="333756"/>
                    </a:lnTo>
                    <a:lnTo>
                      <a:pt x="1062227" y="310896"/>
                    </a:lnTo>
                    <a:lnTo>
                      <a:pt x="1080515" y="303276"/>
                    </a:lnTo>
                    <a:lnTo>
                      <a:pt x="1098803" y="297180"/>
                    </a:lnTo>
                    <a:lnTo>
                      <a:pt x="1147572" y="274320"/>
                    </a:lnTo>
                    <a:lnTo>
                      <a:pt x="1184148" y="249936"/>
                    </a:lnTo>
                    <a:lnTo>
                      <a:pt x="1193292" y="242316"/>
                    </a:lnTo>
                    <a:lnTo>
                      <a:pt x="1202435" y="233172"/>
                    </a:lnTo>
                    <a:lnTo>
                      <a:pt x="1210055" y="224028"/>
                    </a:lnTo>
                    <a:lnTo>
                      <a:pt x="1216914" y="210312"/>
                    </a:lnTo>
                    <a:lnTo>
                      <a:pt x="1205483" y="210312"/>
                    </a:lnTo>
                    <a:lnTo>
                      <a:pt x="1205483" y="208788"/>
                    </a:lnTo>
                    <a:close/>
                  </a:path>
                  <a:path w="1222375" h="370840">
                    <a:moveTo>
                      <a:pt x="1211579" y="192024"/>
                    </a:moveTo>
                    <a:lnTo>
                      <a:pt x="1210055" y="201168"/>
                    </a:lnTo>
                    <a:lnTo>
                      <a:pt x="1205483" y="210312"/>
                    </a:lnTo>
                    <a:lnTo>
                      <a:pt x="1216914" y="210312"/>
                    </a:lnTo>
                    <a:lnTo>
                      <a:pt x="1219200" y="205740"/>
                    </a:lnTo>
                    <a:lnTo>
                      <a:pt x="1219200" y="204216"/>
                    </a:lnTo>
                    <a:lnTo>
                      <a:pt x="1222248" y="195072"/>
                    </a:lnTo>
                    <a:lnTo>
                      <a:pt x="1222248" y="193548"/>
                    </a:lnTo>
                    <a:lnTo>
                      <a:pt x="1211579" y="193548"/>
                    </a:lnTo>
                    <a:lnTo>
                      <a:pt x="1211579" y="192024"/>
                    </a:lnTo>
                    <a:close/>
                  </a:path>
                  <a:path w="1222375" h="370840">
                    <a:moveTo>
                      <a:pt x="10667" y="192024"/>
                    </a:moveTo>
                    <a:lnTo>
                      <a:pt x="10667" y="193548"/>
                    </a:lnTo>
                    <a:lnTo>
                      <a:pt x="11175" y="193548"/>
                    </a:lnTo>
                    <a:lnTo>
                      <a:pt x="10667" y="192024"/>
                    </a:lnTo>
                    <a:close/>
                  </a:path>
                  <a:path w="1222375" h="370840">
                    <a:moveTo>
                      <a:pt x="1212986" y="185107"/>
                    </a:moveTo>
                    <a:lnTo>
                      <a:pt x="1211579" y="193548"/>
                    </a:lnTo>
                    <a:lnTo>
                      <a:pt x="1222248" y="193548"/>
                    </a:lnTo>
                    <a:lnTo>
                      <a:pt x="1222248" y="185928"/>
                    </a:lnTo>
                    <a:lnTo>
                      <a:pt x="1213103" y="185928"/>
                    </a:lnTo>
                    <a:lnTo>
                      <a:pt x="1212986" y="185107"/>
                    </a:lnTo>
                    <a:close/>
                  </a:path>
                  <a:path w="1222375" h="370840">
                    <a:moveTo>
                      <a:pt x="1222248" y="184404"/>
                    </a:moveTo>
                    <a:lnTo>
                      <a:pt x="1213103" y="184404"/>
                    </a:lnTo>
                    <a:lnTo>
                      <a:pt x="1213103" y="185928"/>
                    </a:lnTo>
                    <a:lnTo>
                      <a:pt x="1222248" y="185928"/>
                    </a:lnTo>
                    <a:lnTo>
                      <a:pt x="1222248" y="184404"/>
                    </a:lnTo>
                    <a:close/>
                  </a:path>
                  <a:path w="1222375" h="370840">
                    <a:moveTo>
                      <a:pt x="1222248" y="175260"/>
                    </a:moveTo>
                    <a:lnTo>
                      <a:pt x="1211579" y="175260"/>
                    </a:lnTo>
                    <a:lnTo>
                      <a:pt x="1212986" y="185107"/>
                    </a:lnTo>
                    <a:lnTo>
                      <a:pt x="1213103" y="184404"/>
                    </a:lnTo>
                    <a:lnTo>
                      <a:pt x="1222248" y="184404"/>
                    </a:lnTo>
                    <a:lnTo>
                      <a:pt x="1222248" y="175260"/>
                    </a:lnTo>
                    <a:close/>
                  </a:path>
                  <a:path w="1222375" h="370840">
                    <a:moveTo>
                      <a:pt x="11175" y="175260"/>
                    </a:moveTo>
                    <a:lnTo>
                      <a:pt x="10667" y="175260"/>
                    </a:lnTo>
                    <a:lnTo>
                      <a:pt x="10667" y="176784"/>
                    </a:lnTo>
                    <a:lnTo>
                      <a:pt x="11175" y="175260"/>
                    </a:lnTo>
                    <a:close/>
                  </a:path>
                  <a:path w="1222375" h="370840">
                    <a:moveTo>
                      <a:pt x="806195" y="9144"/>
                    </a:moveTo>
                    <a:lnTo>
                      <a:pt x="611124" y="9144"/>
                    </a:lnTo>
                    <a:lnTo>
                      <a:pt x="673608" y="10668"/>
                    </a:lnTo>
                    <a:lnTo>
                      <a:pt x="762000" y="15240"/>
                    </a:lnTo>
                    <a:lnTo>
                      <a:pt x="873251" y="27432"/>
                    </a:lnTo>
                    <a:lnTo>
                      <a:pt x="925067" y="36575"/>
                    </a:lnTo>
                    <a:lnTo>
                      <a:pt x="995172" y="50292"/>
                    </a:lnTo>
                    <a:lnTo>
                      <a:pt x="1037844" y="62484"/>
                    </a:lnTo>
                    <a:lnTo>
                      <a:pt x="1059179" y="68579"/>
                    </a:lnTo>
                    <a:lnTo>
                      <a:pt x="1077467" y="74675"/>
                    </a:lnTo>
                    <a:lnTo>
                      <a:pt x="1095755" y="82296"/>
                    </a:lnTo>
                    <a:lnTo>
                      <a:pt x="1112520" y="88392"/>
                    </a:lnTo>
                    <a:lnTo>
                      <a:pt x="1155192" y="111251"/>
                    </a:lnTo>
                    <a:lnTo>
                      <a:pt x="1194816" y="143256"/>
                    </a:lnTo>
                    <a:lnTo>
                      <a:pt x="1205483" y="160020"/>
                    </a:lnTo>
                    <a:lnTo>
                      <a:pt x="1210055" y="167640"/>
                    </a:lnTo>
                    <a:lnTo>
                      <a:pt x="1211579" y="176784"/>
                    </a:lnTo>
                    <a:lnTo>
                      <a:pt x="1211579" y="175260"/>
                    </a:lnTo>
                    <a:lnTo>
                      <a:pt x="1222248" y="175260"/>
                    </a:lnTo>
                    <a:lnTo>
                      <a:pt x="1222248" y="173736"/>
                    </a:lnTo>
                    <a:lnTo>
                      <a:pt x="1219200" y="164592"/>
                    </a:lnTo>
                    <a:lnTo>
                      <a:pt x="1214627" y="155448"/>
                    </a:lnTo>
                    <a:lnTo>
                      <a:pt x="1214627" y="153924"/>
                    </a:lnTo>
                    <a:lnTo>
                      <a:pt x="1202435" y="135636"/>
                    </a:lnTo>
                    <a:lnTo>
                      <a:pt x="1193292" y="128016"/>
                    </a:lnTo>
                    <a:lnTo>
                      <a:pt x="1184148" y="118872"/>
                    </a:lnTo>
                    <a:lnTo>
                      <a:pt x="1132331" y="86868"/>
                    </a:lnTo>
                    <a:lnTo>
                      <a:pt x="1062227" y="59436"/>
                    </a:lnTo>
                    <a:lnTo>
                      <a:pt x="1040891" y="51816"/>
                    </a:lnTo>
                    <a:lnTo>
                      <a:pt x="1019555" y="47244"/>
                    </a:lnTo>
                    <a:lnTo>
                      <a:pt x="998220" y="41148"/>
                    </a:lnTo>
                    <a:lnTo>
                      <a:pt x="975360" y="35051"/>
                    </a:lnTo>
                    <a:lnTo>
                      <a:pt x="926591" y="25908"/>
                    </a:lnTo>
                    <a:lnTo>
                      <a:pt x="874776" y="16764"/>
                    </a:lnTo>
                    <a:lnTo>
                      <a:pt x="806195" y="9144"/>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16" name="object 56">
                <a:extLst>
                  <a:ext uri="{FF2B5EF4-FFF2-40B4-BE49-F238E27FC236}">
                    <a16:creationId xmlns:a16="http://schemas.microsoft.com/office/drawing/2014/main" id="{00000000-0008-0000-0600-000074000000}"/>
                  </a:ext>
                </a:extLst>
              </xdr:cNvPr>
              <xdr:cNvSpPr txBox="1"/>
            </xdr:nvSpPr>
            <xdr:spPr>
              <a:xfrm>
                <a:off x="4159166" y="9606955"/>
                <a:ext cx="775402" cy="180490"/>
              </a:xfrm>
              <a:prstGeom prst="rect">
                <a:avLst/>
              </a:prstGeom>
            </xdr:spPr>
            <xdr:txBody>
              <a:bodyPr vert="horz" wrap="square" lIns="0" tIns="15240" rIns="0" bIns="0"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nSpc>
                    <a:spcPct val="100000"/>
                  </a:lnSpc>
                  <a:spcBef>
                    <a:spcPts val="120"/>
                  </a:spcBef>
                </a:pPr>
                <a:r>
                  <a:rPr sz="800" spc="15">
                    <a:solidFill>
                      <a:schemeClr val="tx1"/>
                    </a:solidFill>
                    <a:latin typeface="ＭＳ Ｐゴシック"/>
                    <a:cs typeface="ＭＳ Ｐゴシック"/>
                  </a:rPr>
                  <a:t>発注者</a:t>
                </a:r>
                <a:endParaRPr sz="800">
                  <a:solidFill>
                    <a:schemeClr val="tx1"/>
                  </a:solidFill>
                  <a:latin typeface="ＭＳ Ｐゴシック"/>
                  <a:cs typeface="ＭＳ Ｐゴシック"/>
                </a:endParaRPr>
              </a:p>
            </xdr:txBody>
          </xdr:sp>
          <xdr:sp macro="" textlink="">
            <xdr:nvSpPr>
              <xdr:cNvPr id="118" name="object 58">
                <a:extLst>
                  <a:ext uri="{FF2B5EF4-FFF2-40B4-BE49-F238E27FC236}">
                    <a16:creationId xmlns:a16="http://schemas.microsoft.com/office/drawing/2014/main" id="{00000000-0008-0000-0600-000076000000}"/>
                  </a:ext>
                </a:extLst>
              </xdr:cNvPr>
              <xdr:cNvSpPr/>
            </xdr:nvSpPr>
            <xdr:spPr>
              <a:xfrm>
                <a:off x="3607776" y="11393339"/>
                <a:ext cx="1663400" cy="478790"/>
              </a:xfrm>
              <a:custGeom>
                <a:avLst/>
                <a:gdLst/>
                <a:ahLst/>
                <a:cxnLst/>
                <a:rect l="l" t="t" r="r" b="b"/>
                <a:pathLst>
                  <a:path w="1582420" h="478789">
                    <a:moveTo>
                      <a:pt x="1578864" y="0"/>
                    </a:moveTo>
                    <a:lnTo>
                      <a:pt x="3048" y="0"/>
                    </a:lnTo>
                    <a:lnTo>
                      <a:pt x="0" y="1524"/>
                    </a:lnTo>
                    <a:lnTo>
                      <a:pt x="0" y="475488"/>
                    </a:lnTo>
                    <a:lnTo>
                      <a:pt x="3048" y="478536"/>
                    </a:lnTo>
                    <a:lnTo>
                      <a:pt x="1578864" y="478536"/>
                    </a:lnTo>
                    <a:lnTo>
                      <a:pt x="1581912" y="475488"/>
                    </a:lnTo>
                    <a:lnTo>
                      <a:pt x="1581912" y="472439"/>
                    </a:lnTo>
                    <a:lnTo>
                      <a:pt x="10668" y="472439"/>
                    </a:lnTo>
                    <a:lnTo>
                      <a:pt x="6096" y="467867"/>
                    </a:lnTo>
                    <a:lnTo>
                      <a:pt x="10668" y="467867"/>
                    </a:lnTo>
                    <a:lnTo>
                      <a:pt x="10668" y="10667"/>
                    </a:lnTo>
                    <a:lnTo>
                      <a:pt x="6096" y="10667"/>
                    </a:lnTo>
                    <a:lnTo>
                      <a:pt x="10668" y="4572"/>
                    </a:lnTo>
                    <a:lnTo>
                      <a:pt x="1581912" y="4572"/>
                    </a:lnTo>
                    <a:lnTo>
                      <a:pt x="1581912" y="1524"/>
                    </a:lnTo>
                    <a:lnTo>
                      <a:pt x="1578864" y="0"/>
                    </a:lnTo>
                    <a:close/>
                  </a:path>
                  <a:path w="1582420" h="478789">
                    <a:moveTo>
                      <a:pt x="10668" y="467867"/>
                    </a:moveTo>
                    <a:lnTo>
                      <a:pt x="6096" y="467867"/>
                    </a:lnTo>
                    <a:lnTo>
                      <a:pt x="10668" y="472439"/>
                    </a:lnTo>
                    <a:lnTo>
                      <a:pt x="10668" y="467867"/>
                    </a:lnTo>
                    <a:close/>
                  </a:path>
                  <a:path w="1582420" h="478789">
                    <a:moveTo>
                      <a:pt x="1571243" y="467867"/>
                    </a:moveTo>
                    <a:lnTo>
                      <a:pt x="10668" y="467867"/>
                    </a:lnTo>
                    <a:lnTo>
                      <a:pt x="10668" y="472439"/>
                    </a:lnTo>
                    <a:lnTo>
                      <a:pt x="1571243" y="472439"/>
                    </a:lnTo>
                    <a:lnTo>
                      <a:pt x="1571243" y="467867"/>
                    </a:lnTo>
                    <a:close/>
                  </a:path>
                  <a:path w="1582420" h="478789">
                    <a:moveTo>
                      <a:pt x="1571243" y="4572"/>
                    </a:moveTo>
                    <a:lnTo>
                      <a:pt x="1571243" y="472439"/>
                    </a:lnTo>
                    <a:lnTo>
                      <a:pt x="1575815" y="467867"/>
                    </a:lnTo>
                    <a:lnTo>
                      <a:pt x="1581912" y="467867"/>
                    </a:lnTo>
                    <a:lnTo>
                      <a:pt x="1581912" y="10667"/>
                    </a:lnTo>
                    <a:lnTo>
                      <a:pt x="1575815" y="10667"/>
                    </a:lnTo>
                    <a:lnTo>
                      <a:pt x="1571243" y="4572"/>
                    </a:lnTo>
                    <a:close/>
                  </a:path>
                  <a:path w="1582420" h="478789">
                    <a:moveTo>
                      <a:pt x="1581912" y="467867"/>
                    </a:moveTo>
                    <a:lnTo>
                      <a:pt x="1575815" y="467867"/>
                    </a:lnTo>
                    <a:lnTo>
                      <a:pt x="1571243" y="472439"/>
                    </a:lnTo>
                    <a:lnTo>
                      <a:pt x="1581912" y="472439"/>
                    </a:lnTo>
                    <a:lnTo>
                      <a:pt x="1581912" y="467867"/>
                    </a:lnTo>
                    <a:close/>
                  </a:path>
                  <a:path w="1582420" h="478789">
                    <a:moveTo>
                      <a:pt x="10668" y="4572"/>
                    </a:moveTo>
                    <a:lnTo>
                      <a:pt x="6096" y="10667"/>
                    </a:lnTo>
                    <a:lnTo>
                      <a:pt x="10668" y="10667"/>
                    </a:lnTo>
                    <a:lnTo>
                      <a:pt x="10668" y="4572"/>
                    </a:lnTo>
                    <a:close/>
                  </a:path>
                  <a:path w="1582420" h="478789">
                    <a:moveTo>
                      <a:pt x="1571243" y="4572"/>
                    </a:moveTo>
                    <a:lnTo>
                      <a:pt x="10668" y="4572"/>
                    </a:lnTo>
                    <a:lnTo>
                      <a:pt x="10668" y="10667"/>
                    </a:lnTo>
                    <a:lnTo>
                      <a:pt x="1571243" y="10667"/>
                    </a:lnTo>
                    <a:lnTo>
                      <a:pt x="1571243" y="4572"/>
                    </a:lnTo>
                    <a:close/>
                  </a:path>
                  <a:path w="1582420" h="478789">
                    <a:moveTo>
                      <a:pt x="1581912" y="4572"/>
                    </a:moveTo>
                    <a:lnTo>
                      <a:pt x="1571243" y="4572"/>
                    </a:lnTo>
                    <a:lnTo>
                      <a:pt x="1575815" y="10667"/>
                    </a:lnTo>
                    <a:lnTo>
                      <a:pt x="1581912" y="10667"/>
                    </a:lnTo>
                    <a:lnTo>
                      <a:pt x="1581912" y="4572"/>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22" name="object 65">
                <a:extLst>
                  <a:ext uri="{FF2B5EF4-FFF2-40B4-BE49-F238E27FC236}">
                    <a16:creationId xmlns:a16="http://schemas.microsoft.com/office/drawing/2014/main" id="{00000000-0008-0000-0600-00007A000000}"/>
                  </a:ext>
                </a:extLst>
              </xdr:cNvPr>
              <xdr:cNvSpPr/>
            </xdr:nvSpPr>
            <xdr:spPr>
              <a:xfrm>
                <a:off x="3542454" y="10116228"/>
                <a:ext cx="5691664" cy="1940560"/>
              </a:xfrm>
              <a:custGeom>
                <a:avLst/>
                <a:gdLst/>
                <a:ahLst/>
                <a:cxnLst/>
                <a:rect l="l" t="t" r="r" b="b"/>
                <a:pathLst>
                  <a:path w="5471159" h="1940560">
                    <a:moveTo>
                      <a:pt x="27432" y="1816608"/>
                    </a:moveTo>
                    <a:lnTo>
                      <a:pt x="0" y="1816608"/>
                    </a:lnTo>
                    <a:lnTo>
                      <a:pt x="0" y="1926336"/>
                    </a:lnTo>
                    <a:lnTo>
                      <a:pt x="27432" y="1926336"/>
                    </a:lnTo>
                    <a:lnTo>
                      <a:pt x="27432" y="1816608"/>
                    </a:lnTo>
                    <a:close/>
                  </a:path>
                  <a:path w="5471159" h="1940560">
                    <a:moveTo>
                      <a:pt x="27432" y="1624584"/>
                    </a:moveTo>
                    <a:lnTo>
                      <a:pt x="0" y="1624584"/>
                    </a:lnTo>
                    <a:lnTo>
                      <a:pt x="0" y="1734312"/>
                    </a:lnTo>
                    <a:lnTo>
                      <a:pt x="27432" y="1734312"/>
                    </a:lnTo>
                    <a:lnTo>
                      <a:pt x="27432" y="1624584"/>
                    </a:lnTo>
                    <a:close/>
                  </a:path>
                  <a:path w="5471159" h="1940560">
                    <a:moveTo>
                      <a:pt x="27432" y="1432560"/>
                    </a:moveTo>
                    <a:lnTo>
                      <a:pt x="0" y="1432560"/>
                    </a:lnTo>
                    <a:lnTo>
                      <a:pt x="0" y="1542288"/>
                    </a:lnTo>
                    <a:lnTo>
                      <a:pt x="27432" y="1542288"/>
                    </a:lnTo>
                    <a:lnTo>
                      <a:pt x="27432" y="1432560"/>
                    </a:lnTo>
                    <a:close/>
                  </a:path>
                  <a:path w="5471159" h="1940560">
                    <a:moveTo>
                      <a:pt x="27432" y="1240536"/>
                    </a:moveTo>
                    <a:lnTo>
                      <a:pt x="0" y="1240536"/>
                    </a:lnTo>
                    <a:lnTo>
                      <a:pt x="0" y="1350264"/>
                    </a:lnTo>
                    <a:lnTo>
                      <a:pt x="27432" y="1350264"/>
                    </a:lnTo>
                    <a:lnTo>
                      <a:pt x="27432" y="1240536"/>
                    </a:lnTo>
                    <a:close/>
                  </a:path>
                  <a:path w="5471159" h="1940560">
                    <a:moveTo>
                      <a:pt x="27432" y="1048512"/>
                    </a:moveTo>
                    <a:lnTo>
                      <a:pt x="0" y="1048512"/>
                    </a:lnTo>
                    <a:lnTo>
                      <a:pt x="0" y="1158239"/>
                    </a:lnTo>
                    <a:lnTo>
                      <a:pt x="27432" y="1158239"/>
                    </a:lnTo>
                    <a:lnTo>
                      <a:pt x="27432" y="1048512"/>
                    </a:lnTo>
                    <a:close/>
                  </a:path>
                  <a:path w="5471159" h="1940560">
                    <a:moveTo>
                      <a:pt x="27432" y="856488"/>
                    </a:moveTo>
                    <a:lnTo>
                      <a:pt x="0" y="856488"/>
                    </a:lnTo>
                    <a:lnTo>
                      <a:pt x="0" y="966215"/>
                    </a:lnTo>
                    <a:lnTo>
                      <a:pt x="27432" y="966215"/>
                    </a:lnTo>
                    <a:lnTo>
                      <a:pt x="27432" y="856488"/>
                    </a:lnTo>
                    <a:close/>
                  </a:path>
                  <a:path w="5471159" h="1940560">
                    <a:moveTo>
                      <a:pt x="27432" y="664463"/>
                    </a:moveTo>
                    <a:lnTo>
                      <a:pt x="0" y="664463"/>
                    </a:lnTo>
                    <a:lnTo>
                      <a:pt x="0" y="774191"/>
                    </a:lnTo>
                    <a:lnTo>
                      <a:pt x="27432" y="774191"/>
                    </a:lnTo>
                    <a:lnTo>
                      <a:pt x="27432" y="664463"/>
                    </a:lnTo>
                    <a:close/>
                  </a:path>
                  <a:path w="5471159" h="1940560">
                    <a:moveTo>
                      <a:pt x="27432" y="473963"/>
                    </a:moveTo>
                    <a:lnTo>
                      <a:pt x="0" y="473963"/>
                    </a:lnTo>
                    <a:lnTo>
                      <a:pt x="0" y="582167"/>
                    </a:lnTo>
                    <a:lnTo>
                      <a:pt x="27432" y="582167"/>
                    </a:lnTo>
                    <a:lnTo>
                      <a:pt x="27432" y="473963"/>
                    </a:lnTo>
                    <a:close/>
                  </a:path>
                  <a:path w="5471159" h="1940560">
                    <a:moveTo>
                      <a:pt x="27432" y="281939"/>
                    </a:moveTo>
                    <a:lnTo>
                      <a:pt x="0" y="281939"/>
                    </a:lnTo>
                    <a:lnTo>
                      <a:pt x="0" y="391667"/>
                    </a:lnTo>
                    <a:lnTo>
                      <a:pt x="27432" y="391667"/>
                    </a:lnTo>
                    <a:lnTo>
                      <a:pt x="27432" y="281939"/>
                    </a:lnTo>
                    <a:close/>
                  </a:path>
                  <a:path w="5471159" h="1940560">
                    <a:moveTo>
                      <a:pt x="27432" y="89915"/>
                    </a:moveTo>
                    <a:lnTo>
                      <a:pt x="0" y="89915"/>
                    </a:lnTo>
                    <a:lnTo>
                      <a:pt x="0" y="199644"/>
                    </a:lnTo>
                    <a:lnTo>
                      <a:pt x="27432" y="199644"/>
                    </a:lnTo>
                    <a:lnTo>
                      <a:pt x="27432" y="89915"/>
                    </a:lnTo>
                    <a:close/>
                  </a:path>
                  <a:path w="5471159" h="1940560">
                    <a:moveTo>
                      <a:pt x="131063" y="0"/>
                    </a:moveTo>
                    <a:lnTo>
                      <a:pt x="21336" y="0"/>
                    </a:lnTo>
                    <a:lnTo>
                      <a:pt x="21336" y="27432"/>
                    </a:lnTo>
                    <a:lnTo>
                      <a:pt x="131063" y="27432"/>
                    </a:lnTo>
                    <a:lnTo>
                      <a:pt x="131063" y="0"/>
                    </a:lnTo>
                    <a:close/>
                  </a:path>
                  <a:path w="5471159" h="1940560">
                    <a:moveTo>
                      <a:pt x="321563" y="0"/>
                    </a:moveTo>
                    <a:lnTo>
                      <a:pt x="213360" y="0"/>
                    </a:lnTo>
                    <a:lnTo>
                      <a:pt x="213360" y="27432"/>
                    </a:lnTo>
                    <a:lnTo>
                      <a:pt x="321563" y="27432"/>
                    </a:lnTo>
                    <a:lnTo>
                      <a:pt x="321563" y="0"/>
                    </a:lnTo>
                    <a:close/>
                  </a:path>
                  <a:path w="5471159" h="1940560">
                    <a:moveTo>
                      <a:pt x="513588" y="0"/>
                    </a:moveTo>
                    <a:lnTo>
                      <a:pt x="403860" y="0"/>
                    </a:lnTo>
                    <a:lnTo>
                      <a:pt x="403860" y="27432"/>
                    </a:lnTo>
                    <a:lnTo>
                      <a:pt x="513588" y="27432"/>
                    </a:lnTo>
                    <a:lnTo>
                      <a:pt x="513588" y="0"/>
                    </a:lnTo>
                    <a:close/>
                  </a:path>
                  <a:path w="5471159" h="1940560">
                    <a:moveTo>
                      <a:pt x="705612" y="0"/>
                    </a:moveTo>
                    <a:lnTo>
                      <a:pt x="595884" y="0"/>
                    </a:lnTo>
                    <a:lnTo>
                      <a:pt x="595884" y="27432"/>
                    </a:lnTo>
                    <a:lnTo>
                      <a:pt x="705612" y="27432"/>
                    </a:lnTo>
                    <a:lnTo>
                      <a:pt x="705612" y="0"/>
                    </a:lnTo>
                    <a:close/>
                  </a:path>
                  <a:path w="5471159" h="1940560">
                    <a:moveTo>
                      <a:pt x="897636" y="0"/>
                    </a:moveTo>
                    <a:lnTo>
                      <a:pt x="787908" y="0"/>
                    </a:lnTo>
                    <a:lnTo>
                      <a:pt x="787908" y="27432"/>
                    </a:lnTo>
                    <a:lnTo>
                      <a:pt x="897636" y="27432"/>
                    </a:lnTo>
                    <a:lnTo>
                      <a:pt x="897636" y="0"/>
                    </a:lnTo>
                    <a:close/>
                  </a:path>
                  <a:path w="5471159" h="1940560">
                    <a:moveTo>
                      <a:pt x="1089660" y="0"/>
                    </a:moveTo>
                    <a:lnTo>
                      <a:pt x="979932" y="0"/>
                    </a:lnTo>
                    <a:lnTo>
                      <a:pt x="979932" y="27432"/>
                    </a:lnTo>
                    <a:lnTo>
                      <a:pt x="1089660" y="27432"/>
                    </a:lnTo>
                    <a:lnTo>
                      <a:pt x="1089660" y="0"/>
                    </a:lnTo>
                    <a:close/>
                  </a:path>
                  <a:path w="5471159" h="1940560">
                    <a:moveTo>
                      <a:pt x="1281684" y="0"/>
                    </a:moveTo>
                    <a:lnTo>
                      <a:pt x="1171956" y="0"/>
                    </a:lnTo>
                    <a:lnTo>
                      <a:pt x="1171956" y="27432"/>
                    </a:lnTo>
                    <a:lnTo>
                      <a:pt x="1281684" y="27432"/>
                    </a:lnTo>
                    <a:lnTo>
                      <a:pt x="1281684" y="0"/>
                    </a:lnTo>
                    <a:close/>
                  </a:path>
                  <a:path w="5471159" h="1940560">
                    <a:moveTo>
                      <a:pt x="1475232" y="0"/>
                    </a:moveTo>
                    <a:lnTo>
                      <a:pt x="1363980" y="0"/>
                    </a:lnTo>
                    <a:lnTo>
                      <a:pt x="1363980" y="27432"/>
                    </a:lnTo>
                    <a:lnTo>
                      <a:pt x="1467612" y="27432"/>
                    </a:lnTo>
                    <a:lnTo>
                      <a:pt x="1459991" y="19812"/>
                    </a:lnTo>
                    <a:lnTo>
                      <a:pt x="1453895" y="19812"/>
                    </a:lnTo>
                    <a:lnTo>
                      <a:pt x="1453895" y="13715"/>
                    </a:lnTo>
                    <a:lnTo>
                      <a:pt x="1481328" y="13715"/>
                    </a:lnTo>
                    <a:lnTo>
                      <a:pt x="1481328" y="6096"/>
                    </a:lnTo>
                    <a:lnTo>
                      <a:pt x="1475232" y="0"/>
                    </a:lnTo>
                    <a:close/>
                  </a:path>
                  <a:path w="5471159" h="1940560">
                    <a:moveTo>
                      <a:pt x="1453895" y="13715"/>
                    </a:moveTo>
                    <a:lnTo>
                      <a:pt x="1453895" y="19812"/>
                    </a:lnTo>
                    <a:lnTo>
                      <a:pt x="1459991" y="19812"/>
                    </a:lnTo>
                    <a:lnTo>
                      <a:pt x="1453895" y="13715"/>
                    </a:lnTo>
                    <a:close/>
                  </a:path>
                  <a:path w="5471159" h="1940560">
                    <a:moveTo>
                      <a:pt x="1481328" y="13715"/>
                    </a:moveTo>
                    <a:lnTo>
                      <a:pt x="1453895" y="13715"/>
                    </a:lnTo>
                    <a:lnTo>
                      <a:pt x="1459991" y="19812"/>
                    </a:lnTo>
                    <a:lnTo>
                      <a:pt x="1481328" y="19812"/>
                    </a:lnTo>
                    <a:lnTo>
                      <a:pt x="1481328" y="13715"/>
                    </a:lnTo>
                    <a:close/>
                  </a:path>
                  <a:path w="5471159" h="1940560">
                    <a:moveTo>
                      <a:pt x="1481328" y="102108"/>
                    </a:moveTo>
                    <a:lnTo>
                      <a:pt x="1453895" y="102108"/>
                    </a:lnTo>
                    <a:lnTo>
                      <a:pt x="1453895" y="211836"/>
                    </a:lnTo>
                    <a:lnTo>
                      <a:pt x="1481328" y="211836"/>
                    </a:lnTo>
                    <a:lnTo>
                      <a:pt x="1481328" y="102108"/>
                    </a:lnTo>
                    <a:close/>
                  </a:path>
                  <a:path w="5471159" h="1940560">
                    <a:moveTo>
                      <a:pt x="1481328" y="294132"/>
                    </a:moveTo>
                    <a:lnTo>
                      <a:pt x="1453895" y="294132"/>
                    </a:lnTo>
                    <a:lnTo>
                      <a:pt x="1453895" y="403860"/>
                    </a:lnTo>
                    <a:lnTo>
                      <a:pt x="1481328" y="403860"/>
                    </a:lnTo>
                    <a:lnTo>
                      <a:pt x="1481328" y="294132"/>
                    </a:lnTo>
                    <a:close/>
                  </a:path>
                  <a:path w="5471159" h="1940560">
                    <a:moveTo>
                      <a:pt x="1481328" y="486155"/>
                    </a:moveTo>
                    <a:lnTo>
                      <a:pt x="1453895" y="486155"/>
                    </a:lnTo>
                    <a:lnTo>
                      <a:pt x="1453895" y="594360"/>
                    </a:lnTo>
                    <a:lnTo>
                      <a:pt x="1481328" y="594360"/>
                    </a:lnTo>
                    <a:lnTo>
                      <a:pt x="1481328" y="486155"/>
                    </a:lnTo>
                    <a:close/>
                  </a:path>
                  <a:path w="5471159" h="1940560">
                    <a:moveTo>
                      <a:pt x="1481328" y="676655"/>
                    </a:moveTo>
                    <a:lnTo>
                      <a:pt x="1453895" y="676655"/>
                    </a:lnTo>
                    <a:lnTo>
                      <a:pt x="1453895" y="786384"/>
                    </a:lnTo>
                    <a:lnTo>
                      <a:pt x="1481328" y="786384"/>
                    </a:lnTo>
                    <a:lnTo>
                      <a:pt x="1481328" y="676655"/>
                    </a:lnTo>
                    <a:close/>
                  </a:path>
                  <a:path w="5471159" h="1940560">
                    <a:moveTo>
                      <a:pt x="1481328" y="868679"/>
                    </a:moveTo>
                    <a:lnTo>
                      <a:pt x="1453895" y="868679"/>
                    </a:lnTo>
                    <a:lnTo>
                      <a:pt x="1453895" y="920496"/>
                    </a:lnTo>
                    <a:lnTo>
                      <a:pt x="1459991" y="926591"/>
                    </a:lnTo>
                    <a:lnTo>
                      <a:pt x="1534667" y="926591"/>
                    </a:lnTo>
                    <a:lnTo>
                      <a:pt x="1534667" y="912876"/>
                    </a:lnTo>
                    <a:lnTo>
                      <a:pt x="1481328" y="912876"/>
                    </a:lnTo>
                    <a:lnTo>
                      <a:pt x="1467612" y="899160"/>
                    </a:lnTo>
                    <a:lnTo>
                      <a:pt x="1481328" y="899160"/>
                    </a:lnTo>
                    <a:lnTo>
                      <a:pt x="1481328" y="868679"/>
                    </a:lnTo>
                    <a:close/>
                  </a:path>
                  <a:path w="5471159" h="1940560">
                    <a:moveTo>
                      <a:pt x="1481328" y="899160"/>
                    </a:moveTo>
                    <a:lnTo>
                      <a:pt x="1467612" y="899160"/>
                    </a:lnTo>
                    <a:lnTo>
                      <a:pt x="1481328" y="912876"/>
                    </a:lnTo>
                    <a:lnTo>
                      <a:pt x="1481328" y="899160"/>
                    </a:lnTo>
                    <a:close/>
                  </a:path>
                  <a:path w="5471159" h="1940560">
                    <a:moveTo>
                      <a:pt x="1534667" y="899160"/>
                    </a:moveTo>
                    <a:lnTo>
                      <a:pt x="1481328" y="899160"/>
                    </a:lnTo>
                    <a:lnTo>
                      <a:pt x="1481328" y="912876"/>
                    </a:lnTo>
                    <a:lnTo>
                      <a:pt x="1534667" y="912876"/>
                    </a:lnTo>
                    <a:lnTo>
                      <a:pt x="1534667" y="899160"/>
                    </a:lnTo>
                    <a:close/>
                  </a:path>
                  <a:path w="5471159" h="1940560">
                    <a:moveTo>
                      <a:pt x="1725167" y="899160"/>
                    </a:moveTo>
                    <a:lnTo>
                      <a:pt x="1615439" y="899160"/>
                    </a:lnTo>
                    <a:lnTo>
                      <a:pt x="1615439" y="926591"/>
                    </a:lnTo>
                    <a:lnTo>
                      <a:pt x="1725167" y="926591"/>
                    </a:lnTo>
                    <a:lnTo>
                      <a:pt x="1725167" y="899160"/>
                    </a:lnTo>
                    <a:close/>
                  </a:path>
                  <a:path w="5471159" h="1940560">
                    <a:moveTo>
                      <a:pt x="1917191" y="899160"/>
                    </a:moveTo>
                    <a:lnTo>
                      <a:pt x="1807464" y="899160"/>
                    </a:lnTo>
                    <a:lnTo>
                      <a:pt x="1807464" y="926591"/>
                    </a:lnTo>
                    <a:lnTo>
                      <a:pt x="1917191" y="926591"/>
                    </a:lnTo>
                    <a:lnTo>
                      <a:pt x="1917191" y="899160"/>
                    </a:lnTo>
                    <a:close/>
                  </a:path>
                  <a:path w="5471159" h="1940560">
                    <a:moveTo>
                      <a:pt x="2109216" y="899160"/>
                    </a:moveTo>
                    <a:lnTo>
                      <a:pt x="1999488" y="899160"/>
                    </a:lnTo>
                    <a:lnTo>
                      <a:pt x="1999488" y="926591"/>
                    </a:lnTo>
                    <a:lnTo>
                      <a:pt x="2109216" y="926591"/>
                    </a:lnTo>
                    <a:lnTo>
                      <a:pt x="2109216" y="899160"/>
                    </a:lnTo>
                    <a:close/>
                  </a:path>
                  <a:path w="5471159" h="1940560">
                    <a:moveTo>
                      <a:pt x="2301240" y="899160"/>
                    </a:moveTo>
                    <a:lnTo>
                      <a:pt x="2191512" y="899160"/>
                    </a:lnTo>
                    <a:lnTo>
                      <a:pt x="2191512" y="926591"/>
                    </a:lnTo>
                    <a:lnTo>
                      <a:pt x="2301240" y="926591"/>
                    </a:lnTo>
                    <a:lnTo>
                      <a:pt x="2301240" y="899160"/>
                    </a:lnTo>
                    <a:close/>
                  </a:path>
                  <a:path w="5471159" h="1940560">
                    <a:moveTo>
                      <a:pt x="2493264" y="899160"/>
                    </a:moveTo>
                    <a:lnTo>
                      <a:pt x="2383536" y="899160"/>
                    </a:lnTo>
                    <a:lnTo>
                      <a:pt x="2383536" y="926591"/>
                    </a:lnTo>
                    <a:lnTo>
                      <a:pt x="2493264" y="926591"/>
                    </a:lnTo>
                    <a:lnTo>
                      <a:pt x="2493264" y="899160"/>
                    </a:lnTo>
                    <a:close/>
                  </a:path>
                  <a:path w="5471159" h="1940560">
                    <a:moveTo>
                      <a:pt x="2685288" y="899160"/>
                    </a:moveTo>
                    <a:lnTo>
                      <a:pt x="2575560" y="899160"/>
                    </a:lnTo>
                    <a:lnTo>
                      <a:pt x="2575560" y="926591"/>
                    </a:lnTo>
                    <a:lnTo>
                      <a:pt x="2685288" y="926591"/>
                    </a:lnTo>
                    <a:lnTo>
                      <a:pt x="2685288" y="899160"/>
                    </a:lnTo>
                    <a:close/>
                  </a:path>
                  <a:path w="5471159" h="1940560">
                    <a:moveTo>
                      <a:pt x="2877312" y="899160"/>
                    </a:moveTo>
                    <a:lnTo>
                      <a:pt x="2767584" y="899160"/>
                    </a:lnTo>
                    <a:lnTo>
                      <a:pt x="2767584" y="926591"/>
                    </a:lnTo>
                    <a:lnTo>
                      <a:pt x="2877312" y="926591"/>
                    </a:lnTo>
                    <a:lnTo>
                      <a:pt x="2877312" y="899160"/>
                    </a:lnTo>
                    <a:close/>
                  </a:path>
                  <a:path w="5471159" h="1940560">
                    <a:moveTo>
                      <a:pt x="3069336" y="899160"/>
                    </a:moveTo>
                    <a:lnTo>
                      <a:pt x="2959608" y="899160"/>
                    </a:lnTo>
                    <a:lnTo>
                      <a:pt x="2959608" y="926591"/>
                    </a:lnTo>
                    <a:lnTo>
                      <a:pt x="3069336" y="926591"/>
                    </a:lnTo>
                    <a:lnTo>
                      <a:pt x="3069336" y="899160"/>
                    </a:lnTo>
                    <a:close/>
                  </a:path>
                  <a:path w="5471159" h="1940560">
                    <a:moveTo>
                      <a:pt x="3261360" y="899160"/>
                    </a:moveTo>
                    <a:lnTo>
                      <a:pt x="3151632" y="899160"/>
                    </a:lnTo>
                    <a:lnTo>
                      <a:pt x="3151632" y="926591"/>
                    </a:lnTo>
                    <a:lnTo>
                      <a:pt x="3261360" y="926591"/>
                    </a:lnTo>
                    <a:lnTo>
                      <a:pt x="3261360" y="899160"/>
                    </a:lnTo>
                    <a:close/>
                  </a:path>
                  <a:path w="5471159" h="1940560">
                    <a:moveTo>
                      <a:pt x="3453384" y="899160"/>
                    </a:moveTo>
                    <a:lnTo>
                      <a:pt x="3343656" y="899160"/>
                    </a:lnTo>
                    <a:lnTo>
                      <a:pt x="3343656" y="926591"/>
                    </a:lnTo>
                    <a:lnTo>
                      <a:pt x="3453384" y="926591"/>
                    </a:lnTo>
                    <a:lnTo>
                      <a:pt x="3453384" y="899160"/>
                    </a:lnTo>
                    <a:close/>
                  </a:path>
                  <a:path w="5471159" h="1940560">
                    <a:moveTo>
                      <a:pt x="3643884" y="899160"/>
                    </a:moveTo>
                    <a:lnTo>
                      <a:pt x="3534156" y="899160"/>
                    </a:lnTo>
                    <a:lnTo>
                      <a:pt x="3534156" y="926591"/>
                    </a:lnTo>
                    <a:lnTo>
                      <a:pt x="3643884" y="926591"/>
                    </a:lnTo>
                    <a:lnTo>
                      <a:pt x="3643884" y="899160"/>
                    </a:lnTo>
                    <a:close/>
                  </a:path>
                  <a:path w="5471159" h="1940560">
                    <a:moveTo>
                      <a:pt x="3835908" y="899160"/>
                    </a:moveTo>
                    <a:lnTo>
                      <a:pt x="3726180" y="899160"/>
                    </a:lnTo>
                    <a:lnTo>
                      <a:pt x="3726180" y="926591"/>
                    </a:lnTo>
                    <a:lnTo>
                      <a:pt x="3835908" y="926591"/>
                    </a:lnTo>
                    <a:lnTo>
                      <a:pt x="3835908" y="899160"/>
                    </a:lnTo>
                    <a:close/>
                  </a:path>
                  <a:path w="5471159" h="1940560">
                    <a:moveTo>
                      <a:pt x="4027932" y="899160"/>
                    </a:moveTo>
                    <a:lnTo>
                      <a:pt x="3918204" y="899160"/>
                    </a:lnTo>
                    <a:lnTo>
                      <a:pt x="3918204" y="926591"/>
                    </a:lnTo>
                    <a:lnTo>
                      <a:pt x="4027932" y="926591"/>
                    </a:lnTo>
                    <a:lnTo>
                      <a:pt x="4027932" y="899160"/>
                    </a:lnTo>
                    <a:close/>
                  </a:path>
                  <a:path w="5471159" h="1940560">
                    <a:moveTo>
                      <a:pt x="4219956" y="899160"/>
                    </a:moveTo>
                    <a:lnTo>
                      <a:pt x="4110228" y="899160"/>
                    </a:lnTo>
                    <a:lnTo>
                      <a:pt x="4110228" y="926591"/>
                    </a:lnTo>
                    <a:lnTo>
                      <a:pt x="4219956" y="926591"/>
                    </a:lnTo>
                    <a:lnTo>
                      <a:pt x="4219956" y="899160"/>
                    </a:lnTo>
                    <a:close/>
                  </a:path>
                  <a:path w="5471159" h="1940560">
                    <a:moveTo>
                      <a:pt x="4411980" y="899160"/>
                    </a:moveTo>
                    <a:lnTo>
                      <a:pt x="4302252" y="899160"/>
                    </a:lnTo>
                    <a:lnTo>
                      <a:pt x="4302252" y="926591"/>
                    </a:lnTo>
                    <a:lnTo>
                      <a:pt x="4411980" y="926591"/>
                    </a:lnTo>
                    <a:lnTo>
                      <a:pt x="4411980" y="899160"/>
                    </a:lnTo>
                    <a:close/>
                  </a:path>
                  <a:path w="5471159" h="1940560">
                    <a:moveTo>
                      <a:pt x="4604004" y="899160"/>
                    </a:moveTo>
                    <a:lnTo>
                      <a:pt x="4494276" y="899160"/>
                    </a:lnTo>
                    <a:lnTo>
                      <a:pt x="4494276" y="926591"/>
                    </a:lnTo>
                    <a:lnTo>
                      <a:pt x="4604004" y="926591"/>
                    </a:lnTo>
                    <a:lnTo>
                      <a:pt x="4604004" y="899160"/>
                    </a:lnTo>
                    <a:close/>
                  </a:path>
                  <a:path w="5471159" h="1940560">
                    <a:moveTo>
                      <a:pt x="4796028" y="899160"/>
                    </a:moveTo>
                    <a:lnTo>
                      <a:pt x="4686300" y="899160"/>
                    </a:lnTo>
                    <a:lnTo>
                      <a:pt x="4686300" y="926591"/>
                    </a:lnTo>
                    <a:lnTo>
                      <a:pt x="4796028" y="926591"/>
                    </a:lnTo>
                    <a:lnTo>
                      <a:pt x="4796028" y="899160"/>
                    </a:lnTo>
                    <a:close/>
                  </a:path>
                  <a:path w="5471159" h="1940560">
                    <a:moveTo>
                      <a:pt x="4988052" y="899160"/>
                    </a:moveTo>
                    <a:lnTo>
                      <a:pt x="4878323" y="899160"/>
                    </a:lnTo>
                    <a:lnTo>
                      <a:pt x="4878323" y="926591"/>
                    </a:lnTo>
                    <a:lnTo>
                      <a:pt x="4988052" y="926591"/>
                    </a:lnTo>
                    <a:lnTo>
                      <a:pt x="4988052" y="899160"/>
                    </a:lnTo>
                    <a:close/>
                  </a:path>
                  <a:path w="5471159" h="1940560">
                    <a:moveTo>
                      <a:pt x="5180076" y="899160"/>
                    </a:moveTo>
                    <a:lnTo>
                      <a:pt x="5070347" y="899160"/>
                    </a:lnTo>
                    <a:lnTo>
                      <a:pt x="5070347" y="926591"/>
                    </a:lnTo>
                    <a:lnTo>
                      <a:pt x="5180076" y="926591"/>
                    </a:lnTo>
                    <a:lnTo>
                      <a:pt x="5180076" y="899160"/>
                    </a:lnTo>
                    <a:close/>
                  </a:path>
                  <a:path w="5471159" h="1940560">
                    <a:moveTo>
                      <a:pt x="5372100" y="899160"/>
                    </a:moveTo>
                    <a:lnTo>
                      <a:pt x="5262371" y="899160"/>
                    </a:lnTo>
                    <a:lnTo>
                      <a:pt x="5262371" y="926591"/>
                    </a:lnTo>
                    <a:lnTo>
                      <a:pt x="5372100" y="926591"/>
                    </a:lnTo>
                    <a:lnTo>
                      <a:pt x="5372100" y="899160"/>
                    </a:lnTo>
                    <a:close/>
                  </a:path>
                  <a:path w="5471159" h="1940560">
                    <a:moveTo>
                      <a:pt x="5443728" y="912876"/>
                    </a:moveTo>
                    <a:lnTo>
                      <a:pt x="5443728" y="1019555"/>
                    </a:lnTo>
                    <a:lnTo>
                      <a:pt x="5471160" y="1019555"/>
                    </a:lnTo>
                    <a:lnTo>
                      <a:pt x="5471160" y="926591"/>
                    </a:lnTo>
                    <a:lnTo>
                      <a:pt x="5454395" y="926591"/>
                    </a:lnTo>
                    <a:lnTo>
                      <a:pt x="5454395" y="923543"/>
                    </a:lnTo>
                    <a:lnTo>
                      <a:pt x="5443728" y="912876"/>
                    </a:lnTo>
                    <a:close/>
                  </a:path>
                  <a:path w="5471159" h="1940560">
                    <a:moveTo>
                      <a:pt x="5454395" y="923543"/>
                    </a:moveTo>
                    <a:lnTo>
                      <a:pt x="5454395" y="926591"/>
                    </a:lnTo>
                    <a:lnTo>
                      <a:pt x="5457444" y="926591"/>
                    </a:lnTo>
                    <a:lnTo>
                      <a:pt x="5454395" y="923543"/>
                    </a:lnTo>
                    <a:close/>
                  </a:path>
                  <a:path w="5471159" h="1940560">
                    <a:moveTo>
                      <a:pt x="5463540" y="899160"/>
                    </a:moveTo>
                    <a:lnTo>
                      <a:pt x="5454395" y="899160"/>
                    </a:lnTo>
                    <a:lnTo>
                      <a:pt x="5454395" y="923543"/>
                    </a:lnTo>
                    <a:lnTo>
                      <a:pt x="5457444" y="926591"/>
                    </a:lnTo>
                    <a:lnTo>
                      <a:pt x="5471160" y="926591"/>
                    </a:lnTo>
                    <a:lnTo>
                      <a:pt x="5471160" y="905255"/>
                    </a:lnTo>
                    <a:lnTo>
                      <a:pt x="5463540" y="899160"/>
                    </a:lnTo>
                    <a:close/>
                  </a:path>
                  <a:path w="5471159" h="1940560">
                    <a:moveTo>
                      <a:pt x="5471160" y="1101852"/>
                    </a:moveTo>
                    <a:lnTo>
                      <a:pt x="5443728" y="1101852"/>
                    </a:lnTo>
                    <a:lnTo>
                      <a:pt x="5443728" y="1211579"/>
                    </a:lnTo>
                    <a:lnTo>
                      <a:pt x="5471160" y="1211579"/>
                    </a:lnTo>
                    <a:lnTo>
                      <a:pt x="5471160" y="1101852"/>
                    </a:lnTo>
                    <a:close/>
                  </a:path>
                  <a:path w="5471159" h="1940560">
                    <a:moveTo>
                      <a:pt x="5471160" y="1293876"/>
                    </a:moveTo>
                    <a:lnTo>
                      <a:pt x="5443728" y="1293876"/>
                    </a:lnTo>
                    <a:lnTo>
                      <a:pt x="5443728" y="1403603"/>
                    </a:lnTo>
                    <a:lnTo>
                      <a:pt x="5471160" y="1403603"/>
                    </a:lnTo>
                    <a:lnTo>
                      <a:pt x="5471160" y="1293876"/>
                    </a:lnTo>
                    <a:close/>
                  </a:path>
                  <a:path w="5471159" h="1940560">
                    <a:moveTo>
                      <a:pt x="5471160" y="1485900"/>
                    </a:moveTo>
                    <a:lnTo>
                      <a:pt x="5443728" y="1485900"/>
                    </a:lnTo>
                    <a:lnTo>
                      <a:pt x="5443728" y="1595627"/>
                    </a:lnTo>
                    <a:lnTo>
                      <a:pt x="5471160" y="1595627"/>
                    </a:lnTo>
                    <a:lnTo>
                      <a:pt x="5471160" y="1485900"/>
                    </a:lnTo>
                    <a:close/>
                  </a:path>
                  <a:path w="5471159" h="1940560">
                    <a:moveTo>
                      <a:pt x="5471160" y="1677924"/>
                    </a:moveTo>
                    <a:lnTo>
                      <a:pt x="5443728" y="1677924"/>
                    </a:lnTo>
                    <a:lnTo>
                      <a:pt x="5443728" y="1787652"/>
                    </a:lnTo>
                    <a:lnTo>
                      <a:pt x="5471160" y="1787652"/>
                    </a:lnTo>
                    <a:lnTo>
                      <a:pt x="5471160" y="1677924"/>
                    </a:lnTo>
                    <a:close/>
                  </a:path>
                  <a:path w="5471159" h="1940560">
                    <a:moveTo>
                      <a:pt x="5443728" y="1912620"/>
                    </a:moveTo>
                    <a:lnTo>
                      <a:pt x="5404104" y="1912620"/>
                    </a:lnTo>
                    <a:lnTo>
                      <a:pt x="5404104" y="1940052"/>
                    </a:lnTo>
                    <a:lnTo>
                      <a:pt x="5463540" y="1940052"/>
                    </a:lnTo>
                    <a:lnTo>
                      <a:pt x="5471160" y="1933955"/>
                    </a:lnTo>
                    <a:lnTo>
                      <a:pt x="5471160" y="1926336"/>
                    </a:lnTo>
                    <a:lnTo>
                      <a:pt x="5443728" y="1926336"/>
                    </a:lnTo>
                    <a:lnTo>
                      <a:pt x="5443728" y="1912620"/>
                    </a:lnTo>
                    <a:close/>
                  </a:path>
                  <a:path w="5471159" h="1940560">
                    <a:moveTo>
                      <a:pt x="5471160" y="1869948"/>
                    </a:moveTo>
                    <a:lnTo>
                      <a:pt x="5443728" y="1869948"/>
                    </a:lnTo>
                    <a:lnTo>
                      <a:pt x="5443728" y="1926336"/>
                    </a:lnTo>
                    <a:lnTo>
                      <a:pt x="5457444" y="1912620"/>
                    </a:lnTo>
                    <a:lnTo>
                      <a:pt x="5471160" y="1912620"/>
                    </a:lnTo>
                    <a:lnTo>
                      <a:pt x="5471160" y="1869948"/>
                    </a:lnTo>
                    <a:close/>
                  </a:path>
                  <a:path w="5471159" h="1940560">
                    <a:moveTo>
                      <a:pt x="5471160" y="1912620"/>
                    </a:moveTo>
                    <a:lnTo>
                      <a:pt x="5457444" y="1912620"/>
                    </a:lnTo>
                    <a:lnTo>
                      <a:pt x="5443728" y="1926336"/>
                    </a:lnTo>
                    <a:lnTo>
                      <a:pt x="5471160" y="1926336"/>
                    </a:lnTo>
                    <a:lnTo>
                      <a:pt x="5471160" y="1912620"/>
                    </a:lnTo>
                    <a:close/>
                  </a:path>
                  <a:path w="5471159" h="1940560">
                    <a:moveTo>
                      <a:pt x="5321808" y="1912620"/>
                    </a:moveTo>
                    <a:lnTo>
                      <a:pt x="5212080" y="1912620"/>
                    </a:lnTo>
                    <a:lnTo>
                      <a:pt x="5212080" y="1940052"/>
                    </a:lnTo>
                    <a:lnTo>
                      <a:pt x="5321808" y="1940052"/>
                    </a:lnTo>
                    <a:lnTo>
                      <a:pt x="5321808" y="1912620"/>
                    </a:lnTo>
                    <a:close/>
                  </a:path>
                  <a:path w="5471159" h="1940560">
                    <a:moveTo>
                      <a:pt x="5129784" y="1912620"/>
                    </a:moveTo>
                    <a:lnTo>
                      <a:pt x="5020056" y="1912620"/>
                    </a:lnTo>
                    <a:lnTo>
                      <a:pt x="5020056" y="1940052"/>
                    </a:lnTo>
                    <a:lnTo>
                      <a:pt x="5129784" y="1940052"/>
                    </a:lnTo>
                    <a:lnTo>
                      <a:pt x="5129784" y="1912620"/>
                    </a:lnTo>
                    <a:close/>
                  </a:path>
                  <a:path w="5471159" h="1940560">
                    <a:moveTo>
                      <a:pt x="4937760" y="1912620"/>
                    </a:moveTo>
                    <a:lnTo>
                      <a:pt x="4828032" y="1912620"/>
                    </a:lnTo>
                    <a:lnTo>
                      <a:pt x="4828032" y="1940052"/>
                    </a:lnTo>
                    <a:lnTo>
                      <a:pt x="4937760" y="1940052"/>
                    </a:lnTo>
                    <a:lnTo>
                      <a:pt x="4937760" y="1912620"/>
                    </a:lnTo>
                    <a:close/>
                  </a:path>
                  <a:path w="5471159" h="1940560">
                    <a:moveTo>
                      <a:pt x="4745736" y="1912620"/>
                    </a:moveTo>
                    <a:lnTo>
                      <a:pt x="4636008" y="1912620"/>
                    </a:lnTo>
                    <a:lnTo>
                      <a:pt x="4636008" y="1940052"/>
                    </a:lnTo>
                    <a:lnTo>
                      <a:pt x="4745736" y="1940052"/>
                    </a:lnTo>
                    <a:lnTo>
                      <a:pt x="4745736" y="1912620"/>
                    </a:lnTo>
                    <a:close/>
                  </a:path>
                  <a:path w="5471159" h="1940560">
                    <a:moveTo>
                      <a:pt x="4553712" y="1912620"/>
                    </a:moveTo>
                    <a:lnTo>
                      <a:pt x="4443984" y="1912620"/>
                    </a:lnTo>
                    <a:lnTo>
                      <a:pt x="4443984" y="1940052"/>
                    </a:lnTo>
                    <a:lnTo>
                      <a:pt x="4553712" y="1940052"/>
                    </a:lnTo>
                    <a:lnTo>
                      <a:pt x="4553712" y="1912620"/>
                    </a:lnTo>
                    <a:close/>
                  </a:path>
                  <a:path w="5471159" h="1940560">
                    <a:moveTo>
                      <a:pt x="4361688" y="1912620"/>
                    </a:moveTo>
                    <a:lnTo>
                      <a:pt x="4251960" y="1912620"/>
                    </a:lnTo>
                    <a:lnTo>
                      <a:pt x="4251960" y="1940052"/>
                    </a:lnTo>
                    <a:lnTo>
                      <a:pt x="4361688" y="1940052"/>
                    </a:lnTo>
                    <a:lnTo>
                      <a:pt x="4361688" y="1912620"/>
                    </a:lnTo>
                    <a:close/>
                  </a:path>
                  <a:path w="5471159" h="1940560">
                    <a:moveTo>
                      <a:pt x="4169664" y="1912620"/>
                    </a:moveTo>
                    <a:lnTo>
                      <a:pt x="4061460" y="1912620"/>
                    </a:lnTo>
                    <a:lnTo>
                      <a:pt x="4061460" y="1940052"/>
                    </a:lnTo>
                    <a:lnTo>
                      <a:pt x="4169664" y="1940052"/>
                    </a:lnTo>
                    <a:lnTo>
                      <a:pt x="4169664" y="1912620"/>
                    </a:lnTo>
                    <a:close/>
                  </a:path>
                  <a:path w="5471159" h="1940560">
                    <a:moveTo>
                      <a:pt x="3979164" y="1912620"/>
                    </a:moveTo>
                    <a:lnTo>
                      <a:pt x="3869436" y="1912620"/>
                    </a:lnTo>
                    <a:lnTo>
                      <a:pt x="3869436" y="1940052"/>
                    </a:lnTo>
                    <a:lnTo>
                      <a:pt x="3979164" y="1940052"/>
                    </a:lnTo>
                    <a:lnTo>
                      <a:pt x="3979164" y="1912620"/>
                    </a:lnTo>
                    <a:close/>
                  </a:path>
                  <a:path w="5471159" h="1940560">
                    <a:moveTo>
                      <a:pt x="3787140" y="1912620"/>
                    </a:moveTo>
                    <a:lnTo>
                      <a:pt x="3677412" y="1912620"/>
                    </a:lnTo>
                    <a:lnTo>
                      <a:pt x="3677412" y="1940052"/>
                    </a:lnTo>
                    <a:lnTo>
                      <a:pt x="3787140" y="1940052"/>
                    </a:lnTo>
                    <a:lnTo>
                      <a:pt x="3787140" y="1912620"/>
                    </a:lnTo>
                    <a:close/>
                  </a:path>
                  <a:path w="5471159" h="1940560">
                    <a:moveTo>
                      <a:pt x="3595116" y="1912620"/>
                    </a:moveTo>
                    <a:lnTo>
                      <a:pt x="3485388" y="1912620"/>
                    </a:lnTo>
                    <a:lnTo>
                      <a:pt x="3485388" y="1940052"/>
                    </a:lnTo>
                    <a:lnTo>
                      <a:pt x="3595116" y="1940052"/>
                    </a:lnTo>
                    <a:lnTo>
                      <a:pt x="3595116" y="1912620"/>
                    </a:lnTo>
                    <a:close/>
                  </a:path>
                  <a:path w="5471159" h="1940560">
                    <a:moveTo>
                      <a:pt x="3403091" y="1912620"/>
                    </a:moveTo>
                    <a:lnTo>
                      <a:pt x="3293364" y="1912620"/>
                    </a:lnTo>
                    <a:lnTo>
                      <a:pt x="3293364" y="1940052"/>
                    </a:lnTo>
                    <a:lnTo>
                      <a:pt x="3403091" y="1940052"/>
                    </a:lnTo>
                    <a:lnTo>
                      <a:pt x="3403091" y="1912620"/>
                    </a:lnTo>
                    <a:close/>
                  </a:path>
                  <a:path w="5471159" h="1940560">
                    <a:moveTo>
                      <a:pt x="3211067" y="1912620"/>
                    </a:moveTo>
                    <a:lnTo>
                      <a:pt x="3101340" y="1912620"/>
                    </a:lnTo>
                    <a:lnTo>
                      <a:pt x="3101340" y="1940052"/>
                    </a:lnTo>
                    <a:lnTo>
                      <a:pt x="3211067" y="1940052"/>
                    </a:lnTo>
                    <a:lnTo>
                      <a:pt x="3211067" y="1912620"/>
                    </a:lnTo>
                    <a:close/>
                  </a:path>
                  <a:path w="5471159" h="1940560">
                    <a:moveTo>
                      <a:pt x="3019043" y="1912620"/>
                    </a:moveTo>
                    <a:lnTo>
                      <a:pt x="2909316" y="1912620"/>
                    </a:lnTo>
                    <a:lnTo>
                      <a:pt x="2909316" y="1940052"/>
                    </a:lnTo>
                    <a:lnTo>
                      <a:pt x="3019043" y="1940052"/>
                    </a:lnTo>
                    <a:lnTo>
                      <a:pt x="3019043" y="1912620"/>
                    </a:lnTo>
                    <a:close/>
                  </a:path>
                  <a:path w="5471159" h="1940560">
                    <a:moveTo>
                      <a:pt x="2827019" y="1912620"/>
                    </a:moveTo>
                    <a:lnTo>
                      <a:pt x="2717291" y="1912620"/>
                    </a:lnTo>
                    <a:lnTo>
                      <a:pt x="2717291" y="1940052"/>
                    </a:lnTo>
                    <a:lnTo>
                      <a:pt x="2827019" y="1940052"/>
                    </a:lnTo>
                    <a:lnTo>
                      <a:pt x="2827019" y="1912620"/>
                    </a:lnTo>
                    <a:close/>
                  </a:path>
                  <a:path w="5471159" h="1940560">
                    <a:moveTo>
                      <a:pt x="2634995" y="1912620"/>
                    </a:moveTo>
                    <a:lnTo>
                      <a:pt x="2525267" y="1912620"/>
                    </a:lnTo>
                    <a:lnTo>
                      <a:pt x="2525267" y="1940052"/>
                    </a:lnTo>
                    <a:lnTo>
                      <a:pt x="2634995" y="1940052"/>
                    </a:lnTo>
                    <a:lnTo>
                      <a:pt x="2634995" y="1912620"/>
                    </a:lnTo>
                    <a:close/>
                  </a:path>
                  <a:path w="5471159" h="1940560">
                    <a:moveTo>
                      <a:pt x="2442971" y="1912620"/>
                    </a:moveTo>
                    <a:lnTo>
                      <a:pt x="2333243" y="1912620"/>
                    </a:lnTo>
                    <a:lnTo>
                      <a:pt x="2333243" y="1940052"/>
                    </a:lnTo>
                    <a:lnTo>
                      <a:pt x="2442971" y="1940052"/>
                    </a:lnTo>
                    <a:lnTo>
                      <a:pt x="2442971" y="1912620"/>
                    </a:lnTo>
                    <a:close/>
                  </a:path>
                  <a:path w="5471159" h="1940560">
                    <a:moveTo>
                      <a:pt x="2250947" y="1912620"/>
                    </a:moveTo>
                    <a:lnTo>
                      <a:pt x="2141219" y="1912620"/>
                    </a:lnTo>
                    <a:lnTo>
                      <a:pt x="2141219" y="1940052"/>
                    </a:lnTo>
                    <a:lnTo>
                      <a:pt x="2250947" y="1940052"/>
                    </a:lnTo>
                    <a:lnTo>
                      <a:pt x="2250947" y="1912620"/>
                    </a:lnTo>
                    <a:close/>
                  </a:path>
                  <a:path w="5471159" h="1940560">
                    <a:moveTo>
                      <a:pt x="2060447" y="1912620"/>
                    </a:moveTo>
                    <a:lnTo>
                      <a:pt x="1950719" y="1912620"/>
                    </a:lnTo>
                    <a:lnTo>
                      <a:pt x="1950719" y="1940052"/>
                    </a:lnTo>
                    <a:lnTo>
                      <a:pt x="2060447" y="1940052"/>
                    </a:lnTo>
                    <a:lnTo>
                      <a:pt x="2060447" y="1912620"/>
                    </a:lnTo>
                    <a:close/>
                  </a:path>
                  <a:path w="5471159" h="1940560">
                    <a:moveTo>
                      <a:pt x="1868423" y="1912620"/>
                    </a:moveTo>
                    <a:lnTo>
                      <a:pt x="1758695" y="1912620"/>
                    </a:lnTo>
                    <a:lnTo>
                      <a:pt x="1758695" y="1940052"/>
                    </a:lnTo>
                    <a:lnTo>
                      <a:pt x="1868423" y="1940052"/>
                    </a:lnTo>
                    <a:lnTo>
                      <a:pt x="1868423" y="1912620"/>
                    </a:lnTo>
                    <a:close/>
                  </a:path>
                  <a:path w="5471159" h="1940560">
                    <a:moveTo>
                      <a:pt x="1676400" y="1912620"/>
                    </a:moveTo>
                    <a:lnTo>
                      <a:pt x="1566671" y="1912620"/>
                    </a:lnTo>
                    <a:lnTo>
                      <a:pt x="1566671" y="1940052"/>
                    </a:lnTo>
                    <a:lnTo>
                      <a:pt x="1676400" y="1940052"/>
                    </a:lnTo>
                    <a:lnTo>
                      <a:pt x="1676400" y="1912620"/>
                    </a:lnTo>
                    <a:close/>
                  </a:path>
                  <a:path w="5471159" h="1940560">
                    <a:moveTo>
                      <a:pt x="1484376" y="1912620"/>
                    </a:moveTo>
                    <a:lnTo>
                      <a:pt x="1374647" y="1912620"/>
                    </a:lnTo>
                    <a:lnTo>
                      <a:pt x="1374647" y="1940052"/>
                    </a:lnTo>
                    <a:lnTo>
                      <a:pt x="1484376" y="1940052"/>
                    </a:lnTo>
                    <a:lnTo>
                      <a:pt x="1484376" y="1912620"/>
                    </a:lnTo>
                    <a:close/>
                  </a:path>
                  <a:path w="5471159" h="1940560">
                    <a:moveTo>
                      <a:pt x="1292352" y="1912620"/>
                    </a:moveTo>
                    <a:lnTo>
                      <a:pt x="1182624" y="1912620"/>
                    </a:lnTo>
                    <a:lnTo>
                      <a:pt x="1182624" y="1940052"/>
                    </a:lnTo>
                    <a:lnTo>
                      <a:pt x="1292352" y="1940052"/>
                    </a:lnTo>
                    <a:lnTo>
                      <a:pt x="1292352" y="1912620"/>
                    </a:lnTo>
                    <a:close/>
                  </a:path>
                  <a:path w="5471159" h="1940560">
                    <a:moveTo>
                      <a:pt x="1100327" y="1912620"/>
                    </a:moveTo>
                    <a:lnTo>
                      <a:pt x="990600" y="1912620"/>
                    </a:lnTo>
                    <a:lnTo>
                      <a:pt x="990600" y="1940052"/>
                    </a:lnTo>
                    <a:lnTo>
                      <a:pt x="1100327" y="1940052"/>
                    </a:lnTo>
                    <a:lnTo>
                      <a:pt x="1100327" y="1912620"/>
                    </a:lnTo>
                    <a:close/>
                  </a:path>
                  <a:path w="5471159" h="1940560">
                    <a:moveTo>
                      <a:pt x="908303" y="1912620"/>
                    </a:moveTo>
                    <a:lnTo>
                      <a:pt x="798576" y="1912620"/>
                    </a:lnTo>
                    <a:lnTo>
                      <a:pt x="798576" y="1940052"/>
                    </a:lnTo>
                    <a:lnTo>
                      <a:pt x="908303" y="1940052"/>
                    </a:lnTo>
                    <a:lnTo>
                      <a:pt x="908303" y="1912620"/>
                    </a:lnTo>
                    <a:close/>
                  </a:path>
                  <a:path w="5471159" h="1940560">
                    <a:moveTo>
                      <a:pt x="716279" y="1912620"/>
                    </a:moveTo>
                    <a:lnTo>
                      <a:pt x="606551" y="1912620"/>
                    </a:lnTo>
                    <a:lnTo>
                      <a:pt x="606551" y="1940052"/>
                    </a:lnTo>
                    <a:lnTo>
                      <a:pt x="716279" y="1940052"/>
                    </a:lnTo>
                    <a:lnTo>
                      <a:pt x="716279" y="1912620"/>
                    </a:lnTo>
                    <a:close/>
                  </a:path>
                  <a:path w="5471159" h="1940560">
                    <a:moveTo>
                      <a:pt x="524256" y="1912620"/>
                    </a:moveTo>
                    <a:lnTo>
                      <a:pt x="414527" y="1912620"/>
                    </a:lnTo>
                    <a:lnTo>
                      <a:pt x="414527" y="1940052"/>
                    </a:lnTo>
                    <a:lnTo>
                      <a:pt x="524256" y="1940052"/>
                    </a:lnTo>
                    <a:lnTo>
                      <a:pt x="524256" y="1912620"/>
                    </a:lnTo>
                    <a:close/>
                  </a:path>
                  <a:path w="5471159" h="1940560">
                    <a:moveTo>
                      <a:pt x="332232" y="1912620"/>
                    </a:moveTo>
                    <a:lnTo>
                      <a:pt x="222503" y="1912620"/>
                    </a:lnTo>
                    <a:lnTo>
                      <a:pt x="222503" y="1940052"/>
                    </a:lnTo>
                    <a:lnTo>
                      <a:pt x="332232" y="1940052"/>
                    </a:lnTo>
                    <a:lnTo>
                      <a:pt x="332232" y="1912620"/>
                    </a:lnTo>
                    <a:close/>
                  </a:path>
                  <a:path w="5471159" h="1940560">
                    <a:moveTo>
                      <a:pt x="141732" y="1912620"/>
                    </a:moveTo>
                    <a:lnTo>
                      <a:pt x="32003" y="1912620"/>
                    </a:lnTo>
                    <a:lnTo>
                      <a:pt x="32003" y="1940052"/>
                    </a:lnTo>
                    <a:lnTo>
                      <a:pt x="141732" y="1940052"/>
                    </a:lnTo>
                    <a:lnTo>
                      <a:pt x="141732" y="1912620"/>
                    </a:lnTo>
                    <a:close/>
                  </a:path>
                </a:pathLst>
              </a:custGeom>
              <a:solidFill>
                <a:srgbClr val="385D89"/>
              </a:solidFill>
              <a:ln>
                <a:solidFill>
                  <a:sysClr val="windowText" lastClr="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grpSp>
        <xdr:grpSp>
          <xdr:nvGrpSpPr>
            <xdr:cNvPr id="4" name="グループ化 3">
              <a:extLst>
                <a:ext uri="{FF2B5EF4-FFF2-40B4-BE49-F238E27FC236}">
                  <a16:creationId xmlns:a16="http://schemas.microsoft.com/office/drawing/2014/main" id="{00000000-0008-0000-0600-000004000000}"/>
                </a:ext>
              </a:extLst>
            </xdr:cNvPr>
            <xdr:cNvGrpSpPr/>
          </xdr:nvGrpSpPr>
          <xdr:grpSpPr>
            <a:xfrm>
              <a:off x="6293030" y="5363922"/>
              <a:ext cx="4124667" cy="1858120"/>
              <a:chOff x="6578287" y="9120764"/>
              <a:chExt cx="5878258" cy="2611709"/>
            </a:xfrm>
          </xdr:grpSpPr>
          <xdr:sp macro="" textlink="">
            <xdr:nvSpPr>
              <xdr:cNvPr id="126" name="object 69">
                <a:extLst>
                  <a:ext uri="{FF2B5EF4-FFF2-40B4-BE49-F238E27FC236}">
                    <a16:creationId xmlns:a16="http://schemas.microsoft.com/office/drawing/2014/main" id="{00000000-0008-0000-0600-00007E000000}"/>
                  </a:ext>
                </a:extLst>
              </xdr:cNvPr>
              <xdr:cNvSpPr/>
            </xdr:nvSpPr>
            <xdr:spPr>
              <a:xfrm>
                <a:off x="7561157" y="9447700"/>
                <a:ext cx="0" cy="207645"/>
              </a:xfrm>
              <a:custGeom>
                <a:avLst/>
                <a:gdLst/>
                <a:ahLst/>
                <a:cxnLst/>
                <a:rect l="l" t="t" r="r" b="b"/>
                <a:pathLst>
                  <a:path h="207645">
                    <a:moveTo>
                      <a:pt x="0" y="0"/>
                    </a:moveTo>
                    <a:lnTo>
                      <a:pt x="0" y="207263"/>
                    </a:lnTo>
                  </a:path>
                </a:pathLst>
              </a:custGeom>
              <a:ln w="10667">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27" name="object 70">
                <a:extLst>
                  <a:ext uri="{FF2B5EF4-FFF2-40B4-BE49-F238E27FC236}">
                    <a16:creationId xmlns:a16="http://schemas.microsoft.com/office/drawing/2014/main" id="{00000000-0008-0000-0600-00007F000000}"/>
                  </a:ext>
                </a:extLst>
              </xdr:cNvPr>
              <xdr:cNvSpPr/>
            </xdr:nvSpPr>
            <xdr:spPr>
              <a:xfrm>
                <a:off x="7561156" y="10089303"/>
                <a:ext cx="64925" cy="325372"/>
              </a:xfrm>
              <a:custGeom>
                <a:avLst/>
                <a:gdLst/>
                <a:ahLst/>
                <a:cxnLst/>
                <a:rect l="l" t="t" r="r" b="b"/>
                <a:pathLst>
                  <a:path h="637539">
                    <a:moveTo>
                      <a:pt x="0" y="0"/>
                    </a:moveTo>
                    <a:lnTo>
                      <a:pt x="0" y="637037"/>
                    </a:lnTo>
                  </a:path>
                </a:pathLst>
              </a:custGeom>
              <a:ln w="10667">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28" name="object 71">
                <a:extLst>
                  <a:ext uri="{FF2B5EF4-FFF2-40B4-BE49-F238E27FC236}">
                    <a16:creationId xmlns:a16="http://schemas.microsoft.com/office/drawing/2014/main" id="{00000000-0008-0000-0600-000080000000}"/>
                  </a:ext>
                </a:extLst>
              </xdr:cNvPr>
              <xdr:cNvSpPr/>
            </xdr:nvSpPr>
            <xdr:spPr>
              <a:xfrm flipH="1">
                <a:off x="7476316" y="10988215"/>
                <a:ext cx="65156" cy="314198"/>
              </a:xfrm>
              <a:custGeom>
                <a:avLst/>
                <a:gdLst/>
                <a:ahLst/>
                <a:cxnLst/>
                <a:rect l="l" t="t" r="r" b="b"/>
                <a:pathLst>
                  <a:path h="426720">
                    <a:moveTo>
                      <a:pt x="0" y="0"/>
                    </a:moveTo>
                    <a:lnTo>
                      <a:pt x="0" y="426720"/>
                    </a:lnTo>
                  </a:path>
                </a:pathLst>
              </a:custGeom>
              <a:ln w="10667">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29" name="object 72">
                <a:extLst>
                  <a:ext uri="{FF2B5EF4-FFF2-40B4-BE49-F238E27FC236}">
                    <a16:creationId xmlns:a16="http://schemas.microsoft.com/office/drawing/2014/main" id="{00000000-0008-0000-0600-000081000000}"/>
                  </a:ext>
                </a:extLst>
              </xdr:cNvPr>
              <xdr:cNvSpPr/>
            </xdr:nvSpPr>
            <xdr:spPr>
              <a:xfrm>
                <a:off x="6842592" y="10726341"/>
                <a:ext cx="1626235" cy="149860"/>
              </a:xfrm>
              <a:custGeom>
                <a:avLst/>
                <a:gdLst/>
                <a:ahLst/>
                <a:cxnLst/>
                <a:rect l="l" t="t" r="r" b="b"/>
                <a:pathLst>
                  <a:path w="1626234" h="149860">
                    <a:moveTo>
                      <a:pt x="0" y="149351"/>
                    </a:moveTo>
                    <a:lnTo>
                      <a:pt x="1626108" y="149351"/>
                    </a:lnTo>
                    <a:lnTo>
                      <a:pt x="1626108" y="0"/>
                    </a:lnTo>
                    <a:lnTo>
                      <a:pt x="0" y="0"/>
                    </a:lnTo>
                    <a:lnTo>
                      <a:pt x="0" y="149351"/>
                    </a:lnTo>
                    <a:close/>
                  </a:path>
                </a:pathLst>
              </a:custGeom>
              <a:solidFill>
                <a:srgbClr val="FFFFFF"/>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34" name="object 106">
                <a:extLst>
                  <a:ext uri="{FF2B5EF4-FFF2-40B4-BE49-F238E27FC236}">
                    <a16:creationId xmlns:a16="http://schemas.microsoft.com/office/drawing/2014/main" id="{00000000-0008-0000-0600-000086000000}"/>
                  </a:ext>
                </a:extLst>
              </xdr:cNvPr>
              <xdr:cNvSpPr/>
            </xdr:nvSpPr>
            <xdr:spPr>
              <a:xfrm>
                <a:off x="6929685" y="9120764"/>
                <a:ext cx="1256030" cy="399415"/>
              </a:xfrm>
              <a:custGeom>
                <a:avLst/>
                <a:gdLst/>
                <a:ahLst/>
                <a:cxnLst/>
                <a:rect l="l" t="t" r="r" b="b"/>
                <a:pathLst>
                  <a:path w="1256029" h="399414">
                    <a:moveTo>
                      <a:pt x="627888" y="0"/>
                    </a:moveTo>
                    <a:lnTo>
                      <a:pt x="563880" y="1524"/>
                    </a:lnTo>
                    <a:lnTo>
                      <a:pt x="472439" y="6096"/>
                    </a:lnTo>
                    <a:lnTo>
                      <a:pt x="384048" y="15239"/>
                    </a:lnTo>
                    <a:lnTo>
                      <a:pt x="303275" y="28955"/>
                    </a:lnTo>
                    <a:lnTo>
                      <a:pt x="254508" y="39624"/>
                    </a:lnTo>
                    <a:lnTo>
                      <a:pt x="230124" y="44196"/>
                    </a:lnTo>
                    <a:lnTo>
                      <a:pt x="207263" y="50291"/>
                    </a:lnTo>
                    <a:lnTo>
                      <a:pt x="185927" y="57912"/>
                    </a:lnTo>
                    <a:lnTo>
                      <a:pt x="164592" y="64008"/>
                    </a:lnTo>
                    <a:lnTo>
                      <a:pt x="126492" y="79248"/>
                    </a:lnTo>
                    <a:lnTo>
                      <a:pt x="77724" y="102108"/>
                    </a:lnTo>
                    <a:lnTo>
                      <a:pt x="28956" y="138684"/>
                    </a:lnTo>
                    <a:lnTo>
                      <a:pt x="13715" y="158496"/>
                    </a:lnTo>
                    <a:lnTo>
                      <a:pt x="7620" y="167639"/>
                    </a:lnTo>
                    <a:lnTo>
                      <a:pt x="7620" y="169163"/>
                    </a:lnTo>
                    <a:lnTo>
                      <a:pt x="3048" y="178308"/>
                    </a:lnTo>
                    <a:lnTo>
                      <a:pt x="1524" y="188975"/>
                    </a:lnTo>
                    <a:lnTo>
                      <a:pt x="0" y="188975"/>
                    </a:lnTo>
                    <a:lnTo>
                      <a:pt x="0" y="211836"/>
                    </a:lnTo>
                    <a:lnTo>
                      <a:pt x="3048" y="222503"/>
                    </a:lnTo>
                    <a:lnTo>
                      <a:pt x="7620" y="231648"/>
                    </a:lnTo>
                    <a:lnTo>
                      <a:pt x="13715" y="242315"/>
                    </a:lnTo>
                    <a:lnTo>
                      <a:pt x="21336" y="251460"/>
                    </a:lnTo>
                    <a:lnTo>
                      <a:pt x="28956" y="262127"/>
                    </a:lnTo>
                    <a:lnTo>
                      <a:pt x="50292" y="280416"/>
                    </a:lnTo>
                    <a:lnTo>
                      <a:pt x="64008" y="289560"/>
                    </a:lnTo>
                    <a:lnTo>
                      <a:pt x="77724" y="297180"/>
                    </a:lnTo>
                    <a:lnTo>
                      <a:pt x="92963" y="306324"/>
                    </a:lnTo>
                    <a:lnTo>
                      <a:pt x="126492" y="321563"/>
                    </a:lnTo>
                    <a:lnTo>
                      <a:pt x="144780" y="329183"/>
                    </a:lnTo>
                    <a:lnTo>
                      <a:pt x="164592" y="335280"/>
                    </a:lnTo>
                    <a:lnTo>
                      <a:pt x="185927" y="342900"/>
                    </a:lnTo>
                    <a:lnTo>
                      <a:pt x="230124" y="355092"/>
                    </a:lnTo>
                    <a:lnTo>
                      <a:pt x="278892" y="367283"/>
                    </a:lnTo>
                    <a:lnTo>
                      <a:pt x="356615" y="381000"/>
                    </a:lnTo>
                    <a:lnTo>
                      <a:pt x="384048" y="384048"/>
                    </a:lnTo>
                    <a:lnTo>
                      <a:pt x="413004" y="388619"/>
                    </a:lnTo>
                    <a:lnTo>
                      <a:pt x="441960" y="391668"/>
                    </a:lnTo>
                    <a:lnTo>
                      <a:pt x="472439" y="393192"/>
                    </a:lnTo>
                    <a:lnTo>
                      <a:pt x="501396" y="396239"/>
                    </a:lnTo>
                    <a:lnTo>
                      <a:pt x="563880" y="399288"/>
                    </a:lnTo>
                    <a:lnTo>
                      <a:pt x="691896" y="399288"/>
                    </a:lnTo>
                    <a:lnTo>
                      <a:pt x="754380" y="396239"/>
                    </a:lnTo>
                    <a:lnTo>
                      <a:pt x="783336" y="393192"/>
                    </a:lnTo>
                    <a:lnTo>
                      <a:pt x="813815" y="391668"/>
                    </a:lnTo>
                    <a:lnTo>
                      <a:pt x="828293" y="390144"/>
                    </a:lnTo>
                    <a:lnTo>
                      <a:pt x="627888" y="390144"/>
                    </a:lnTo>
                    <a:lnTo>
                      <a:pt x="563880" y="388619"/>
                    </a:lnTo>
                    <a:lnTo>
                      <a:pt x="472439" y="384048"/>
                    </a:lnTo>
                    <a:lnTo>
                      <a:pt x="385572" y="374904"/>
                    </a:lnTo>
                    <a:lnTo>
                      <a:pt x="280415" y="356616"/>
                    </a:lnTo>
                    <a:lnTo>
                      <a:pt x="256032" y="350519"/>
                    </a:lnTo>
                    <a:lnTo>
                      <a:pt x="233172" y="345948"/>
                    </a:lnTo>
                    <a:lnTo>
                      <a:pt x="210312" y="339851"/>
                    </a:lnTo>
                    <a:lnTo>
                      <a:pt x="188975" y="332231"/>
                    </a:lnTo>
                    <a:lnTo>
                      <a:pt x="169163" y="326136"/>
                    </a:lnTo>
                    <a:lnTo>
                      <a:pt x="149351" y="318516"/>
                    </a:lnTo>
                    <a:lnTo>
                      <a:pt x="131063" y="312419"/>
                    </a:lnTo>
                    <a:lnTo>
                      <a:pt x="112775" y="304800"/>
                    </a:lnTo>
                    <a:lnTo>
                      <a:pt x="97536" y="295656"/>
                    </a:lnTo>
                    <a:lnTo>
                      <a:pt x="82296" y="288036"/>
                    </a:lnTo>
                    <a:lnTo>
                      <a:pt x="68580" y="280416"/>
                    </a:lnTo>
                    <a:lnTo>
                      <a:pt x="56387" y="271271"/>
                    </a:lnTo>
                    <a:lnTo>
                      <a:pt x="45720" y="263651"/>
                    </a:lnTo>
                    <a:lnTo>
                      <a:pt x="36575" y="254507"/>
                    </a:lnTo>
                    <a:lnTo>
                      <a:pt x="21336" y="236220"/>
                    </a:lnTo>
                    <a:lnTo>
                      <a:pt x="16763" y="227075"/>
                    </a:lnTo>
                    <a:lnTo>
                      <a:pt x="11176" y="210312"/>
                    </a:lnTo>
                    <a:lnTo>
                      <a:pt x="10668" y="210312"/>
                    </a:lnTo>
                    <a:lnTo>
                      <a:pt x="10668" y="190500"/>
                    </a:lnTo>
                    <a:lnTo>
                      <a:pt x="11103" y="190500"/>
                    </a:lnTo>
                    <a:lnTo>
                      <a:pt x="13715" y="181355"/>
                    </a:lnTo>
                    <a:lnTo>
                      <a:pt x="45720" y="137160"/>
                    </a:lnTo>
                    <a:lnTo>
                      <a:pt x="70104" y="120396"/>
                    </a:lnTo>
                    <a:lnTo>
                      <a:pt x="82296" y="111251"/>
                    </a:lnTo>
                    <a:lnTo>
                      <a:pt x="131063" y="88391"/>
                    </a:lnTo>
                    <a:lnTo>
                      <a:pt x="169163" y="73151"/>
                    </a:lnTo>
                    <a:lnTo>
                      <a:pt x="210312" y="60960"/>
                    </a:lnTo>
                    <a:lnTo>
                      <a:pt x="256032" y="48767"/>
                    </a:lnTo>
                    <a:lnTo>
                      <a:pt x="280415" y="44196"/>
                    </a:lnTo>
                    <a:lnTo>
                      <a:pt x="306324" y="38100"/>
                    </a:lnTo>
                    <a:lnTo>
                      <a:pt x="358139" y="28955"/>
                    </a:lnTo>
                    <a:lnTo>
                      <a:pt x="502920" y="13715"/>
                    </a:lnTo>
                    <a:lnTo>
                      <a:pt x="563880" y="10667"/>
                    </a:lnTo>
                    <a:lnTo>
                      <a:pt x="828293" y="10667"/>
                    </a:lnTo>
                    <a:lnTo>
                      <a:pt x="783336" y="6096"/>
                    </a:lnTo>
                    <a:lnTo>
                      <a:pt x="691896" y="1524"/>
                    </a:lnTo>
                    <a:lnTo>
                      <a:pt x="627888" y="0"/>
                    </a:lnTo>
                    <a:close/>
                  </a:path>
                  <a:path w="1256029" h="399414">
                    <a:moveTo>
                      <a:pt x="1242060" y="217932"/>
                    </a:moveTo>
                    <a:lnTo>
                      <a:pt x="1219200" y="254507"/>
                    </a:lnTo>
                    <a:lnTo>
                      <a:pt x="1197864" y="271271"/>
                    </a:lnTo>
                    <a:lnTo>
                      <a:pt x="1185671" y="280416"/>
                    </a:lnTo>
                    <a:lnTo>
                      <a:pt x="1173480" y="288036"/>
                    </a:lnTo>
                    <a:lnTo>
                      <a:pt x="1158239" y="297180"/>
                    </a:lnTo>
                    <a:lnTo>
                      <a:pt x="1124712" y="312419"/>
                    </a:lnTo>
                    <a:lnTo>
                      <a:pt x="1106424" y="318516"/>
                    </a:lnTo>
                    <a:lnTo>
                      <a:pt x="1086612" y="326136"/>
                    </a:lnTo>
                    <a:lnTo>
                      <a:pt x="1066800" y="332231"/>
                    </a:lnTo>
                    <a:lnTo>
                      <a:pt x="1045463" y="339851"/>
                    </a:lnTo>
                    <a:lnTo>
                      <a:pt x="1022604" y="345948"/>
                    </a:lnTo>
                    <a:lnTo>
                      <a:pt x="999743" y="350519"/>
                    </a:lnTo>
                    <a:lnTo>
                      <a:pt x="975360" y="356616"/>
                    </a:lnTo>
                    <a:lnTo>
                      <a:pt x="870204" y="374904"/>
                    </a:lnTo>
                    <a:lnTo>
                      <a:pt x="783336" y="384048"/>
                    </a:lnTo>
                    <a:lnTo>
                      <a:pt x="691896" y="388619"/>
                    </a:lnTo>
                    <a:lnTo>
                      <a:pt x="627888" y="390144"/>
                    </a:lnTo>
                    <a:lnTo>
                      <a:pt x="828293" y="390144"/>
                    </a:lnTo>
                    <a:lnTo>
                      <a:pt x="842772" y="388619"/>
                    </a:lnTo>
                    <a:lnTo>
                      <a:pt x="870204" y="384048"/>
                    </a:lnTo>
                    <a:lnTo>
                      <a:pt x="899160" y="381000"/>
                    </a:lnTo>
                    <a:lnTo>
                      <a:pt x="976884" y="367283"/>
                    </a:lnTo>
                    <a:lnTo>
                      <a:pt x="1025652" y="355092"/>
                    </a:lnTo>
                    <a:lnTo>
                      <a:pt x="1069848" y="342900"/>
                    </a:lnTo>
                    <a:lnTo>
                      <a:pt x="1091184" y="335280"/>
                    </a:lnTo>
                    <a:lnTo>
                      <a:pt x="1110995" y="329183"/>
                    </a:lnTo>
                    <a:lnTo>
                      <a:pt x="1129284" y="321563"/>
                    </a:lnTo>
                    <a:lnTo>
                      <a:pt x="1146048" y="313944"/>
                    </a:lnTo>
                    <a:lnTo>
                      <a:pt x="1162812" y="304800"/>
                    </a:lnTo>
                    <a:lnTo>
                      <a:pt x="1178052" y="297180"/>
                    </a:lnTo>
                    <a:lnTo>
                      <a:pt x="1191767" y="288036"/>
                    </a:lnTo>
                    <a:lnTo>
                      <a:pt x="1205484" y="280416"/>
                    </a:lnTo>
                    <a:lnTo>
                      <a:pt x="1226819" y="262127"/>
                    </a:lnTo>
                    <a:lnTo>
                      <a:pt x="1234439" y="251460"/>
                    </a:lnTo>
                    <a:lnTo>
                      <a:pt x="1242060" y="242315"/>
                    </a:lnTo>
                    <a:lnTo>
                      <a:pt x="1248156" y="231648"/>
                    </a:lnTo>
                    <a:lnTo>
                      <a:pt x="1252728" y="222503"/>
                    </a:lnTo>
                    <a:lnTo>
                      <a:pt x="1252728" y="220979"/>
                    </a:lnTo>
                    <a:lnTo>
                      <a:pt x="1252982" y="219455"/>
                    </a:lnTo>
                    <a:lnTo>
                      <a:pt x="1242060" y="219455"/>
                    </a:lnTo>
                    <a:lnTo>
                      <a:pt x="1242060" y="217932"/>
                    </a:lnTo>
                    <a:close/>
                  </a:path>
                  <a:path w="1256029" h="399414">
                    <a:moveTo>
                      <a:pt x="1245108" y="208787"/>
                    </a:moveTo>
                    <a:lnTo>
                      <a:pt x="1242060" y="219455"/>
                    </a:lnTo>
                    <a:lnTo>
                      <a:pt x="1252982" y="219455"/>
                    </a:lnTo>
                    <a:lnTo>
                      <a:pt x="1254252" y="211836"/>
                    </a:lnTo>
                    <a:lnTo>
                      <a:pt x="1254252" y="210312"/>
                    </a:lnTo>
                    <a:lnTo>
                      <a:pt x="1245108" y="210312"/>
                    </a:lnTo>
                    <a:lnTo>
                      <a:pt x="1245108" y="208787"/>
                    </a:lnTo>
                    <a:close/>
                  </a:path>
                  <a:path w="1256029" h="399414">
                    <a:moveTo>
                      <a:pt x="10668" y="208787"/>
                    </a:moveTo>
                    <a:lnTo>
                      <a:pt x="10668" y="210312"/>
                    </a:lnTo>
                    <a:lnTo>
                      <a:pt x="11176" y="210312"/>
                    </a:lnTo>
                    <a:lnTo>
                      <a:pt x="10668" y="208787"/>
                    </a:lnTo>
                    <a:close/>
                  </a:path>
                  <a:path w="1256029" h="399414">
                    <a:moveTo>
                      <a:pt x="1254469" y="190500"/>
                    </a:moveTo>
                    <a:lnTo>
                      <a:pt x="1245108" y="190500"/>
                    </a:lnTo>
                    <a:lnTo>
                      <a:pt x="1245108" y="210312"/>
                    </a:lnTo>
                    <a:lnTo>
                      <a:pt x="1254252" y="210312"/>
                    </a:lnTo>
                    <a:lnTo>
                      <a:pt x="1255776" y="201167"/>
                    </a:lnTo>
                    <a:lnTo>
                      <a:pt x="1255776" y="199644"/>
                    </a:lnTo>
                    <a:lnTo>
                      <a:pt x="1254469" y="190500"/>
                    </a:lnTo>
                    <a:close/>
                  </a:path>
                  <a:path w="1256029" h="399414">
                    <a:moveTo>
                      <a:pt x="11103" y="190500"/>
                    </a:moveTo>
                    <a:lnTo>
                      <a:pt x="10668" y="190500"/>
                    </a:lnTo>
                    <a:lnTo>
                      <a:pt x="10668" y="192024"/>
                    </a:lnTo>
                    <a:lnTo>
                      <a:pt x="11103" y="190500"/>
                    </a:lnTo>
                    <a:close/>
                  </a:path>
                  <a:path w="1256029" h="399414">
                    <a:moveTo>
                      <a:pt x="828293" y="10667"/>
                    </a:moveTo>
                    <a:lnTo>
                      <a:pt x="691896" y="10667"/>
                    </a:lnTo>
                    <a:lnTo>
                      <a:pt x="752856" y="13715"/>
                    </a:lnTo>
                    <a:lnTo>
                      <a:pt x="897636" y="28955"/>
                    </a:lnTo>
                    <a:lnTo>
                      <a:pt x="949452" y="38100"/>
                    </a:lnTo>
                    <a:lnTo>
                      <a:pt x="975360" y="44196"/>
                    </a:lnTo>
                    <a:lnTo>
                      <a:pt x="999743" y="48767"/>
                    </a:lnTo>
                    <a:lnTo>
                      <a:pt x="1045463" y="60960"/>
                    </a:lnTo>
                    <a:lnTo>
                      <a:pt x="1086612" y="73151"/>
                    </a:lnTo>
                    <a:lnTo>
                      <a:pt x="1124712" y="88391"/>
                    </a:lnTo>
                    <a:lnTo>
                      <a:pt x="1173480" y="111251"/>
                    </a:lnTo>
                    <a:lnTo>
                      <a:pt x="1187195" y="120396"/>
                    </a:lnTo>
                    <a:lnTo>
                      <a:pt x="1199388" y="128015"/>
                    </a:lnTo>
                    <a:lnTo>
                      <a:pt x="1234439" y="164591"/>
                    </a:lnTo>
                    <a:lnTo>
                      <a:pt x="1245108" y="192024"/>
                    </a:lnTo>
                    <a:lnTo>
                      <a:pt x="1245108" y="190500"/>
                    </a:lnTo>
                    <a:lnTo>
                      <a:pt x="1254469" y="190500"/>
                    </a:lnTo>
                    <a:lnTo>
                      <a:pt x="1252728" y="178308"/>
                    </a:lnTo>
                    <a:lnTo>
                      <a:pt x="1226819" y="138684"/>
                    </a:lnTo>
                    <a:lnTo>
                      <a:pt x="1191767" y="111251"/>
                    </a:lnTo>
                    <a:lnTo>
                      <a:pt x="1129284" y="79248"/>
                    </a:lnTo>
                    <a:lnTo>
                      <a:pt x="1109471" y="71627"/>
                    </a:lnTo>
                    <a:lnTo>
                      <a:pt x="1091184" y="64008"/>
                    </a:lnTo>
                    <a:lnTo>
                      <a:pt x="1069848" y="57912"/>
                    </a:lnTo>
                    <a:lnTo>
                      <a:pt x="1048512" y="50291"/>
                    </a:lnTo>
                    <a:lnTo>
                      <a:pt x="1025652" y="44196"/>
                    </a:lnTo>
                    <a:lnTo>
                      <a:pt x="1001267" y="38100"/>
                    </a:lnTo>
                    <a:lnTo>
                      <a:pt x="976884" y="33527"/>
                    </a:lnTo>
                    <a:lnTo>
                      <a:pt x="899160" y="19812"/>
                    </a:lnTo>
                    <a:lnTo>
                      <a:pt x="870204" y="15239"/>
                    </a:lnTo>
                    <a:lnTo>
                      <a:pt x="828293" y="10667"/>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38" name="object 124">
                <a:extLst>
                  <a:ext uri="{FF2B5EF4-FFF2-40B4-BE49-F238E27FC236}">
                    <a16:creationId xmlns:a16="http://schemas.microsoft.com/office/drawing/2014/main" id="{00000000-0008-0000-0600-00008A000000}"/>
                  </a:ext>
                </a:extLst>
              </xdr:cNvPr>
              <xdr:cNvSpPr/>
            </xdr:nvSpPr>
            <xdr:spPr>
              <a:xfrm>
                <a:off x="6578287" y="9653580"/>
                <a:ext cx="1988821" cy="445134"/>
              </a:xfrm>
              <a:custGeom>
                <a:avLst/>
                <a:gdLst/>
                <a:ahLst/>
                <a:cxnLst/>
                <a:rect l="l" t="t" r="r" b="b"/>
                <a:pathLst>
                  <a:path w="1988820" h="445135">
                    <a:moveTo>
                      <a:pt x="1987296" y="0"/>
                    </a:moveTo>
                    <a:lnTo>
                      <a:pt x="3047" y="0"/>
                    </a:lnTo>
                    <a:lnTo>
                      <a:pt x="0" y="3048"/>
                    </a:lnTo>
                    <a:lnTo>
                      <a:pt x="0" y="441960"/>
                    </a:lnTo>
                    <a:lnTo>
                      <a:pt x="3047" y="445008"/>
                    </a:lnTo>
                    <a:lnTo>
                      <a:pt x="1987296" y="445008"/>
                    </a:lnTo>
                    <a:lnTo>
                      <a:pt x="1988820" y="441960"/>
                    </a:lnTo>
                    <a:lnTo>
                      <a:pt x="1988820" y="440436"/>
                    </a:lnTo>
                    <a:lnTo>
                      <a:pt x="10667" y="440436"/>
                    </a:lnTo>
                    <a:lnTo>
                      <a:pt x="6095" y="434340"/>
                    </a:lnTo>
                    <a:lnTo>
                      <a:pt x="10667" y="434340"/>
                    </a:lnTo>
                    <a:lnTo>
                      <a:pt x="10667" y="10668"/>
                    </a:lnTo>
                    <a:lnTo>
                      <a:pt x="6095" y="10668"/>
                    </a:lnTo>
                    <a:lnTo>
                      <a:pt x="10667" y="6096"/>
                    </a:lnTo>
                    <a:lnTo>
                      <a:pt x="1988820" y="6096"/>
                    </a:lnTo>
                    <a:lnTo>
                      <a:pt x="1988820" y="3048"/>
                    </a:lnTo>
                    <a:lnTo>
                      <a:pt x="1987296" y="0"/>
                    </a:lnTo>
                    <a:close/>
                  </a:path>
                  <a:path w="1988820" h="445135">
                    <a:moveTo>
                      <a:pt x="10667" y="434340"/>
                    </a:moveTo>
                    <a:lnTo>
                      <a:pt x="6095" y="434340"/>
                    </a:lnTo>
                    <a:lnTo>
                      <a:pt x="10667" y="440436"/>
                    </a:lnTo>
                    <a:lnTo>
                      <a:pt x="10667" y="434340"/>
                    </a:lnTo>
                    <a:close/>
                  </a:path>
                  <a:path w="1988820" h="445135">
                    <a:moveTo>
                      <a:pt x="1978152" y="434340"/>
                    </a:moveTo>
                    <a:lnTo>
                      <a:pt x="10667" y="434340"/>
                    </a:lnTo>
                    <a:lnTo>
                      <a:pt x="10667" y="440436"/>
                    </a:lnTo>
                    <a:lnTo>
                      <a:pt x="1978152" y="440436"/>
                    </a:lnTo>
                    <a:lnTo>
                      <a:pt x="1978152" y="434340"/>
                    </a:lnTo>
                    <a:close/>
                  </a:path>
                  <a:path w="1988820" h="445135">
                    <a:moveTo>
                      <a:pt x="1978152" y="6096"/>
                    </a:moveTo>
                    <a:lnTo>
                      <a:pt x="1978152" y="440436"/>
                    </a:lnTo>
                    <a:lnTo>
                      <a:pt x="1984248" y="434340"/>
                    </a:lnTo>
                    <a:lnTo>
                      <a:pt x="1988820" y="434340"/>
                    </a:lnTo>
                    <a:lnTo>
                      <a:pt x="1988820" y="10668"/>
                    </a:lnTo>
                    <a:lnTo>
                      <a:pt x="1984248" y="10668"/>
                    </a:lnTo>
                    <a:lnTo>
                      <a:pt x="1978152" y="6096"/>
                    </a:lnTo>
                    <a:close/>
                  </a:path>
                  <a:path w="1988820" h="445135">
                    <a:moveTo>
                      <a:pt x="1988820" y="434340"/>
                    </a:moveTo>
                    <a:lnTo>
                      <a:pt x="1984248" y="434340"/>
                    </a:lnTo>
                    <a:lnTo>
                      <a:pt x="1978152" y="440436"/>
                    </a:lnTo>
                    <a:lnTo>
                      <a:pt x="1988820" y="440436"/>
                    </a:lnTo>
                    <a:lnTo>
                      <a:pt x="1988820" y="434340"/>
                    </a:lnTo>
                    <a:close/>
                  </a:path>
                  <a:path w="1988820" h="445135">
                    <a:moveTo>
                      <a:pt x="10667" y="6096"/>
                    </a:moveTo>
                    <a:lnTo>
                      <a:pt x="6095" y="10668"/>
                    </a:lnTo>
                    <a:lnTo>
                      <a:pt x="10667" y="10668"/>
                    </a:lnTo>
                    <a:lnTo>
                      <a:pt x="10667" y="6096"/>
                    </a:lnTo>
                    <a:close/>
                  </a:path>
                  <a:path w="1988820" h="445135">
                    <a:moveTo>
                      <a:pt x="1978152" y="6096"/>
                    </a:moveTo>
                    <a:lnTo>
                      <a:pt x="10667" y="6096"/>
                    </a:lnTo>
                    <a:lnTo>
                      <a:pt x="10667" y="10668"/>
                    </a:lnTo>
                    <a:lnTo>
                      <a:pt x="1978152" y="10668"/>
                    </a:lnTo>
                    <a:lnTo>
                      <a:pt x="1978152" y="6096"/>
                    </a:lnTo>
                    <a:close/>
                  </a:path>
                  <a:path w="1988820" h="445135">
                    <a:moveTo>
                      <a:pt x="1988820" y="6096"/>
                    </a:moveTo>
                    <a:lnTo>
                      <a:pt x="1978152" y="6096"/>
                    </a:lnTo>
                    <a:lnTo>
                      <a:pt x="1984248" y="10668"/>
                    </a:lnTo>
                    <a:lnTo>
                      <a:pt x="1988820" y="10668"/>
                    </a:lnTo>
                    <a:lnTo>
                      <a:pt x="1988820"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48" name="object 134">
                <a:extLst>
                  <a:ext uri="{FF2B5EF4-FFF2-40B4-BE49-F238E27FC236}">
                    <a16:creationId xmlns:a16="http://schemas.microsoft.com/office/drawing/2014/main" id="{00000000-0008-0000-0600-000094000000}"/>
                  </a:ext>
                </a:extLst>
              </xdr:cNvPr>
              <xdr:cNvSpPr/>
            </xdr:nvSpPr>
            <xdr:spPr>
              <a:xfrm>
                <a:off x="6624660" y="11288608"/>
                <a:ext cx="1912620" cy="443865"/>
              </a:xfrm>
              <a:custGeom>
                <a:avLst/>
                <a:gdLst/>
                <a:ahLst/>
                <a:cxnLst/>
                <a:rect l="l" t="t" r="r" b="b"/>
                <a:pathLst>
                  <a:path w="1912620" h="443865">
                    <a:moveTo>
                      <a:pt x="1909571" y="0"/>
                    </a:moveTo>
                    <a:lnTo>
                      <a:pt x="1524" y="0"/>
                    </a:lnTo>
                    <a:lnTo>
                      <a:pt x="0" y="1523"/>
                    </a:lnTo>
                    <a:lnTo>
                      <a:pt x="0" y="441959"/>
                    </a:lnTo>
                    <a:lnTo>
                      <a:pt x="1524" y="443483"/>
                    </a:lnTo>
                    <a:lnTo>
                      <a:pt x="1909571" y="443483"/>
                    </a:lnTo>
                    <a:lnTo>
                      <a:pt x="1912619" y="441959"/>
                    </a:lnTo>
                    <a:lnTo>
                      <a:pt x="1912619" y="438911"/>
                    </a:lnTo>
                    <a:lnTo>
                      <a:pt x="10667" y="438911"/>
                    </a:lnTo>
                    <a:lnTo>
                      <a:pt x="4571" y="434339"/>
                    </a:lnTo>
                    <a:lnTo>
                      <a:pt x="10667" y="434339"/>
                    </a:lnTo>
                    <a:lnTo>
                      <a:pt x="10667" y="10667"/>
                    </a:lnTo>
                    <a:lnTo>
                      <a:pt x="4571" y="10667"/>
                    </a:lnTo>
                    <a:lnTo>
                      <a:pt x="10667" y="4571"/>
                    </a:lnTo>
                    <a:lnTo>
                      <a:pt x="1912619" y="4571"/>
                    </a:lnTo>
                    <a:lnTo>
                      <a:pt x="1912619" y="1523"/>
                    </a:lnTo>
                    <a:lnTo>
                      <a:pt x="1909571" y="0"/>
                    </a:lnTo>
                    <a:close/>
                  </a:path>
                  <a:path w="1912620" h="443865">
                    <a:moveTo>
                      <a:pt x="10667" y="434339"/>
                    </a:moveTo>
                    <a:lnTo>
                      <a:pt x="4571" y="434339"/>
                    </a:lnTo>
                    <a:lnTo>
                      <a:pt x="10667" y="438911"/>
                    </a:lnTo>
                    <a:lnTo>
                      <a:pt x="10667" y="434339"/>
                    </a:lnTo>
                    <a:close/>
                  </a:path>
                  <a:path w="1912620" h="443865">
                    <a:moveTo>
                      <a:pt x="1901951" y="434339"/>
                    </a:moveTo>
                    <a:lnTo>
                      <a:pt x="10667" y="434339"/>
                    </a:lnTo>
                    <a:lnTo>
                      <a:pt x="10667" y="438911"/>
                    </a:lnTo>
                    <a:lnTo>
                      <a:pt x="1901951" y="438911"/>
                    </a:lnTo>
                    <a:lnTo>
                      <a:pt x="1901951" y="434339"/>
                    </a:lnTo>
                    <a:close/>
                  </a:path>
                  <a:path w="1912620" h="443865">
                    <a:moveTo>
                      <a:pt x="1901951" y="4571"/>
                    </a:moveTo>
                    <a:lnTo>
                      <a:pt x="1901951" y="438911"/>
                    </a:lnTo>
                    <a:lnTo>
                      <a:pt x="1906523" y="434339"/>
                    </a:lnTo>
                    <a:lnTo>
                      <a:pt x="1912619" y="434339"/>
                    </a:lnTo>
                    <a:lnTo>
                      <a:pt x="1912619" y="10667"/>
                    </a:lnTo>
                    <a:lnTo>
                      <a:pt x="1906523" y="10667"/>
                    </a:lnTo>
                    <a:lnTo>
                      <a:pt x="1901951" y="4571"/>
                    </a:lnTo>
                    <a:close/>
                  </a:path>
                  <a:path w="1912620" h="443865">
                    <a:moveTo>
                      <a:pt x="1912619" y="434339"/>
                    </a:moveTo>
                    <a:lnTo>
                      <a:pt x="1906523" y="434339"/>
                    </a:lnTo>
                    <a:lnTo>
                      <a:pt x="1901951" y="438911"/>
                    </a:lnTo>
                    <a:lnTo>
                      <a:pt x="1912619" y="438911"/>
                    </a:lnTo>
                    <a:lnTo>
                      <a:pt x="1912619" y="434339"/>
                    </a:lnTo>
                    <a:close/>
                  </a:path>
                  <a:path w="1912620" h="443865">
                    <a:moveTo>
                      <a:pt x="10667" y="4571"/>
                    </a:moveTo>
                    <a:lnTo>
                      <a:pt x="4571" y="10667"/>
                    </a:lnTo>
                    <a:lnTo>
                      <a:pt x="10667" y="10667"/>
                    </a:lnTo>
                    <a:lnTo>
                      <a:pt x="10667" y="4571"/>
                    </a:lnTo>
                    <a:close/>
                  </a:path>
                  <a:path w="1912620" h="443865">
                    <a:moveTo>
                      <a:pt x="1901951" y="4571"/>
                    </a:moveTo>
                    <a:lnTo>
                      <a:pt x="10667" y="4571"/>
                    </a:lnTo>
                    <a:lnTo>
                      <a:pt x="10667" y="10667"/>
                    </a:lnTo>
                    <a:lnTo>
                      <a:pt x="1901951" y="10667"/>
                    </a:lnTo>
                    <a:lnTo>
                      <a:pt x="1901951" y="4571"/>
                    </a:lnTo>
                    <a:close/>
                  </a:path>
                  <a:path w="1912620" h="443865">
                    <a:moveTo>
                      <a:pt x="1912619" y="4571"/>
                    </a:moveTo>
                    <a:lnTo>
                      <a:pt x="1901951" y="4571"/>
                    </a:lnTo>
                    <a:lnTo>
                      <a:pt x="1906523" y="10667"/>
                    </a:lnTo>
                    <a:lnTo>
                      <a:pt x="1912619" y="10667"/>
                    </a:lnTo>
                    <a:lnTo>
                      <a:pt x="1912619" y="4571"/>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50" name="object 136">
                <a:extLst>
                  <a:ext uri="{FF2B5EF4-FFF2-40B4-BE49-F238E27FC236}">
                    <a16:creationId xmlns:a16="http://schemas.microsoft.com/office/drawing/2014/main" id="{00000000-0008-0000-0600-000096000000}"/>
                  </a:ext>
                </a:extLst>
              </xdr:cNvPr>
              <xdr:cNvSpPr/>
            </xdr:nvSpPr>
            <xdr:spPr>
              <a:xfrm>
                <a:off x="7569541" y="11204877"/>
                <a:ext cx="2003442" cy="55060"/>
              </a:xfrm>
              <a:custGeom>
                <a:avLst/>
                <a:gdLst/>
                <a:ahLst/>
                <a:cxnLst/>
                <a:rect l="l" t="t" r="r" b="b"/>
                <a:pathLst>
                  <a:path w="2484120" h="281940">
                    <a:moveTo>
                      <a:pt x="2473452" y="271272"/>
                    </a:moveTo>
                    <a:lnTo>
                      <a:pt x="2464308" y="271272"/>
                    </a:lnTo>
                    <a:lnTo>
                      <a:pt x="2464308" y="281940"/>
                    </a:lnTo>
                    <a:lnTo>
                      <a:pt x="2481071" y="281940"/>
                    </a:lnTo>
                    <a:lnTo>
                      <a:pt x="2484119" y="278892"/>
                    </a:lnTo>
                    <a:lnTo>
                      <a:pt x="2484119" y="275844"/>
                    </a:lnTo>
                    <a:lnTo>
                      <a:pt x="2473452" y="275844"/>
                    </a:lnTo>
                    <a:lnTo>
                      <a:pt x="2473452" y="271272"/>
                    </a:lnTo>
                    <a:close/>
                  </a:path>
                  <a:path w="2484120" h="281940">
                    <a:moveTo>
                      <a:pt x="2473452" y="6096"/>
                    </a:moveTo>
                    <a:lnTo>
                      <a:pt x="2473452" y="275844"/>
                    </a:lnTo>
                    <a:lnTo>
                      <a:pt x="2478023" y="271272"/>
                    </a:lnTo>
                    <a:lnTo>
                      <a:pt x="2484119" y="271272"/>
                    </a:lnTo>
                    <a:lnTo>
                      <a:pt x="2484119" y="10668"/>
                    </a:lnTo>
                    <a:lnTo>
                      <a:pt x="2478023" y="10668"/>
                    </a:lnTo>
                    <a:lnTo>
                      <a:pt x="2473452" y="6096"/>
                    </a:lnTo>
                    <a:close/>
                  </a:path>
                  <a:path w="2484120" h="281940">
                    <a:moveTo>
                      <a:pt x="2484119" y="271272"/>
                    </a:moveTo>
                    <a:lnTo>
                      <a:pt x="2478023" y="271272"/>
                    </a:lnTo>
                    <a:lnTo>
                      <a:pt x="2473452" y="275844"/>
                    </a:lnTo>
                    <a:lnTo>
                      <a:pt x="2484119" y="275844"/>
                    </a:lnTo>
                    <a:lnTo>
                      <a:pt x="2484119" y="271272"/>
                    </a:lnTo>
                    <a:close/>
                  </a:path>
                  <a:path w="2484120" h="281940">
                    <a:moveTo>
                      <a:pt x="2481071" y="0"/>
                    </a:moveTo>
                    <a:lnTo>
                      <a:pt x="0" y="0"/>
                    </a:lnTo>
                    <a:lnTo>
                      <a:pt x="0" y="10668"/>
                    </a:lnTo>
                    <a:lnTo>
                      <a:pt x="2473452" y="10668"/>
                    </a:lnTo>
                    <a:lnTo>
                      <a:pt x="2473452" y="6096"/>
                    </a:lnTo>
                    <a:lnTo>
                      <a:pt x="2484119" y="6096"/>
                    </a:lnTo>
                    <a:lnTo>
                      <a:pt x="2484119" y="3048"/>
                    </a:lnTo>
                    <a:lnTo>
                      <a:pt x="2481071" y="0"/>
                    </a:lnTo>
                    <a:close/>
                  </a:path>
                  <a:path w="2484120" h="281940">
                    <a:moveTo>
                      <a:pt x="2484119" y="6096"/>
                    </a:moveTo>
                    <a:lnTo>
                      <a:pt x="2473452" y="6096"/>
                    </a:lnTo>
                    <a:lnTo>
                      <a:pt x="2478023" y="10668"/>
                    </a:lnTo>
                    <a:lnTo>
                      <a:pt x="2484119" y="10668"/>
                    </a:lnTo>
                    <a:lnTo>
                      <a:pt x="2484119"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53" name="object 139">
                <a:extLst>
                  <a:ext uri="{FF2B5EF4-FFF2-40B4-BE49-F238E27FC236}">
                    <a16:creationId xmlns:a16="http://schemas.microsoft.com/office/drawing/2014/main" id="{00000000-0008-0000-0600-000099000000}"/>
                  </a:ext>
                </a:extLst>
              </xdr:cNvPr>
              <xdr:cNvSpPr/>
            </xdr:nvSpPr>
            <xdr:spPr>
              <a:xfrm>
                <a:off x="7548206" y="10279808"/>
                <a:ext cx="4089638" cy="180738"/>
              </a:xfrm>
              <a:custGeom>
                <a:avLst/>
                <a:gdLst/>
                <a:ahLst/>
                <a:cxnLst/>
                <a:rect l="l" t="t" r="r" b="b"/>
                <a:pathLst>
                  <a:path w="2484120" h="280670">
                    <a:moveTo>
                      <a:pt x="2473452" y="271271"/>
                    </a:moveTo>
                    <a:lnTo>
                      <a:pt x="2462783" y="271271"/>
                    </a:lnTo>
                    <a:lnTo>
                      <a:pt x="2462783" y="280415"/>
                    </a:lnTo>
                    <a:lnTo>
                      <a:pt x="2481072" y="280415"/>
                    </a:lnTo>
                    <a:lnTo>
                      <a:pt x="2484120" y="278891"/>
                    </a:lnTo>
                    <a:lnTo>
                      <a:pt x="2484120" y="275843"/>
                    </a:lnTo>
                    <a:lnTo>
                      <a:pt x="2473452" y="275843"/>
                    </a:lnTo>
                    <a:lnTo>
                      <a:pt x="2473452" y="271271"/>
                    </a:lnTo>
                    <a:close/>
                  </a:path>
                  <a:path w="2484120" h="280670">
                    <a:moveTo>
                      <a:pt x="2473452" y="4571"/>
                    </a:moveTo>
                    <a:lnTo>
                      <a:pt x="2473452" y="275843"/>
                    </a:lnTo>
                    <a:lnTo>
                      <a:pt x="2478024" y="271271"/>
                    </a:lnTo>
                    <a:lnTo>
                      <a:pt x="2484120" y="271271"/>
                    </a:lnTo>
                    <a:lnTo>
                      <a:pt x="2484120" y="10667"/>
                    </a:lnTo>
                    <a:lnTo>
                      <a:pt x="2478024" y="10667"/>
                    </a:lnTo>
                    <a:lnTo>
                      <a:pt x="2473452" y="4571"/>
                    </a:lnTo>
                    <a:close/>
                  </a:path>
                  <a:path w="2484120" h="280670">
                    <a:moveTo>
                      <a:pt x="2484120" y="271271"/>
                    </a:moveTo>
                    <a:lnTo>
                      <a:pt x="2478024" y="271271"/>
                    </a:lnTo>
                    <a:lnTo>
                      <a:pt x="2473452" y="275843"/>
                    </a:lnTo>
                    <a:lnTo>
                      <a:pt x="2484120" y="275843"/>
                    </a:lnTo>
                    <a:lnTo>
                      <a:pt x="2484120" y="271271"/>
                    </a:lnTo>
                    <a:close/>
                  </a:path>
                  <a:path w="2484120" h="280670">
                    <a:moveTo>
                      <a:pt x="2481072" y="0"/>
                    </a:moveTo>
                    <a:lnTo>
                      <a:pt x="0" y="0"/>
                    </a:lnTo>
                    <a:lnTo>
                      <a:pt x="0" y="10667"/>
                    </a:lnTo>
                    <a:lnTo>
                      <a:pt x="2473452" y="10667"/>
                    </a:lnTo>
                    <a:lnTo>
                      <a:pt x="2473452" y="4571"/>
                    </a:lnTo>
                    <a:lnTo>
                      <a:pt x="2484120" y="4571"/>
                    </a:lnTo>
                    <a:lnTo>
                      <a:pt x="2484120" y="1523"/>
                    </a:lnTo>
                    <a:lnTo>
                      <a:pt x="2481072" y="0"/>
                    </a:lnTo>
                    <a:close/>
                  </a:path>
                  <a:path w="2484120" h="280670">
                    <a:moveTo>
                      <a:pt x="2484120" y="4571"/>
                    </a:moveTo>
                    <a:lnTo>
                      <a:pt x="2473452" y="4571"/>
                    </a:lnTo>
                    <a:lnTo>
                      <a:pt x="2478024" y="10667"/>
                    </a:lnTo>
                    <a:lnTo>
                      <a:pt x="2484120" y="10667"/>
                    </a:lnTo>
                    <a:lnTo>
                      <a:pt x="2484120" y="4571"/>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55" name="object 142">
                <a:extLst>
                  <a:ext uri="{FF2B5EF4-FFF2-40B4-BE49-F238E27FC236}">
                    <a16:creationId xmlns:a16="http://schemas.microsoft.com/office/drawing/2014/main" id="{00000000-0008-0000-0600-00009B000000}"/>
                  </a:ext>
                </a:extLst>
              </xdr:cNvPr>
              <xdr:cNvSpPr/>
            </xdr:nvSpPr>
            <xdr:spPr>
              <a:xfrm>
                <a:off x="10780067" y="10462239"/>
                <a:ext cx="1676478" cy="517919"/>
              </a:xfrm>
              <a:custGeom>
                <a:avLst/>
                <a:gdLst/>
                <a:ahLst/>
                <a:cxnLst/>
                <a:rect l="l" t="t" r="r" b="b"/>
                <a:pathLst>
                  <a:path w="1911350" h="445134">
                    <a:moveTo>
                      <a:pt x="1909572" y="0"/>
                    </a:moveTo>
                    <a:lnTo>
                      <a:pt x="1524" y="0"/>
                    </a:lnTo>
                    <a:lnTo>
                      <a:pt x="0" y="3047"/>
                    </a:lnTo>
                    <a:lnTo>
                      <a:pt x="0" y="443489"/>
                    </a:lnTo>
                    <a:lnTo>
                      <a:pt x="1524" y="445013"/>
                    </a:lnTo>
                    <a:lnTo>
                      <a:pt x="1909572" y="445013"/>
                    </a:lnTo>
                    <a:lnTo>
                      <a:pt x="1911096" y="443489"/>
                    </a:lnTo>
                    <a:lnTo>
                      <a:pt x="1911096" y="440441"/>
                    </a:lnTo>
                    <a:lnTo>
                      <a:pt x="9144" y="440441"/>
                    </a:lnTo>
                    <a:lnTo>
                      <a:pt x="4572" y="434345"/>
                    </a:lnTo>
                    <a:lnTo>
                      <a:pt x="9144" y="434345"/>
                    </a:lnTo>
                    <a:lnTo>
                      <a:pt x="9144" y="10667"/>
                    </a:lnTo>
                    <a:lnTo>
                      <a:pt x="4572" y="10667"/>
                    </a:lnTo>
                    <a:lnTo>
                      <a:pt x="9144" y="6095"/>
                    </a:lnTo>
                    <a:lnTo>
                      <a:pt x="1911096" y="6095"/>
                    </a:lnTo>
                    <a:lnTo>
                      <a:pt x="1911096" y="3047"/>
                    </a:lnTo>
                    <a:lnTo>
                      <a:pt x="1909572" y="0"/>
                    </a:lnTo>
                    <a:close/>
                  </a:path>
                  <a:path w="1911350" h="445134">
                    <a:moveTo>
                      <a:pt x="9144" y="434345"/>
                    </a:moveTo>
                    <a:lnTo>
                      <a:pt x="4572" y="434345"/>
                    </a:lnTo>
                    <a:lnTo>
                      <a:pt x="9144" y="440441"/>
                    </a:lnTo>
                    <a:lnTo>
                      <a:pt x="9144" y="434345"/>
                    </a:lnTo>
                    <a:close/>
                  </a:path>
                  <a:path w="1911350" h="445134">
                    <a:moveTo>
                      <a:pt x="1901952" y="434345"/>
                    </a:moveTo>
                    <a:lnTo>
                      <a:pt x="9144" y="434345"/>
                    </a:lnTo>
                    <a:lnTo>
                      <a:pt x="9144" y="440441"/>
                    </a:lnTo>
                    <a:lnTo>
                      <a:pt x="1901952" y="440441"/>
                    </a:lnTo>
                    <a:lnTo>
                      <a:pt x="1901952" y="434345"/>
                    </a:lnTo>
                    <a:close/>
                  </a:path>
                  <a:path w="1911350" h="445134">
                    <a:moveTo>
                      <a:pt x="1901952" y="6095"/>
                    </a:moveTo>
                    <a:lnTo>
                      <a:pt x="1901952" y="440441"/>
                    </a:lnTo>
                    <a:lnTo>
                      <a:pt x="1906524" y="434345"/>
                    </a:lnTo>
                    <a:lnTo>
                      <a:pt x="1911096" y="434345"/>
                    </a:lnTo>
                    <a:lnTo>
                      <a:pt x="1911096" y="10667"/>
                    </a:lnTo>
                    <a:lnTo>
                      <a:pt x="1906524" y="10667"/>
                    </a:lnTo>
                    <a:lnTo>
                      <a:pt x="1901952" y="6095"/>
                    </a:lnTo>
                    <a:close/>
                  </a:path>
                  <a:path w="1911350" h="445134">
                    <a:moveTo>
                      <a:pt x="1911096" y="434345"/>
                    </a:moveTo>
                    <a:lnTo>
                      <a:pt x="1906524" y="434345"/>
                    </a:lnTo>
                    <a:lnTo>
                      <a:pt x="1901952" y="440441"/>
                    </a:lnTo>
                    <a:lnTo>
                      <a:pt x="1911096" y="440441"/>
                    </a:lnTo>
                    <a:lnTo>
                      <a:pt x="1911096" y="434345"/>
                    </a:lnTo>
                    <a:close/>
                  </a:path>
                  <a:path w="1911350" h="445134">
                    <a:moveTo>
                      <a:pt x="9144" y="6095"/>
                    </a:moveTo>
                    <a:lnTo>
                      <a:pt x="4572" y="10667"/>
                    </a:lnTo>
                    <a:lnTo>
                      <a:pt x="9144" y="10667"/>
                    </a:lnTo>
                    <a:lnTo>
                      <a:pt x="9144" y="6095"/>
                    </a:lnTo>
                    <a:close/>
                  </a:path>
                  <a:path w="1911350" h="445134">
                    <a:moveTo>
                      <a:pt x="1901952" y="6095"/>
                    </a:moveTo>
                    <a:lnTo>
                      <a:pt x="9144" y="6095"/>
                    </a:lnTo>
                    <a:lnTo>
                      <a:pt x="9144" y="10667"/>
                    </a:lnTo>
                    <a:lnTo>
                      <a:pt x="1901952" y="10667"/>
                    </a:lnTo>
                    <a:lnTo>
                      <a:pt x="1901952" y="6095"/>
                    </a:lnTo>
                    <a:close/>
                  </a:path>
                  <a:path w="1911350" h="445134">
                    <a:moveTo>
                      <a:pt x="1911096" y="6095"/>
                    </a:moveTo>
                    <a:lnTo>
                      <a:pt x="1901952" y="6095"/>
                    </a:lnTo>
                    <a:lnTo>
                      <a:pt x="1906524" y="10667"/>
                    </a:lnTo>
                    <a:lnTo>
                      <a:pt x="1911096" y="10667"/>
                    </a:lnTo>
                    <a:lnTo>
                      <a:pt x="1911096" y="6095"/>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160" name="object 147">
                <a:extLst>
                  <a:ext uri="{FF2B5EF4-FFF2-40B4-BE49-F238E27FC236}">
                    <a16:creationId xmlns:a16="http://schemas.microsoft.com/office/drawing/2014/main" id="{00000000-0008-0000-0600-0000A0000000}"/>
                  </a:ext>
                </a:extLst>
              </xdr:cNvPr>
              <xdr:cNvSpPr/>
            </xdr:nvSpPr>
            <xdr:spPr>
              <a:xfrm>
                <a:off x="8604380" y="11285648"/>
                <a:ext cx="1912621" cy="445134"/>
              </a:xfrm>
              <a:custGeom>
                <a:avLst/>
                <a:gdLst/>
                <a:ahLst/>
                <a:cxnLst/>
                <a:rect l="l" t="t" r="r" b="b"/>
                <a:pathLst>
                  <a:path w="1912620" h="445134">
                    <a:moveTo>
                      <a:pt x="1909572" y="0"/>
                    </a:moveTo>
                    <a:lnTo>
                      <a:pt x="3048" y="0"/>
                    </a:lnTo>
                    <a:lnTo>
                      <a:pt x="0" y="3048"/>
                    </a:lnTo>
                    <a:lnTo>
                      <a:pt x="0" y="441960"/>
                    </a:lnTo>
                    <a:lnTo>
                      <a:pt x="3048" y="445008"/>
                    </a:lnTo>
                    <a:lnTo>
                      <a:pt x="1909572" y="445008"/>
                    </a:lnTo>
                    <a:lnTo>
                      <a:pt x="1912620" y="441960"/>
                    </a:lnTo>
                    <a:lnTo>
                      <a:pt x="1912620" y="440436"/>
                    </a:lnTo>
                    <a:lnTo>
                      <a:pt x="10668" y="440436"/>
                    </a:lnTo>
                    <a:lnTo>
                      <a:pt x="6096" y="434340"/>
                    </a:lnTo>
                    <a:lnTo>
                      <a:pt x="10668" y="434340"/>
                    </a:lnTo>
                    <a:lnTo>
                      <a:pt x="10668" y="10668"/>
                    </a:lnTo>
                    <a:lnTo>
                      <a:pt x="6096" y="10668"/>
                    </a:lnTo>
                    <a:lnTo>
                      <a:pt x="10668" y="6096"/>
                    </a:lnTo>
                    <a:lnTo>
                      <a:pt x="1912620" y="6096"/>
                    </a:lnTo>
                    <a:lnTo>
                      <a:pt x="1912620" y="3048"/>
                    </a:lnTo>
                    <a:lnTo>
                      <a:pt x="1909572" y="0"/>
                    </a:lnTo>
                    <a:close/>
                  </a:path>
                  <a:path w="1912620" h="445134">
                    <a:moveTo>
                      <a:pt x="10668" y="434340"/>
                    </a:moveTo>
                    <a:lnTo>
                      <a:pt x="6096" y="434340"/>
                    </a:lnTo>
                    <a:lnTo>
                      <a:pt x="10668" y="440436"/>
                    </a:lnTo>
                    <a:lnTo>
                      <a:pt x="10668" y="434340"/>
                    </a:lnTo>
                    <a:close/>
                  </a:path>
                  <a:path w="1912620" h="445134">
                    <a:moveTo>
                      <a:pt x="1901952" y="434340"/>
                    </a:moveTo>
                    <a:lnTo>
                      <a:pt x="10668" y="434340"/>
                    </a:lnTo>
                    <a:lnTo>
                      <a:pt x="10668" y="440436"/>
                    </a:lnTo>
                    <a:lnTo>
                      <a:pt x="1901952" y="440436"/>
                    </a:lnTo>
                    <a:lnTo>
                      <a:pt x="1901952" y="434340"/>
                    </a:lnTo>
                    <a:close/>
                  </a:path>
                  <a:path w="1912620" h="445134">
                    <a:moveTo>
                      <a:pt x="1901952" y="6096"/>
                    </a:moveTo>
                    <a:lnTo>
                      <a:pt x="1901952" y="440436"/>
                    </a:lnTo>
                    <a:lnTo>
                      <a:pt x="1908048" y="434340"/>
                    </a:lnTo>
                    <a:lnTo>
                      <a:pt x="1912620" y="434340"/>
                    </a:lnTo>
                    <a:lnTo>
                      <a:pt x="1912620" y="10668"/>
                    </a:lnTo>
                    <a:lnTo>
                      <a:pt x="1908048" y="10668"/>
                    </a:lnTo>
                    <a:lnTo>
                      <a:pt x="1901952" y="6096"/>
                    </a:lnTo>
                    <a:close/>
                  </a:path>
                  <a:path w="1912620" h="445134">
                    <a:moveTo>
                      <a:pt x="1912620" y="434340"/>
                    </a:moveTo>
                    <a:lnTo>
                      <a:pt x="1908048" y="434340"/>
                    </a:lnTo>
                    <a:lnTo>
                      <a:pt x="1901952" y="440436"/>
                    </a:lnTo>
                    <a:lnTo>
                      <a:pt x="1912620" y="440436"/>
                    </a:lnTo>
                    <a:lnTo>
                      <a:pt x="1912620" y="434340"/>
                    </a:lnTo>
                    <a:close/>
                  </a:path>
                  <a:path w="1912620" h="445134">
                    <a:moveTo>
                      <a:pt x="10668" y="6096"/>
                    </a:moveTo>
                    <a:lnTo>
                      <a:pt x="6096" y="10668"/>
                    </a:lnTo>
                    <a:lnTo>
                      <a:pt x="10668" y="10668"/>
                    </a:lnTo>
                    <a:lnTo>
                      <a:pt x="10668" y="6096"/>
                    </a:lnTo>
                    <a:close/>
                  </a:path>
                  <a:path w="1912620" h="445134">
                    <a:moveTo>
                      <a:pt x="1901952" y="6096"/>
                    </a:moveTo>
                    <a:lnTo>
                      <a:pt x="10668" y="6096"/>
                    </a:lnTo>
                    <a:lnTo>
                      <a:pt x="10668" y="10668"/>
                    </a:lnTo>
                    <a:lnTo>
                      <a:pt x="1901952" y="10668"/>
                    </a:lnTo>
                    <a:lnTo>
                      <a:pt x="1901952" y="6096"/>
                    </a:lnTo>
                    <a:close/>
                  </a:path>
                  <a:path w="1912620" h="445134">
                    <a:moveTo>
                      <a:pt x="1912620" y="6096"/>
                    </a:moveTo>
                    <a:lnTo>
                      <a:pt x="1901952" y="6096"/>
                    </a:lnTo>
                    <a:lnTo>
                      <a:pt x="1908048" y="10668"/>
                    </a:lnTo>
                    <a:lnTo>
                      <a:pt x="1912620" y="10668"/>
                    </a:lnTo>
                    <a:lnTo>
                      <a:pt x="1912620"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grpSp>
        <xdr:sp macro="" textlink="">
          <xdr:nvSpPr>
            <xdr:cNvPr id="245" name="object 66">
              <a:extLst>
                <a:ext uri="{FF2B5EF4-FFF2-40B4-BE49-F238E27FC236}">
                  <a16:creationId xmlns:a16="http://schemas.microsoft.com/office/drawing/2014/main" id="{00000000-0008-0000-0600-0000F5000000}"/>
                </a:ext>
              </a:extLst>
            </xdr:cNvPr>
            <xdr:cNvSpPr txBox="1"/>
          </xdr:nvSpPr>
          <xdr:spPr>
            <a:xfrm>
              <a:off x="592303" y="4945724"/>
              <a:ext cx="3672741" cy="230800"/>
            </a:xfrm>
            <a:prstGeom prst="rect">
              <a:avLst/>
            </a:prstGeom>
          </xdr:spPr>
          <xdr:txBody>
            <a:bodyPr vert="horz" wrap="square" lIns="0" tIns="12065" rIns="0" bIns="0"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nSpc>
                  <a:spcPct val="100000"/>
                </a:lnSpc>
                <a:spcBef>
                  <a:spcPts val="95"/>
                </a:spcBef>
              </a:pPr>
              <a:r>
                <a:rPr sz="1000" spc="-5">
                  <a:solidFill>
                    <a:schemeClr val="tx1"/>
                  </a:solidFill>
                  <a:latin typeface="メイリオ"/>
                  <a:cs typeface="メイリオ"/>
                </a:rPr>
                <a:t>＜</a:t>
              </a:r>
              <a:r>
                <a:rPr lang="ja-JP" altLang="en-US" sz="1000" spc="-5">
                  <a:solidFill>
                    <a:schemeClr val="tx1"/>
                  </a:solidFill>
                  <a:latin typeface="メイリオ"/>
                  <a:cs typeface="メイリオ"/>
                </a:rPr>
                <a:t>図－１　</a:t>
              </a:r>
              <a:r>
                <a:rPr sz="1000" spc="-5">
                  <a:solidFill>
                    <a:schemeClr val="tx1"/>
                  </a:solidFill>
                  <a:latin typeface="メイリオ"/>
                  <a:cs typeface="メイリオ"/>
                </a:rPr>
                <a:t>元請の主任技術者が一括で施工管理をする場合＞</a:t>
              </a:r>
              <a:endParaRPr sz="1000">
                <a:solidFill>
                  <a:schemeClr val="tx1"/>
                </a:solidFill>
                <a:latin typeface="メイリオ"/>
                <a:cs typeface="メイリオ"/>
              </a:endParaRPr>
            </a:p>
          </xdr:txBody>
        </xdr:sp>
        <xdr:sp macro="" textlink="">
          <xdr:nvSpPr>
            <xdr:cNvPr id="246" name="object 67">
              <a:extLst>
                <a:ext uri="{FF2B5EF4-FFF2-40B4-BE49-F238E27FC236}">
                  <a16:creationId xmlns:a16="http://schemas.microsoft.com/office/drawing/2014/main" id="{00000000-0008-0000-0600-0000F6000000}"/>
                </a:ext>
              </a:extLst>
            </xdr:cNvPr>
            <xdr:cNvSpPr txBox="1"/>
          </xdr:nvSpPr>
          <xdr:spPr>
            <a:xfrm>
              <a:off x="5642330" y="4945192"/>
              <a:ext cx="4697793" cy="448832"/>
            </a:xfrm>
            <a:prstGeom prst="rect">
              <a:avLst/>
            </a:prstGeom>
          </xdr:spPr>
          <xdr:txBody>
            <a:bodyPr vert="horz" wrap="square" lIns="0" tIns="12065"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nSpc>
                  <a:spcPct val="100000"/>
                </a:lnSpc>
                <a:spcBef>
                  <a:spcPts val="95"/>
                </a:spcBef>
              </a:pPr>
              <a:r>
                <a:rPr sz="1000" spc="-5">
                  <a:solidFill>
                    <a:schemeClr val="tx1"/>
                  </a:solidFill>
                  <a:latin typeface="メイリオ"/>
                  <a:cs typeface="メイリオ"/>
                </a:rPr>
                <a:t>＜</a:t>
              </a:r>
              <a:r>
                <a:rPr lang="ja-JP" altLang="en-US" sz="1000" spc="-5">
                  <a:solidFill>
                    <a:schemeClr val="tx1"/>
                  </a:solidFill>
                  <a:latin typeface="メイリオ"/>
                  <a:cs typeface="メイリオ"/>
                </a:rPr>
                <a:t>図－２　一</a:t>
              </a:r>
              <a:r>
                <a:rPr sz="1000" spc="-5">
                  <a:solidFill>
                    <a:schemeClr val="tx1"/>
                  </a:solidFill>
                  <a:latin typeface="メイリオ"/>
                  <a:cs typeface="メイリオ"/>
                </a:rPr>
                <a:t>次の主任技術者が一括で施工管理をする場合＞</a:t>
              </a:r>
              <a:endParaRPr lang="en-US" sz="1000" spc="-5">
                <a:solidFill>
                  <a:schemeClr val="tx1"/>
                </a:solidFill>
                <a:latin typeface="メイリオ"/>
                <a:cs typeface="メイリオ"/>
              </a:endParaRPr>
            </a:p>
            <a:p>
              <a:pPr marL="12700">
                <a:lnSpc>
                  <a:spcPct val="100000"/>
                </a:lnSpc>
                <a:spcBef>
                  <a:spcPts val="95"/>
                </a:spcBef>
              </a:pPr>
              <a:r>
                <a:rPr lang="ja-JP" altLang="en-US" sz="1000" spc="-5">
                  <a:solidFill>
                    <a:srgbClr val="FF0000"/>
                  </a:solidFill>
                  <a:latin typeface="メイリオ"/>
                  <a:cs typeface="メイリオ"/>
                </a:rPr>
                <a:t>　　　　　　 </a:t>
              </a:r>
              <a:r>
                <a:rPr sz="1000" spc="-5">
                  <a:solidFill>
                    <a:schemeClr val="tx1"/>
                  </a:solidFill>
                  <a:latin typeface="メイリオ"/>
                  <a:cs typeface="メイリオ"/>
                </a:rPr>
                <a:t>※</a:t>
              </a:r>
              <a:r>
                <a:rPr lang="ja-JP" altLang="en-US" sz="1000" spc="-5">
                  <a:solidFill>
                    <a:schemeClr val="tx1"/>
                  </a:solidFill>
                  <a:latin typeface="メイリオ"/>
                  <a:cs typeface="メイリオ"/>
                </a:rPr>
                <a:t>二</a:t>
              </a:r>
              <a:r>
                <a:rPr sz="1000" spc="-5">
                  <a:solidFill>
                    <a:schemeClr val="tx1"/>
                  </a:solidFill>
                  <a:latin typeface="メイリオ"/>
                  <a:cs typeface="メイリオ"/>
                </a:rPr>
                <a:t>次以下でも同様の形で施工可能</a:t>
              </a:r>
              <a:endParaRPr sz="1000">
                <a:solidFill>
                  <a:schemeClr val="tx1"/>
                </a:solidFill>
                <a:latin typeface="メイリオ"/>
                <a:cs typeface="メイリオ"/>
              </a:endParaRPr>
            </a:p>
          </xdr:txBody>
        </xdr:sp>
        <xdr:sp macro="" textlink="">
          <xdr:nvSpPr>
            <xdr:cNvPr id="248" name="object 18">
              <a:extLst>
                <a:ext uri="{FF2B5EF4-FFF2-40B4-BE49-F238E27FC236}">
                  <a16:creationId xmlns:a16="http://schemas.microsoft.com/office/drawing/2014/main" id="{00000000-0008-0000-0600-0000F8000000}"/>
                </a:ext>
              </a:extLst>
            </xdr:cNvPr>
            <xdr:cNvSpPr txBox="1"/>
          </xdr:nvSpPr>
          <xdr:spPr>
            <a:xfrm>
              <a:off x="1056098" y="6733726"/>
              <a:ext cx="780564" cy="145617"/>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一次下請</a:t>
              </a:r>
              <a:r>
                <a:rPr lang="en-US" altLang="ja-JP" sz="800" spc="15">
                  <a:solidFill>
                    <a:schemeClr val="tx1"/>
                  </a:solidFill>
                  <a:latin typeface="ＭＳ Ｐゴシック"/>
                  <a:cs typeface="ＭＳ Ｐゴシック"/>
                </a:rPr>
                <a:t>A</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251" name="object 18">
              <a:extLst>
                <a:ext uri="{FF2B5EF4-FFF2-40B4-BE49-F238E27FC236}">
                  <a16:creationId xmlns:a16="http://schemas.microsoft.com/office/drawing/2014/main" id="{00000000-0008-0000-0600-0000FB000000}"/>
                </a:ext>
              </a:extLst>
            </xdr:cNvPr>
            <xdr:cNvSpPr txBox="1"/>
          </xdr:nvSpPr>
          <xdr:spPr>
            <a:xfrm>
              <a:off x="2233257" y="6737039"/>
              <a:ext cx="786848" cy="145617"/>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一次下請</a:t>
              </a:r>
              <a:r>
                <a:rPr lang="en-US" altLang="ja-JP" sz="800" spc="15">
                  <a:solidFill>
                    <a:schemeClr val="tx1"/>
                  </a:solidFill>
                  <a:latin typeface="ＭＳ Ｐゴシック"/>
                  <a:cs typeface="ＭＳ Ｐゴシック"/>
                </a:rPr>
                <a:t>B</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252" name="object 18">
              <a:extLst>
                <a:ext uri="{FF2B5EF4-FFF2-40B4-BE49-F238E27FC236}">
                  <a16:creationId xmlns:a16="http://schemas.microsoft.com/office/drawing/2014/main" id="{00000000-0008-0000-0600-0000FC000000}"/>
                </a:ext>
              </a:extLst>
            </xdr:cNvPr>
            <xdr:cNvSpPr txBox="1"/>
          </xdr:nvSpPr>
          <xdr:spPr>
            <a:xfrm>
              <a:off x="3588063" y="6740352"/>
              <a:ext cx="788562" cy="145617"/>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一次下請</a:t>
              </a:r>
              <a:r>
                <a:rPr lang="en-US" altLang="ja-JP" sz="800" spc="15">
                  <a:solidFill>
                    <a:schemeClr val="tx1"/>
                  </a:solidFill>
                  <a:latin typeface="ＭＳ Ｐゴシック"/>
                  <a:cs typeface="ＭＳ Ｐゴシック"/>
                </a:rPr>
                <a:t>C</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253" name="object 142">
              <a:extLst>
                <a:ext uri="{FF2B5EF4-FFF2-40B4-BE49-F238E27FC236}">
                  <a16:creationId xmlns:a16="http://schemas.microsoft.com/office/drawing/2014/main" id="{00000000-0008-0000-0600-0000FD000000}"/>
                </a:ext>
              </a:extLst>
            </xdr:cNvPr>
            <xdr:cNvSpPr/>
          </xdr:nvSpPr>
          <xdr:spPr>
            <a:xfrm>
              <a:off x="6071170" y="6061505"/>
              <a:ext cx="1338716" cy="314604"/>
            </a:xfrm>
            <a:custGeom>
              <a:avLst/>
              <a:gdLst/>
              <a:ahLst/>
              <a:cxnLst/>
              <a:rect l="l" t="t" r="r" b="b"/>
              <a:pathLst>
                <a:path w="1911350" h="445134">
                  <a:moveTo>
                    <a:pt x="1909572" y="0"/>
                  </a:moveTo>
                  <a:lnTo>
                    <a:pt x="1524" y="0"/>
                  </a:lnTo>
                  <a:lnTo>
                    <a:pt x="0" y="3047"/>
                  </a:lnTo>
                  <a:lnTo>
                    <a:pt x="0" y="443489"/>
                  </a:lnTo>
                  <a:lnTo>
                    <a:pt x="1524" y="445013"/>
                  </a:lnTo>
                  <a:lnTo>
                    <a:pt x="1909572" y="445013"/>
                  </a:lnTo>
                  <a:lnTo>
                    <a:pt x="1911096" y="443489"/>
                  </a:lnTo>
                  <a:lnTo>
                    <a:pt x="1911096" y="440441"/>
                  </a:lnTo>
                  <a:lnTo>
                    <a:pt x="9144" y="440441"/>
                  </a:lnTo>
                  <a:lnTo>
                    <a:pt x="4572" y="434345"/>
                  </a:lnTo>
                  <a:lnTo>
                    <a:pt x="9144" y="434345"/>
                  </a:lnTo>
                  <a:lnTo>
                    <a:pt x="9144" y="10667"/>
                  </a:lnTo>
                  <a:lnTo>
                    <a:pt x="4572" y="10667"/>
                  </a:lnTo>
                  <a:lnTo>
                    <a:pt x="9144" y="6095"/>
                  </a:lnTo>
                  <a:lnTo>
                    <a:pt x="1911096" y="6095"/>
                  </a:lnTo>
                  <a:lnTo>
                    <a:pt x="1911096" y="3047"/>
                  </a:lnTo>
                  <a:lnTo>
                    <a:pt x="1909572" y="0"/>
                  </a:lnTo>
                  <a:close/>
                </a:path>
                <a:path w="1911350" h="445134">
                  <a:moveTo>
                    <a:pt x="9144" y="434345"/>
                  </a:moveTo>
                  <a:lnTo>
                    <a:pt x="4572" y="434345"/>
                  </a:lnTo>
                  <a:lnTo>
                    <a:pt x="9144" y="440441"/>
                  </a:lnTo>
                  <a:lnTo>
                    <a:pt x="9144" y="434345"/>
                  </a:lnTo>
                  <a:close/>
                </a:path>
                <a:path w="1911350" h="445134">
                  <a:moveTo>
                    <a:pt x="1901952" y="434345"/>
                  </a:moveTo>
                  <a:lnTo>
                    <a:pt x="9144" y="434345"/>
                  </a:lnTo>
                  <a:lnTo>
                    <a:pt x="9144" y="440441"/>
                  </a:lnTo>
                  <a:lnTo>
                    <a:pt x="1901952" y="440441"/>
                  </a:lnTo>
                  <a:lnTo>
                    <a:pt x="1901952" y="434345"/>
                  </a:lnTo>
                  <a:close/>
                </a:path>
                <a:path w="1911350" h="445134">
                  <a:moveTo>
                    <a:pt x="1901952" y="6095"/>
                  </a:moveTo>
                  <a:lnTo>
                    <a:pt x="1901952" y="440441"/>
                  </a:lnTo>
                  <a:lnTo>
                    <a:pt x="1906524" y="434345"/>
                  </a:lnTo>
                  <a:lnTo>
                    <a:pt x="1911096" y="434345"/>
                  </a:lnTo>
                  <a:lnTo>
                    <a:pt x="1911096" y="10667"/>
                  </a:lnTo>
                  <a:lnTo>
                    <a:pt x="1906524" y="10667"/>
                  </a:lnTo>
                  <a:lnTo>
                    <a:pt x="1901952" y="6095"/>
                  </a:lnTo>
                  <a:close/>
                </a:path>
                <a:path w="1911350" h="445134">
                  <a:moveTo>
                    <a:pt x="1911096" y="434345"/>
                  </a:moveTo>
                  <a:lnTo>
                    <a:pt x="1906524" y="434345"/>
                  </a:lnTo>
                  <a:lnTo>
                    <a:pt x="1901952" y="440441"/>
                  </a:lnTo>
                  <a:lnTo>
                    <a:pt x="1911096" y="440441"/>
                  </a:lnTo>
                  <a:lnTo>
                    <a:pt x="1911096" y="434345"/>
                  </a:lnTo>
                  <a:close/>
                </a:path>
                <a:path w="1911350" h="445134">
                  <a:moveTo>
                    <a:pt x="9144" y="6095"/>
                  </a:moveTo>
                  <a:lnTo>
                    <a:pt x="4572" y="10667"/>
                  </a:lnTo>
                  <a:lnTo>
                    <a:pt x="9144" y="10667"/>
                  </a:lnTo>
                  <a:lnTo>
                    <a:pt x="9144" y="6095"/>
                  </a:lnTo>
                  <a:close/>
                </a:path>
                <a:path w="1911350" h="445134">
                  <a:moveTo>
                    <a:pt x="1901952" y="6095"/>
                  </a:moveTo>
                  <a:lnTo>
                    <a:pt x="9144" y="6095"/>
                  </a:lnTo>
                  <a:lnTo>
                    <a:pt x="9144" y="10667"/>
                  </a:lnTo>
                  <a:lnTo>
                    <a:pt x="1901952" y="10667"/>
                  </a:lnTo>
                  <a:lnTo>
                    <a:pt x="1901952" y="6095"/>
                  </a:lnTo>
                  <a:close/>
                </a:path>
                <a:path w="1911350" h="445134">
                  <a:moveTo>
                    <a:pt x="1911096" y="6095"/>
                  </a:moveTo>
                  <a:lnTo>
                    <a:pt x="1901952" y="6095"/>
                  </a:lnTo>
                  <a:lnTo>
                    <a:pt x="1906524" y="10667"/>
                  </a:lnTo>
                  <a:lnTo>
                    <a:pt x="1911096" y="10667"/>
                  </a:lnTo>
                  <a:lnTo>
                    <a:pt x="1911096" y="6095"/>
                  </a:lnTo>
                  <a:close/>
                </a:path>
              </a:pathLst>
            </a:custGeom>
            <a:solidFill>
              <a:schemeClr val="bg1"/>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255" name="object 54">
              <a:extLst>
                <a:ext uri="{FF2B5EF4-FFF2-40B4-BE49-F238E27FC236}">
                  <a16:creationId xmlns:a16="http://schemas.microsoft.com/office/drawing/2014/main" id="{00000000-0008-0000-0600-0000FF000000}"/>
                </a:ext>
              </a:extLst>
            </xdr:cNvPr>
            <xdr:cNvSpPr/>
          </xdr:nvSpPr>
          <xdr:spPr>
            <a:xfrm>
              <a:off x="6547581" y="5374510"/>
              <a:ext cx="868656" cy="265063"/>
            </a:xfrm>
            <a:custGeom>
              <a:avLst/>
              <a:gdLst/>
              <a:ahLst/>
              <a:cxnLst/>
              <a:rect l="l" t="t" r="r" b="b"/>
              <a:pathLst>
                <a:path w="1211579" h="360044">
                  <a:moveTo>
                    <a:pt x="605027" y="0"/>
                  </a:moveTo>
                  <a:lnTo>
                    <a:pt x="534541" y="1213"/>
                  </a:lnTo>
                  <a:lnTo>
                    <a:pt x="466423" y="4763"/>
                  </a:lnTo>
                  <a:lnTo>
                    <a:pt x="401132" y="10511"/>
                  </a:lnTo>
                  <a:lnTo>
                    <a:pt x="339123" y="18323"/>
                  </a:lnTo>
                  <a:lnTo>
                    <a:pt x="280853" y="28061"/>
                  </a:lnTo>
                  <a:lnTo>
                    <a:pt x="226778" y="39588"/>
                  </a:lnTo>
                  <a:lnTo>
                    <a:pt x="177355" y="52768"/>
                  </a:lnTo>
                  <a:lnTo>
                    <a:pt x="133041" y="67464"/>
                  </a:lnTo>
                  <a:lnTo>
                    <a:pt x="94291" y="83540"/>
                  </a:lnTo>
                  <a:lnTo>
                    <a:pt x="35314" y="119284"/>
                  </a:lnTo>
                  <a:lnTo>
                    <a:pt x="4076" y="158907"/>
                  </a:lnTo>
                  <a:lnTo>
                    <a:pt x="0" y="179832"/>
                  </a:lnTo>
                  <a:lnTo>
                    <a:pt x="4076" y="200756"/>
                  </a:lnTo>
                  <a:lnTo>
                    <a:pt x="35314" y="240379"/>
                  </a:lnTo>
                  <a:lnTo>
                    <a:pt x="94291" y="276123"/>
                  </a:lnTo>
                  <a:lnTo>
                    <a:pt x="133041" y="292199"/>
                  </a:lnTo>
                  <a:lnTo>
                    <a:pt x="177355" y="306895"/>
                  </a:lnTo>
                  <a:lnTo>
                    <a:pt x="226778" y="320075"/>
                  </a:lnTo>
                  <a:lnTo>
                    <a:pt x="280853" y="331602"/>
                  </a:lnTo>
                  <a:lnTo>
                    <a:pt x="339123" y="341340"/>
                  </a:lnTo>
                  <a:lnTo>
                    <a:pt x="401132" y="349152"/>
                  </a:lnTo>
                  <a:lnTo>
                    <a:pt x="466423" y="354900"/>
                  </a:lnTo>
                  <a:lnTo>
                    <a:pt x="534541" y="358450"/>
                  </a:lnTo>
                  <a:lnTo>
                    <a:pt x="605027" y="359663"/>
                  </a:lnTo>
                  <a:lnTo>
                    <a:pt x="675818" y="358450"/>
                  </a:lnTo>
                  <a:lnTo>
                    <a:pt x="744196" y="354900"/>
                  </a:lnTo>
                  <a:lnTo>
                    <a:pt x="809708" y="349152"/>
                  </a:lnTo>
                  <a:lnTo>
                    <a:pt x="871901" y="341340"/>
                  </a:lnTo>
                  <a:lnTo>
                    <a:pt x="930322" y="331602"/>
                  </a:lnTo>
                  <a:lnTo>
                    <a:pt x="984517" y="320075"/>
                  </a:lnTo>
                  <a:lnTo>
                    <a:pt x="1034033" y="306895"/>
                  </a:lnTo>
                  <a:lnTo>
                    <a:pt x="1078418" y="292199"/>
                  </a:lnTo>
                  <a:lnTo>
                    <a:pt x="1117218" y="276123"/>
                  </a:lnTo>
                  <a:lnTo>
                    <a:pt x="1176250" y="240379"/>
                  </a:lnTo>
                  <a:lnTo>
                    <a:pt x="1207503" y="200756"/>
                  </a:lnTo>
                  <a:lnTo>
                    <a:pt x="1211579" y="179832"/>
                  </a:lnTo>
                  <a:lnTo>
                    <a:pt x="1207503" y="158907"/>
                  </a:lnTo>
                  <a:lnTo>
                    <a:pt x="1176250" y="119284"/>
                  </a:lnTo>
                  <a:lnTo>
                    <a:pt x="1117218" y="83540"/>
                  </a:lnTo>
                  <a:lnTo>
                    <a:pt x="1078418" y="67464"/>
                  </a:lnTo>
                  <a:lnTo>
                    <a:pt x="1034034" y="52768"/>
                  </a:lnTo>
                  <a:lnTo>
                    <a:pt x="984517" y="39588"/>
                  </a:lnTo>
                  <a:lnTo>
                    <a:pt x="930322" y="28061"/>
                  </a:lnTo>
                  <a:lnTo>
                    <a:pt x="871901" y="18323"/>
                  </a:lnTo>
                  <a:lnTo>
                    <a:pt x="809708" y="10511"/>
                  </a:lnTo>
                  <a:lnTo>
                    <a:pt x="744196" y="4763"/>
                  </a:lnTo>
                  <a:lnTo>
                    <a:pt x="675818" y="1213"/>
                  </a:lnTo>
                  <a:lnTo>
                    <a:pt x="605027" y="0"/>
                  </a:lnTo>
                  <a:close/>
                </a:path>
              </a:pathLst>
            </a:custGeom>
            <a:solidFill>
              <a:schemeClr val="bg1"/>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256" name="object 56">
              <a:extLst>
                <a:ext uri="{FF2B5EF4-FFF2-40B4-BE49-F238E27FC236}">
                  <a16:creationId xmlns:a16="http://schemas.microsoft.com/office/drawing/2014/main" id="{00000000-0008-0000-0600-000000010000}"/>
                </a:ext>
              </a:extLst>
            </xdr:cNvPr>
            <xdr:cNvSpPr txBox="1"/>
          </xdr:nvSpPr>
          <xdr:spPr>
            <a:xfrm>
              <a:off x="6829430" y="5423794"/>
              <a:ext cx="554391" cy="145618"/>
            </a:xfrm>
            <a:prstGeom prst="rect">
              <a:avLst/>
            </a:prstGeom>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nSpc>
                  <a:spcPct val="100000"/>
                </a:lnSpc>
                <a:spcBef>
                  <a:spcPts val="120"/>
                </a:spcBef>
              </a:pPr>
              <a:r>
                <a:rPr sz="800" spc="15">
                  <a:solidFill>
                    <a:schemeClr val="tx1"/>
                  </a:solidFill>
                  <a:latin typeface="ＭＳ Ｐゴシック"/>
                  <a:cs typeface="ＭＳ Ｐゴシック"/>
                </a:rPr>
                <a:t>発注者</a:t>
              </a:r>
              <a:endParaRPr sz="800">
                <a:solidFill>
                  <a:schemeClr val="tx1"/>
                </a:solidFill>
                <a:latin typeface="ＭＳ Ｐゴシック"/>
                <a:cs typeface="ＭＳ Ｐゴシック"/>
              </a:endParaRPr>
            </a:p>
          </xdr:txBody>
        </xdr:sp>
        <xdr:sp macro="" textlink="">
          <xdr:nvSpPr>
            <xdr:cNvPr id="257" name="object 15">
              <a:extLst>
                <a:ext uri="{FF2B5EF4-FFF2-40B4-BE49-F238E27FC236}">
                  <a16:creationId xmlns:a16="http://schemas.microsoft.com/office/drawing/2014/main" id="{00000000-0008-0000-0600-000001010000}"/>
                </a:ext>
              </a:extLst>
            </xdr:cNvPr>
            <xdr:cNvSpPr txBox="1"/>
          </xdr:nvSpPr>
          <xdr:spPr>
            <a:xfrm>
              <a:off x="6599856" y="5752170"/>
              <a:ext cx="745701" cy="184138"/>
            </a:xfrm>
            <a:prstGeom prst="rect">
              <a:avLst/>
            </a:prstGeom>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元請Ｘ社</a:t>
              </a:r>
              <a:endParaRPr sz="800">
                <a:solidFill>
                  <a:schemeClr val="tx1"/>
                </a:solidFill>
                <a:latin typeface="ＭＳ Ｐゴシック"/>
                <a:cs typeface="ＭＳ Ｐゴシック"/>
              </a:endParaRPr>
            </a:p>
          </xdr:txBody>
        </xdr:sp>
        <xdr:sp macro="" textlink="">
          <xdr:nvSpPr>
            <xdr:cNvPr id="260" name="object 18">
              <a:extLst>
                <a:ext uri="{FF2B5EF4-FFF2-40B4-BE49-F238E27FC236}">
                  <a16:creationId xmlns:a16="http://schemas.microsoft.com/office/drawing/2014/main" id="{00000000-0008-0000-0600-000004010000}"/>
                </a:ext>
              </a:extLst>
            </xdr:cNvPr>
            <xdr:cNvSpPr txBox="1"/>
          </xdr:nvSpPr>
          <xdr:spPr>
            <a:xfrm>
              <a:off x="6312776" y="5892362"/>
              <a:ext cx="1353207" cy="137948"/>
            </a:xfrm>
            <a:prstGeom prst="rect">
              <a:avLst/>
            </a:prstGeom>
            <a:solidFill>
              <a:schemeClr val="bg1"/>
            </a:solidFill>
            <a:ln>
              <a:solidFill>
                <a:sysClr val="windowText" lastClr="000000"/>
              </a:solidFill>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r>
                <a:rPr lang="ja-JP" altLang="en-US" sz="800" spc="15">
                  <a:solidFill>
                    <a:srgbClr val="FF0000"/>
                  </a:solidFill>
                  <a:latin typeface="ＭＳ Ｐゴシック"/>
                  <a:cs typeface="ＭＳ Ｐゴシック"/>
                </a:rPr>
                <a:t>、</a:t>
              </a:r>
              <a:r>
                <a:rPr lang="ja-JP" altLang="en-US" sz="800" spc="15">
                  <a:solidFill>
                    <a:schemeClr val="tx1"/>
                  </a:solidFill>
                  <a:latin typeface="ＭＳ Ｐゴシック"/>
                  <a:cs typeface="ＭＳ Ｐゴシック"/>
                </a:rPr>
                <a:t>監理技術者</a:t>
              </a:r>
              <a:endParaRPr sz="800">
                <a:solidFill>
                  <a:schemeClr val="tx1"/>
                </a:solidFill>
                <a:latin typeface="ＭＳ Ｐゴシック"/>
                <a:cs typeface="ＭＳ Ｐゴシック"/>
              </a:endParaRPr>
            </a:p>
          </xdr:txBody>
        </xdr:sp>
        <xdr:sp macro="" textlink="">
          <xdr:nvSpPr>
            <xdr:cNvPr id="261" name="object 18">
              <a:extLst>
                <a:ext uri="{FF2B5EF4-FFF2-40B4-BE49-F238E27FC236}">
                  <a16:creationId xmlns:a16="http://schemas.microsoft.com/office/drawing/2014/main" id="{00000000-0008-0000-0600-000005010000}"/>
                </a:ext>
              </a:extLst>
            </xdr:cNvPr>
            <xdr:cNvSpPr txBox="1"/>
          </xdr:nvSpPr>
          <xdr:spPr>
            <a:xfrm>
              <a:off x="6608758" y="6501004"/>
              <a:ext cx="724583" cy="145617"/>
            </a:xfrm>
            <a:prstGeom prst="rect">
              <a:avLst/>
            </a:prstGeom>
            <a:solidFill>
              <a:schemeClr val="bg1"/>
            </a:solidFill>
            <a:ln w="19050">
              <a:solidFill>
                <a:sysClr val="windowText" lastClr="000000"/>
              </a:solidFill>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sp macro="" textlink="">
          <xdr:nvSpPr>
            <xdr:cNvPr id="262" name="object 18">
              <a:extLst>
                <a:ext uri="{FF2B5EF4-FFF2-40B4-BE49-F238E27FC236}">
                  <a16:creationId xmlns:a16="http://schemas.microsoft.com/office/drawing/2014/main" id="{00000000-0008-0000-0600-000006010000}"/>
                </a:ext>
              </a:extLst>
            </xdr:cNvPr>
            <xdr:cNvSpPr txBox="1"/>
          </xdr:nvSpPr>
          <xdr:spPr>
            <a:xfrm>
              <a:off x="6555139" y="6329113"/>
              <a:ext cx="782563" cy="152593"/>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一次下請</a:t>
              </a:r>
              <a:r>
                <a:rPr lang="en-US" altLang="ja-JP" sz="800" spc="15">
                  <a:solidFill>
                    <a:schemeClr val="tx1"/>
                  </a:solidFill>
                  <a:latin typeface="ＭＳ Ｐゴシック"/>
                  <a:cs typeface="ＭＳ Ｐゴシック"/>
                </a:rPr>
                <a:t>A</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266" name="object 18">
              <a:extLst>
                <a:ext uri="{FF2B5EF4-FFF2-40B4-BE49-F238E27FC236}">
                  <a16:creationId xmlns:a16="http://schemas.microsoft.com/office/drawing/2014/main" id="{00000000-0008-0000-0600-00000A010000}"/>
                </a:ext>
              </a:extLst>
            </xdr:cNvPr>
            <xdr:cNvSpPr txBox="1"/>
          </xdr:nvSpPr>
          <xdr:spPr>
            <a:xfrm>
              <a:off x="7990246" y="6900341"/>
              <a:ext cx="784811" cy="152592"/>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二次下請</a:t>
              </a:r>
              <a:r>
                <a:rPr lang="en-US" altLang="ja-JP" sz="800" spc="15">
                  <a:solidFill>
                    <a:schemeClr val="tx1"/>
                  </a:solidFill>
                  <a:latin typeface="ＭＳ Ｐゴシック"/>
                  <a:cs typeface="ＭＳ Ｐゴシック"/>
                </a:rPr>
                <a:t>D</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267" name="object 18">
              <a:extLst>
                <a:ext uri="{FF2B5EF4-FFF2-40B4-BE49-F238E27FC236}">
                  <a16:creationId xmlns:a16="http://schemas.microsoft.com/office/drawing/2014/main" id="{00000000-0008-0000-0600-00000B010000}"/>
                </a:ext>
              </a:extLst>
            </xdr:cNvPr>
            <xdr:cNvSpPr txBox="1"/>
          </xdr:nvSpPr>
          <xdr:spPr>
            <a:xfrm>
              <a:off x="6582246" y="6907310"/>
              <a:ext cx="782563" cy="152592"/>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二次下請</a:t>
              </a:r>
              <a:r>
                <a:rPr lang="en-US" altLang="ja-JP" sz="800" spc="15">
                  <a:solidFill>
                    <a:schemeClr val="tx1"/>
                  </a:solidFill>
                  <a:latin typeface="ＭＳ Ｐゴシック"/>
                  <a:cs typeface="ＭＳ Ｐゴシック"/>
                </a:rPr>
                <a:t>C</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269" name="object 18">
              <a:extLst>
                <a:ext uri="{FF2B5EF4-FFF2-40B4-BE49-F238E27FC236}">
                  <a16:creationId xmlns:a16="http://schemas.microsoft.com/office/drawing/2014/main" id="{00000000-0008-0000-0600-00000D010000}"/>
                </a:ext>
              </a:extLst>
            </xdr:cNvPr>
            <xdr:cNvSpPr txBox="1"/>
          </xdr:nvSpPr>
          <xdr:spPr>
            <a:xfrm>
              <a:off x="6459023" y="7048982"/>
              <a:ext cx="1081285" cy="145617"/>
            </a:xfrm>
            <a:prstGeom prst="rect">
              <a:avLst/>
            </a:prstGeom>
            <a:solidFill>
              <a:schemeClr val="bg1"/>
            </a:solidFill>
            <a:ln>
              <a:solidFill>
                <a:sysClr val="windowText" lastClr="000000"/>
              </a:solidFill>
              <a:prstDash val="dash"/>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r>
                <a:rPr lang="ja-JP" altLang="en-US" sz="800" spc="15">
                  <a:solidFill>
                    <a:schemeClr val="tx1"/>
                  </a:solidFill>
                  <a:latin typeface="ＭＳ Ｐゴシック"/>
                  <a:cs typeface="ＭＳ Ｐゴシック"/>
                </a:rPr>
                <a:t>配置なし</a:t>
              </a:r>
              <a:endParaRPr sz="800">
                <a:solidFill>
                  <a:schemeClr val="tx1"/>
                </a:solidFill>
                <a:latin typeface="ＭＳ Ｐゴシック"/>
                <a:cs typeface="ＭＳ Ｐゴシック"/>
              </a:endParaRPr>
            </a:p>
          </xdr:txBody>
        </xdr:sp>
        <xdr:sp macro="" textlink="">
          <xdr:nvSpPr>
            <xdr:cNvPr id="270" name="object 18">
              <a:extLst>
                <a:ext uri="{FF2B5EF4-FFF2-40B4-BE49-F238E27FC236}">
                  <a16:creationId xmlns:a16="http://schemas.microsoft.com/office/drawing/2014/main" id="{00000000-0008-0000-0600-00000E010000}"/>
                </a:ext>
              </a:extLst>
            </xdr:cNvPr>
            <xdr:cNvSpPr txBox="1"/>
          </xdr:nvSpPr>
          <xdr:spPr>
            <a:xfrm>
              <a:off x="7833328" y="7040961"/>
              <a:ext cx="1082841" cy="145617"/>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sp macro="" textlink="">
          <xdr:nvSpPr>
            <xdr:cNvPr id="271" name="object 18">
              <a:extLst>
                <a:ext uri="{FF2B5EF4-FFF2-40B4-BE49-F238E27FC236}">
                  <a16:creationId xmlns:a16="http://schemas.microsoft.com/office/drawing/2014/main" id="{00000000-0008-0000-0600-00000F010000}"/>
                </a:ext>
              </a:extLst>
            </xdr:cNvPr>
            <xdr:cNvSpPr txBox="1"/>
          </xdr:nvSpPr>
          <xdr:spPr>
            <a:xfrm>
              <a:off x="3510941" y="6891882"/>
              <a:ext cx="1086298" cy="145616"/>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sp macro="" textlink="">
          <xdr:nvSpPr>
            <xdr:cNvPr id="272" name="object 18">
              <a:extLst>
                <a:ext uri="{FF2B5EF4-FFF2-40B4-BE49-F238E27FC236}">
                  <a16:creationId xmlns:a16="http://schemas.microsoft.com/office/drawing/2014/main" id="{00000000-0008-0000-0600-000010010000}"/>
                </a:ext>
              </a:extLst>
            </xdr:cNvPr>
            <xdr:cNvSpPr txBox="1"/>
          </xdr:nvSpPr>
          <xdr:spPr>
            <a:xfrm>
              <a:off x="2178236" y="6893888"/>
              <a:ext cx="1087680" cy="145616"/>
            </a:xfrm>
            <a:prstGeom prst="rect">
              <a:avLst/>
            </a:prstGeom>
            <a:solidFill>
              <a:schemeClr val="bg1"/>
            </a:solidFill>
            <a:ln>
              <a:solidFill>
                <a:sysClr val="windowText" lastClr="000000"/>
              </a:solidFill>
              <a:prstDash val="dash"/>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r>
                <a:rPr lang="ja-JP" altLang="en-US" sz="800" spc="15">
                  <a:solidFill>
                    <a:schemeClr val="tx1"/>
                  </a:solidFill>
                  <a:latin typeface="ＭＳ Ｐゴシック"/>
                  <a:cs typeface="ＭＳ Ｐゴシック"/>
                </a:rPr>
                <a:t>配置なし</a:t>
              </a:r>
              <a:endParaRPr sz="800">
                <a:solidFill>
                  <a:schemeClr val="tx1"/>
                </a:solidFill>
                <a:latin typeface="ＭＳ Ｐゴシック"/>
                <a:cs typeface="ＭＳ Ｐゴシック"/>
              </a:endParaRPr>
            </a:p>
          </xdr:txBody>
        </xdr:sp>
        <xdr:sp macro="" textlink="">
          <xdr:nvSpPr>
            <xdr:cNvPr id="273" name="object 18">
              <a:extLst>
                <a:ext uri="{FF2B5EF4-FFF2-40B4-BE49-F238E27FC236}">
                  <a16:creationId xmlns:a16="http://schemas.microsoft.com/office/drawing/2014/main" id="{00000000-0008-0000-0600-000011010000}"/>
                </a:ext>
              </a:extLst>
            </xdr:cNvPr>
            <xdr:cNvSpPr txBox="1"/>
          </xdr:nvSpPr>
          <xdr:spPr>
            <a:xfrm>
              <a:off x="863336" y="6885867"/>
              <a:ext cx="1079901" cy="145616"/>
            </a:xfrm>
            <a:prstGeom prst="rect">
              <a:avLst/>
            </a:prstGeom>
            <a:solidFill>
              <a:schemeClr val="bg1"/>
            </a:solidFill>
            <a:ln>
              <a:solidFill>
                <a:sysClr val="windowText" lastClr="000000"/>
              </a:solidFill>
              <a:prstDash val="dash"/>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r>
                <a:rPr lang="ja-JP" altLang="en-US" sz="800" spc="15">
                  <a:solidFill>
                    <a:schemeClr val="tx1"/>
                  </a:solidFill>
                  <a:latin typeface="ＭＳ Ｐゴシック"/>
                  <a:cs typeface="ＭＳ Ｐゴシック"/>
                </a:rPr>
                <a:t>配置なし</a:t>
              </a:r>
              <a:endParaRPr sz="800">
                <a:solidFill>
                  <a:schemeClr val="tx1"/>
                </a:solidFill>
                <a:latin typeface="ＭＳ Ｐゴシック"/>
                <a:cs typeface="ＭＳ Ｐゴシック"/>
              </a:endParaRPr>
            </a:p>
          </xdr:txBody>
        </xdr:sp>
        <xdr:sp macro="" textlink="">
          <xdr:nvSpPr>
            <xdr:cNvPr id="5" name="円形吹き出し 4">
              <a:extLst>
                <a:ext uri="{FF2B5EF4-FFF2-40B4-BE49-F238E27FC236}">
                  <a16:creationId xmlns:a16="http://schemas.microsoft.com/office/drawing/2014/main" id="{00000000-0008-0000-0600-000005000000}"/>
                </a:ext>
              </a:extLst>
            </xdr:cNvPr>
            <xdr:cNvSpPr/>
          </xdr:nvSpPr>
          <xdr:spPr>
            <a:xfrm>
              <a:off x="1903027" y="5204401"/>
              <a:ext cx="4290921" cy="1080838"/>
            </a:xfrm>
            <a:prstGeom prst="wedgeEllipseCallout">
              <a:avLst>
                <a:gd name="adj1" fmla="val -57565"/>
                <a:gd name="adj2" fmla="val 45008"/>
              </a:avLst>
            </a:prstGeom>
            <a:no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800" b="1">
                  <a:solidFill>
                    <a:schemeClr val="tx1"/>
                  </a:solidFill>
                </a:rPr>
                <a:t>※</a:t>
              </a:r>
              <a:r>
                <a:rPr kumimoji="1" lang="ja-JP" altLang="en-US" sz="800" b="1">
                  <a:solidFill>
                    <a:schemeClr val="tx1"/>
                  </a:solidFill>
                </a:rPr>
                <a:t>監理技術者の配置義務がないときに限る。</a:t>
              </a:r>
              <a:endParaRPr kumimoji="1" lang="en-US" altLang="ja-JP" sz="800" b="1">
                <a:solidFill>
                  <a:schemeClr val="tx1"/>
                </a:solidFill>
              </a:endParaRPr>
            </a:p>
            <a:p>
              <a:pPr algn="l"/>
              <a:r>
                <a:rPr kumimoji="1" lang="ja-JP" altLang="en-US" sz="800" b="1">
                  <a:solidFill>
                    <a:schemeClr val="tx1"/>
                  </a:solidFill>
                </a:rPr>
                <a:t>（監理技術者の配置義務があるときは、一次下請けは主任技術者の配置をしなければならない。）</a:t>
              </a:r>
              <a:endParaRPr kumimoji="1" lang="en-US" altLang="ja-JP" sz="800" b="1">
                <a:solidFill>
                  <a:schemeClr val="tx1"/>
                </a:solidFill>
              </a:endParaRPr>
            </a:p>
            <a:p>
              <a:pPr algn="l"/>
              <a:r>
                <a:rPr kumimoji="1" lang="en-US" altLang="ja-JP" sz="800" b="1">
                  <a:solidFill>
                    <a:schemeClr val="tx1"/>
                  </a:solidFill>
                </a:rPr>
                <a:t>※</a:t>
              </a:r>
              <a:r>
                <a:rPr kumimoji="1" lang="ja-JP" altLang="en-US" sz="800" b="1">
                  <a:solidFill>
                    <a:schemeClr val="tx1"/>
                  </a:solidFill>
                </a:rPr>
                <a:t>主任技術者が専任で配置されている。</a:t>
              </a:r>
              <a:endParaRPr kumimoji="1" lang="en-US" altLang="ja-JP" sz="800" b="1">
                <a:solidFill>
                  <a:schemeClr val="tx1"/>
                </a:solidFill>
              </a:endParaRPr>
            </a:p>
            <a:p>
              <a:pPr algn="l"/>
              <a:r>
                <a:rPr kumimoji="1" lang="ja-JP" altLang="en-US" sz="800" b="1">
                  <a:solidFill>
                    <a:schemeClr val="tx1"/>
                  </a:solidFill>
                </a:rPr>
                <a:t>（他の工事との兼務はできない）</a:t>
              </a:r>
            </a:p>
          </xdr:txBody>
        </xdr:sp>
        <xdr:sp macro="" textlink="">
          <xdr:nvSpPr>
            <xdr:cNvPr id="276" name="object 139">
              <a:extLst>
                <a:ext uri="{FF2B5EF4-FFF2-40B4-BE49-F238E27FC236}">
                  <a16:creationId xmlns:a16="http://schemas.microsoft.com/office/drawing/2014/main" id="{00000000-0008-0000-0600-000014010000}"/>
                </a:ext>
              </a:extLst>
            </xdr:cNvPr>
            <xdr:cNvSpPr/>
          </xdr:nvSpPr>
          <xdr:spPr>
            <a:xfrm>
              <a:off x="1336026" y="6355979"/>
              <a:ext cx="4103408" cy="361613"/>
            </a:xfrm>
            <a:custGeom>
              <a:avLst/>
              <a:gdLst/>
              <a:ahLst/>
              <a:cxnLst/>
              <a:rect l="l" t="t" r="r" b="b"/>
              <a:pathLst>
                <a:path w="2484120" h="280670">
                  <a:moveTo>
                    <a:pt x="2473452" y="271271"/>
                  </a:moveTo>
                  <a:lnTo>
                    <a:pt x="2462783" y="271271"/>
                  </a:lnTo>
                  <a:lnTo>
                    <a:pt x="2462783" y="280415"/>
                  </a:lnTo>
                  <a:lnTo>
                    <a:pt x="2481072" y="280415"/>
                  </a:lnTo>
                  <a:lnTo>
                    <a:pt x="2484120" y="278891"/>
                  </a:lnTo>
                  <a:lnTo>
                    <a:pt x="2484120" y="275843"/>
                  </a:lnTo>
                  <a:lnTo>
                    <a:pt x="2473452" y="275843"/>
                  </a:lnTo>
                  <a:lnTo>
                    <a:pt x="2473452" y="271271"/>
                  </a:lnTo>
                  <a:close/>
                </a:path>
                <a:path w="2484120" h="280670">
                  <a:moveTo>
                    <a:pt x="2473452" y="4571"/>
                  </a:moveTo>
                  <a:lnTo>
                    <a:pt x="2473452" y="275843"/>
                  </a:lnTo>
                  <a:lnTo>
                    <a:pt x="2478024" y="271271"/>
                  </a:lnTo>
                  <a:lnTo>
                    <a:pt x="2484120" y="271271"/>
                  </a:lnTo>
                  <a:lnTo>
                    <a:pt x="2484120" y="10667"/>
                  </a:lnTo>
                  <a:lnTo>
                    <a:pt x="2478024" y="10667"/>
                  </a:lnTo>
                  <a:lnTo>
                    <a:pt x="2473452" y="4571"/>
                  </a:lnTo>
                  <a:close/>
                </a:path>
                <a:path w="2484120" h="280670">
                  <a:moveTo>
                    <a:pt x="2484120" y="271271"/>
                  </a:moveTo>
                  <a:lnTo>
                    <a:pt x="2478024" y="271271"/>
                  </a:lnTo>
                  <a:lnTo>
                    <a:pt x="2473452" y="275843"/>
                  </a:lnTo>
                  <a:lnTo>
                    <a:pt x="2484120" y="275843"/>
                  </a:lnTo>
                  <a:lnTo>
                    <a:pt x="2484120" y="271271"/>
                  </a:lnTo>
                  <a:close/>
                </a:path>
                <a:path w="2484120" h="280670">
                  <a:moveTo>
                    <a:pt x="2481072" y="0"/>
                  </a:moveTo>
                  <a:lnTo>
                    <a:pt x="0" y="0"/>
                  </a:lnTo>
                  <a:lnTo>
                    <a:pt x="0" y="10667"/>
                  </a:lnTo>
                  <a:lnTo>
                    <a:pt x="2473452" y="10667"/>
                  </a:lnTo>
                  <a:lnTo>
                    <a:pt x="2473452" y="4571"/>
                  </a:lnTo>
                  <a:lnTo>
                    <a:pt x="2484120" y="4571"/>
                  </a:lnTo>
                  <a:lnTo>
                    <a:pt x="2484120" y="1523"/>
                  </a:lnTo>
                  <a:lnTo>
                    <a:pt x="2481072" y="0"/>
                  </a:lnTo>
                  <a:close/>
                </a:path>
                <a:path w="2484120" h="280670">
                  <a:moveTo>
                    <a:pt x="2484120" y="4571"/>
                  </a:moveTo>
                  <a:lnTo>
                    <a:pt x="2473452" y="4571"/>
                  </a:lnTo>
                  <a:lnTo>
                    <a:pt x="2478024" y="10667"/>
                  </a:lnTo>
                  <a:lnTo>
                    <a:pt x="2484120" y="10667"/>
                  </a:lnTo>
                  <a:lnTo>
                    <a:pt x="2484120" y="4571"/>
                  </a:lnTo>
                  <a:close/>
                </a:path>
              </a:pathLst>
            </a:custGeom>
            <a:solidFill>
              <a:srgbClr val="000000"/>
            </a:solidFill>
            <a:ln w="9525">
              <a:solidFill>
                <a:schemeClr val="tx1"/>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sp macro="" textlink="">
          <xdr:nvSpPr>
            <xdr:cNvPr id="277" name="object 20">
              <a:extLst>
                <a:ext uri="{FF2B5EF4-FFF2-40B4-BE49-F238E27FC236}">
                  <a16:creationId xmlns:a16="http://schemas.microsoft.com/office/drawing/2014/main" id="{00000000-0008-0000-0600-000015010000}"/>
                </a:ext>
              </a:extLst>
            </xdr:cNvPr>
            <xdr:cNvSpPr/>
          </xdr:nvSpPr>
          <xdr:spPr>
            <a:xfrm>
              <a:off x="4898047" y="6728459"/>
              <a:ext cx="1141872" cy="354280"/>
            </a:xfrm>
            <a:custGeom>
              <a:avLst/>
              <a:gdLst/>
              <a:ahLst/>
              <a:cxnLst/>
              <a:rect l="l" t="t" r="r" b="b"/>
              <a:pathLst>
                <a:path w="1493520" h="487679">
                  <a:moveTo>
                    <a:pt x="1491996" y="0"/>
                  </a:moveTo>
                  <a:lnTo>
                    <a:pt x="1524" y="0"/>
                  </a:lnTo>
                  <a:lnTo>
                    <a:pt x="0" y="3048"/>
                  </a:lnTo>
                  <a:lnTo>
                    <a:pt x="0" y="484632"/>
                  </a:lnTo>
                  <a:lnTo>
                    <a:pt x="1524" y="487679"/>
                  </a:lnTo>
                  <a:lnTo>
                    <a:pt x="1491996" y="487679"/>
                  </a:lnTo>
                  <a:lnTo>
                    <a:pt x="1493520" y="484632"/>
                  </a:lnTo>
                  <a:lnTo>
                    <a:pt x="1493520" y="481584"/>
                  </a:lnTo>
                  <a:lnTo>
                    <a:pt x="10668" y="481584"/>
                  </a:lnTo>
                  <a:lnTo>
                    <a:pt x="4572" y="477012"/>
                  </a:lnTo>
                  <a:lnTo>
                    <a:pt x="10668" y="477012"/>
                  </a:lnTo>
                  <a:lnTo>
                    <a:pt x="10668" y="10667"/>
                  </a:lnTo>
                  <a:lnTo>
                    <a:pt x="4572" y="10667"/>
                  </a:lnTo>
                  <a:lnTo>
                    <a:pt x="10668" y="6096"/>
                  </a:lnTo>
                  <a:lnTo>
                    <a:pt x="1493520" y="6096"/>
                  </a:lnTo>
                  <a:lnTo>
                    <a:pt x="1493520" y="3048"/>
                  </a:lnTo>
                  <a:lnTo>
                    <a:pt x="1491996" y="0"/>
                  </a:lnTo>
                  <a:close/>
                </a:path>
                <a:path w="1493520" h="487679">
                  <a:moveTo>
                    <a:pt x="10668" y="477012"/>
                  </a:moveTo>
                  <a:lnTo>
                    <a:pt x="4572" y="477012"/>
                  </a:lnTo>
                  <a:lnTo>
                    <a:pt x="10668" y="481584"/>
                  </a:lnTo>
                  <a:lnTo>
                    <a:pt x="10668" y="477012"/>
                  </a:lnTo>
                  <a:close/>
                </a:path>
                <a:path w="1493520" h="487679">
                  <a:moveTo>
                    <a:pt x="1482852" y="477012"/>
                  </a:moveTo>
                  <a:lnTo>
                    <a:pt x="10668" y="477012"/>
                  </a:lnTo>
                  <a:lnTo>
                    <a:pt x="10668" y="481584"/>
                  </a:lnTo>
                  <a:lnTo>
                    <a:pt x="1482852" y="481584"/>
                  </a:lnTo>
                  <a:lnTo>
                    <a:pt x="1482852" y="477012"/>
                  </a:lnTo>
                  <a:close/>
                </a:path>
                <a:path w="1493520" h="487679">
                  <a:moveTo>
                    <a:pt x="1482852" y="6096"/>
                  </a:moveTo>
                  <a:lnTo>
                    <a:pt x="1482852" y="481584"/>
                  </a:lnTo>
                  <a:lnTo>
                    <a:pt x="1488948" y="477012"/>
                  </a:lnTo>
                  <a:lnTo>
                    <a:pt x="1493520" y="477012"/>
                  </a:lnTo>
                  <a:lnTo>
                    <a:pt x="1493520" y="10667"/>
                  </a:lnTo>
                  <a:lnTo>
                    <a:pt x="1488948" y="10667"/>
                  </a:lnTo>
                  <a:lnTo>
                    <a:pt x="1482852" y="6096"/>
                  </a:lnTo>
                  <a:close/>
                </a:path>
                <a:path w="1493520" h="487679">
                  <a:moveTo>
                    <a:pt x="1493520" y="477012"/>
                  </a:moveTo>
                  <a:lnTo>
                    <a:pt x="1488948" y="477012"/>
                  </a:lnTo>
                  <a:lnTo>
                    <a:pt x="1482852" y="481584"/>
                  </a:lnTo>
                  <a:lnTo>
                    <a:pt x="1493520" y="481584"/>
                  </a:lnTo>
                  <a:lnTo>
                    <a:pt x="1493520" y="477012"/>
                  </a:lnTo>
                  <a:close/>
                </a:path>
                <a:path w="1493520" h="487679">
                  <a:moveTo>
                    <a:pt x="10668" y="6096"/>
                  </a:moveTo>
                  <a:lnTo>
                    <a:pt x="4572" y="10667"/>
                  </a:lnTo>
                  <a:lnTo>
                    <a:pt x="10668" y="10667"/>
                  </a:lnTo>
                  <a:lnTo>
                    <a:pt x="10668" y="6096"/>
                  </a:lnTo>
                  <a:close/>
                </a:path>
                <a:path w="1493520" h="487679">
                  <a:moveTo>
                    <a:pt x="1482852" y="6096"/>
                  </a:moveTo>
                  <a:lnTo>
                    <a:pt x="10668" y="6096"/>
                  </a:lnTo>
                  <a:lnTo>
                    <a:pt x="10668" y="10667"/>
                  </a:lnTo>
                  <a:lnTo>
                    <a:pt x="1482852" y="10667"/>
                  </a:lnTo>
                  <a:lnTo>
                    <a:pt x="1482852" y="6096"/>
                  </a:lnTo>
                  <a:close/>
                </a:path>
                <a:path w="1493520" h="487679">
                  <a:moveTo>
                    <a:pt x="1493520" y="6096"/>
                  </a:moveTo>
                  <a:lnTo>
                    <a:pt x="1482852" y="6096"/>
                  </a:lnTo>
                  <a:lnTo>
                    <a:pt x="1488948" y="10667"/>
                  </a:lnTo>
                  <a:lnTo>
                    <a:pt x="1493520" y="10667"/>
                  </a:lnTo>
                  <a:lnTo>
                    <a:pt x="1493520"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278" name="object 18">
              <a:extLst>
                <a:ext uri="{FF2B5EF4-FFF2-40B4-BE49-F238E27FC236}">
                  <a16:creationId xmlns:a16="http://schemas.microsoft.com/office/drawing/2014/main" id="{00000000-0008-0000-0600-000016010000}"/>
                </a:ext>
              </a:extLst>
            </xdr:cNvPr>
            <xdr:cNvSpPr txBox="1"/>
          </xdr:nvSpPr>
          <xdr:spPr>
            <a:xfrm>
              <a:off x="4987801" y="6730477"/>
              <a:ext cx="787804" cy="145617"/>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一次下請</a:t>
              </a:r>
              <a:r>
                <a:rPr lang="en-US" altLang="ja-JP" sz="800" spc="15">
                  <a:solidFill>
                    <a:schemeClr val="tx1"/>
                  </a:solidFill>
                  <a:latin typeface="ＭＳ Ｐゴシック"/>
                  <a:cs typeface="ＭＳ Ｐゴシック"/>
                </a:rPr>
                <a:t>D</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280" name="object 18">
              <a:extLst>
                <a:ext uri="{FF2B5EF4-FFF2-40B4-BE49-F238E27FC236}">
                  <a16:creationId xmlns:a16="http://schemas.microsoft.com/office/drawing/2014/main" id="{00000000-0008-0000-0600-000018010000}"/>
                </a:ext>
              </a:extLst>
            </xdr:cNvPr>
            <xdr:cNvSpPr txBox="1"/>
          </xdr:nvSpPr>
          <xdr:spPr>
            <a:xfrm>
              <a:off x="4930808" y="6903450"/>
              <a:ext cx="1079729" cy="145616"/>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grpSp>
      <xdr:sp macro="" textlink="">
        <xdr:nvSpPr>
          <xdr:cNvPr id="285" name="object 134">
            <a:extLst>
              <a:ext uri="{FF2B5EF4-FFF2-40B4-BE49-F238E27FC236}">
                <a16:creationId xmlns:a16="http://schemas.microsoft.com/office/drawing/2014/main" id="{00000000-0008-0000-0600-00001D010000}"/>
              </a:ext>
            </a:extLst>
          </xdr:cNvPr>
          <xdr:cNvSpPr/>
        </xdr:nvSpPr>
        <xdr:spPr>
          <a:xfrm>
            <a:off x="6340217" y="6163896"/>
            <a:ext cx="1340738" cy="376706"/>
          </a:xfrm>
          <a:custGeom>
            <a:avLst/>
            <a:gdLst/>
            <a:ahLst/>
            <a:cxnLst/>
            <a:rect l="l" t="t" r="r" b="b"/>
            <a:pathLst>
              <a:path w="1912620" h="443865">
                <a:moveTo>
                  <a:pt x="1909571" y="0"/>
                </a:moveTo>
                <a:lnTo>
                  <a:pt x="1524" y="0"/>
                </a:lnTo>
                <a:lnTo>
                  <a:pt x="0" y="1523"/>
                </a:lnTo>
                <a:lnTo>
                  <a:pt x="0" y="441959"/>
                </a:lnTo>
                <a:lnTo>
                  <a:pt x="1524" y="443483"/>
                </a:lnTo>
                <a:lnTo>
                  <a:pt x="1909571" y="443483"/>
                </a:lnTo>
                <a:lnTo>
                  <a:pt x="1912619" y="441959"/>
                </a:lnTo>
                <a:lnTo>
                  <a:pt x="1912619" y="438911"/>
                </a:lnTo>
                <a:lnTo>
                  <a:pt x="10667" y="438911"/>
                </a:lnTo>
                <a:lnTo>
                  <a:pt x="4571" y="434339"/>
                </a:lnTo>
                <a:lnTo>
                  <a:pt x="10667" y="434339"/>
                </a:lnTo>
                <a:lnTo>
                  <a:pt x="10667" y="10667"/>
                </a:lnTo>
                <a:lnTo>
                  <a:pt x="4571" y="10667"/>
                </a:lnTo>
                <a:lnTo>
                  <a:pt x="10667" y="4571"/>
                </a:lnTo>
                <a:lnTo>
                  <a:pt x="1912619" y="4571"/>
                </a:lnTo>
                <a:lnTo>
                  <a:pt x="1912619" y="1523"/>
                </a:lnTo>
                <a:lnTo>
                  <a:pt x="1909571" y="0"/>
                </a:lnTo>
                <a:close/>
              </a:path>
              <a:path w="1912620" h="443865">
                <a:moveTo>
                  <a:pt x="10667" y="434339"/>
                </a:moveTo>
                <a:lnTo>
                  <a:pt x="4571" y="434339"/>
                </a:lnTo>
                <a:lnTo>
                  <a:pt x="10667" y="438911"/>
                </a:lnTo>
                <a:lnTo>
                  <a:pt x="10667" y="434339"/>
                </a:lnTo>
                <a:close/>
              </a:path>
              <a:path w="1912620" h="443865">
                <a:moveTo>
                  <a:pt x="1901951" y="434339"/>
                </a:moveTo>
                <a:lnTo>
                  <a:pt x="10667" y="434339"/>
                </a:lnTo>
                <a:lnTo>
                  <a:pt x="10667" y="438911"/>
                </a:lnTo>
                <a:lnTo>
                  <a:pt x="1901951" y="438911"/>
                </a:lnTo>
                <a:lnTo>
                  <a:pt x="1901951" y="434339"/>
                </a:lnTo>
                <a:close/>
              </a:path>
              <a:path w="1912620" h="443865">
                <a:moveTo>
                  <a:pt x="1901951" y="4571"/>
                </a:moveTo>
                <a:lnTo>
                  <a:pt x="1901951" y="438911"/>
                </a:lnTo>
                <a:lnTo>
                  <a:pt x="1906523" y="434339"/>
                </a:lnTo>
                <a:lnTo>
                  <a:pt x="1912619" y="434339"/>
                </a:lnTo>
                <a:lnTo>
                  <a:pt x="1912619" y="10667"/>
                </a:lnTo>
                <a:lnTo>
                  <a:pt x="1906523" y="10667"/>
                </a:lnTo>
                <a:lnTo>
                  <a:pt x="1901951" y="4571"/>
                </a:lnTo>
                <a:close/>
              </a:path>
              <a:path w="1912620" h="443865">
                <a:moveTo>
                  <a:pt x="1912619" y="434339"/>
                </a:moveTo>
                <a:lnTo>
                  <a:pt x="1906523" y="434339"/>
                </a:lnTo>
                <a:lnTo>
                  <a:pt x="1901951" y="438911"/>
                </a:lnTo>
                <a:lnTo>
                  <a:pt x="1912619" y="438911"/>
                </a:lnTo>
                <a:lnTo>
                  <a:pt x="1912619" y="434339"/>
                </a:lnTo>
                <a:close/>
              </a:path>
              <a:path w="1912620" h="443865">
                <a:moveTo>
                  <a:pt x="10667" y="4571"/>
                </a:moveTo>
                <a:lnTo>
                  <a:pt x="4571" y="10667"/>
                </a:lnTo>
                <a:lnTo>
                  <a:pt x="10667" y="10667"/>
                </a:lnTo>
                <a:lnTo>
                  <a:pt x="10667" y="4571"/>
                </a:lnTo>
                <a:close/>
              </a:path>
              <a:path w="1912620" h="443865">
                <a:moveTo>
                  <a:pt x="1901951" y="4571"/>
                </a:moveTo>
                <a:lnTo>
                  <a:pt x="10667" y="4571"/>
                </a:lnTo>
                <a:lnTo>
                  <a:pt x="10667" y="10667"/>
                </a:lnTo>
                <a:lnTo>
                  <a:pt x="1901951" y="10667"/>
                </a:lnTo>
                <a:lnTo>
                  <a:pt x="1901951" y="4571"/>
                </a:lnTo>
                <a:close/>
              </a:path>
              <a:path w="1912620" h="443865">
                <a:moveTo>
                  <a:pt x="1912619" y="4571"/>
                </a:moveTo>
                <a:lnTo>
                  <a:pt x="1901951" y="4571"/>
                </a:lnTo>
                <a:lnTo>
                  <a:pt x="1906523" y="10667"/>
                </a:lnTo>
                <a:lnTo>
                  <a:pt x="1912619" y="10667"/>
                </a:lnTo>
                <a:lnTo>
                  <a:pt x="1912619" y="4571"/>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grpSp>
        <xdr:nvGrpSpPr>
          <xdr:cNvPr id="7" name="グループ化 6">
            <a:extLst>
              <a:ext uri="{FF2B5EF4-FFF2-40B4-BE49-F238E27FC236}">
                <a16:creationId xmlns:a16="http://schemas.microsoft.com/office/drawing/2014/main" id="{00000000-0008-0000-0600-000007000000}"/>
              </a:ext>
            </a:extLst>
          </xdr:cNvPr>
          <xdr:cNvGrpSpPr/>
        </xdr:nvGrpSpPr>
        <xdr:grpSpPr>
          <a:xfrm>
            <a:off x="8651084" y="4991447"/>
            <a:ext cx="1606270" cy="282394"/>
            <a:chOff x="994169" y="7299673"/>
            <a:chExt cx="1589486" cy="280968"/>
          </a:xfrm>
        </xdr:grpSpPr>
        <xdr:sp macro="" textlink="">
          <xdr:nvSpPr>
            <xdr:cNvPr id="286" name="object 18">
              <a:extLst>
                <a:ext uri="{FF2B5EF4-FFF2-40B4-BE49-F238E27FC236}">
                  <a16:creationId xmlns:a16="http://schemas.microsoft.com/office/drawing/2014/main" id="{00000000-0008-0000-0600-00001E010000}"/>
                </a:ext>
              </a:extLst>
            </xdr:cNvPr>
            <xdr:cNvSpPr txBox="1"/>
          </xdr:nvSpPr>
          <xdr:spPr>
            <a:xfrm>
              <a:off x="994169" y="7346157"/>
              <a:ext cx="1079729" cy="234484"/>
            </a:xfrm>
            <a:prstGeom prst="rect">
              <a:avLst/>
            </a:prstGeom>
            <a:noFill/>
            <a:ln>
              <a:no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b="1">
                  <a:solidFill>
                    <a:schemeClr val="tx1"/>
                  </a:solidFill>
                  <a:latin typeface="ＭＳ Ｐゴシック"/>
                  <a:cs typeface="ＭＳ Ｐゴシック"/>
                </a:rPr>
                <a:t>特定専門工事　：</a:t>
              </a:r>
              <a:endParaRPr sz="800" b="1">
                <a:solidFill>
                  <a:schemeClr val="tx1"/>
                </a:solidFill>
                <a:latin typeface="ＭＳ Ｐゴシック"/>
                <a:cs typeface="ＭＳ Ｐゴシック"/>
              </a:endParaRPr>
            </a:p>
          </xdr:txBody>
        </xdr:sp>
        <xdr:sp macro="" textlink="">
          <xdr:nvSpPr>
            <xdr:cNvPr id="287" name="object 18">
              <a:extLst>
                <a:ext uri="{FF2B5EF4-FFF2-40B4-BE49-F238E27FC236}">
                  <a16:creationId xmlns:a16="http://schemas.microsoft.com/office/drawing/2014/main" id="{00000000-0008-0000-0600-00001F010000}"/>
                </a:ext>
              </a:extLst>
            </xdr:cNvPr>
            <xdr:cNvSpPr txBox="1"/>
          </xdr:nvSpPr>
          <xdr:spPr>
            <a:xfrm>
              <a:off x="1991916" y="7299673"/>
              <a:ext cx="591739" cy="234484"/>
            </a:xfrm>
            <a:prstGeom prst="rect">
              <a:avLst/>
            </a:prstGeom>
            <a:solidFill>
              <a:schemeClr val="bg1"/>
            </a:solidFill>
            <a:ln w="28575">
              <a:solidFill>
                <a:sysClr val="windowText" lastClr="000000"/>
              </a:solidFill>
              <a:prstDash val="dash"/>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endParaRPr sz="800">
                <a:solidFill>
                  <a:srgbClr val="FF0000"/>
                </a:solidFill>
                <a:latin typeface="ＭＳ Ｐゴシック"/>
                <a:cs typeface="ＭＳ Ｐゴシック"/>
              </a:endParaRPr>
            </a:p>
          </xdr:txBody>
        </xdr:sp>
      </xdr:grpSp>
      <mc:AlternateContent xmlns:mc="http://schemas.openxmlformats.org/markup-compatibility/2006">
        <mc:Choice xmlns:a14="http://schemas.microsoft.com/office/drawing/2010/main" Requires="a14">
          <xdr:sp macro="" textlink="">
            <xdr:nvSpPr>
              <xdr:cNvPr id="48147" name="Check Box 19" hidden="1">
                <a:extLst>
                  <a:ext uri="{63B3BB69-23CF-44E3-9099-C40C66FF867C}">
                    <a14:compatExt spid="_x0000_s48147"/>
                  </a:ext>
                  <a:ext uri="{FF2B5EF4-FFF2-40B4-BE49-F238E27FC236}">
                    <a16:creationId xmlns:a16="http://schemas.microsoft.com/office/drawing/2014/main" id="{00000000-0008-0000-0600-000013BC0000}"/>
                  </a:ext>
                </a:extLst>
              </xdr:cNvPr>
              <xdr:cNvSpPr/>
            </xdr:nvSpPr>
            <xdr:spPr bwMode="auto">
              <a:xfrm>
                <a:off x="1001367" y="2587672"/>
                <a:ext cx="258833" cy="1428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mc:Choice>
        <mc:Fallback/>
      </mc:AlternateContent>
      <xdr:sp macro="" textlink="">
        <xdr:nvSpPr>
          <xdr:cNvPr id="70" name="object 6">
            <a:extLst>
              <a:ext uri="{FF2B5EF4-FFF2-40B4-BE49-F238E27FC236}">
                <a16:creationId xmlns:a16="http://schemas.microsoft.com/office/drawing/2014/main" id="{00000000-0008-0000-0600-000046000000}"/>
              </a:ext>
            </a:extLst>
          </xdr:cNvPr>
          <xdr:cNvSpPr/>
        </xdr:nvSpPr>
        <xdr:spPr>
          <a:xfrm>
            <a:off x="1316614" y="6928721"/>
            <a:ext cx="51411" cy="359634"/>
          </a:xfrm>
          <a:custGeom>
            <a:avLst/>
            <a:gdLst/>
            <a:ahLst/>
            <a:cxnLst/>
            <a:rect l="l" t="t" r="r" b="b"/>
            <a:pathLst>
              <a:path h="608330">
                <a:moveTo>
                  <a:pt x="0" y="0"/>
                </a:moveTo>
                <a:lnTo>
                  <a:pt x="0" y="608075"/>
                </a:lnTo>
              </a:path>
            </a:pathLst>
          </a:custGeom>
          <a:ln w="12192">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71" name="object 6">
            <a:extLst>
              <a:ext uri="{FF2B5EF4-FFF2-40B4-BE49-F238E27FC236}">
                <a16:creationId xmlns:a16="http://schemas.microsoft.com/office/drawing/2014/main" id="{00000000-0008-0000-0600-000047000000}"/>
              </a:ext>
            </a:extLst>
          </xdr:cNvPr>
          <xdr:cNvSpPr/>
        </xdr:nvSpPr>
        <xdr:spPr>
          <a:xfrm>
            <a:off x="2644826" y="6951919"/>
            <a:ext cx="45923" cy="348400"/>
          </a:xfrm>
          <a:custGeom>
            <a:avLst/>
            <a:gdLst/>
            <a:ahLst/>
            <a:cxnLst/>
            <a:rect l="l" t="t" r="r" b="b"/>
            <a:pathLst>
              <a:path h="608330">
                <a:moveTo>
                  <a:pt x="0" y="0"/>
                </a:moveTo>
                <a:lnTo>
                  <a:pt x="0" y="608075"/>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72" name="object 6">
            <a:extLst>
              <a:ext uri="{FF2B5EF4-FFF2-40B4-BE49-F238E27FC236}">
                <a16:creationId xmlns:a16="http://schemas.microsoft.com/office/drawing/2014/main" id="{00000000-0008-0000-0600-000048000000}"/>
              </a:ext>
            </a:extLst>
          </xdr:cNvPr>
          <xdr:cNvSpPr/>
        </xdr:nvSpPr>
        <xdr:spPr>
          <a:xfrm>
            <a:off x="4072345" y="6946342"/>
            <a:ext cx="45923" cy="347995"/>
          </a:xfrm>
          <a:custGeom>
            <a:avLst/>
            <a:gdLst/>
            <a:ahLst/>
            <a:cxnLst/>
            <a:rect l="l" t="t" r="r" b="b"/>
            <a:pathLst>
              <a:path h="608330">
                <a:moveTo>
                  <a:pt x="0" y="0"/>
                </a:moveTo>
                <a:lnTo>
                  <a:pt x="0" y="608075"/>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73" name="object 6">
            <a:extLst>
              <a:ext uri="{FF2B5EF4-FFF2-40B4-BE49-F238E27FC236}">
                <a16:creationId xmlns:a16="http://schemas.microsoft.com/office/drawing/2014/main" id="{00000000-0008-0000-0600-000049000000}"/>
              </a:ext>
            </a:extLst>
          </xdr:cNvPr>
          <xdr:cNvSpPr/>
        </xdr:nvSpPr>
        <xdr:spPr>
          <a:xfrm>
            <a:off x="5450774" y="6945413"/>
            <a:ext cx="45699" cy="354531"/>
          </a:xfrm>
          <a:custGeom>
            <a:avLst/>
            <a:gdLst/>
            <a:ahLst/>
            <a:cxnLst/>
            <a:rect l="l" t="t" r="r" b="b"/>
            <a:pathLst>
              <a:path h="608330">
                <a:moveTo>
                  <a:pt x="0" y="0"/>
                </a:moveTo>
                <a:lnTo>
                  <a:pt x="0" y="608075"/>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77" name="object 20">
            <a:extLst>
              <a:ext uri="{FF2B5EF4-FFF2-40B4-BE49-F238E27FC236}">
                <a16:creationId xmlns:a16="http://schemas.microsoft.com/office/drawing/2014/main" id="{00000000-0008-0000-0600-00004D000000}"/>
              </a:ext>
            </a:extLst>
          </xdr:cNvPr>
          <xdr:cNvSpPr/>
        </xdr:nvSpPr>
        <xdr:spPr>
          <a:xfrm>
            <a:off x="4876385" y="7295853"/>
            <a:ext cx="1146693" cy="373357"/>
          </a:xfrm>
          <a:custGeom>
            <a:avLst/>
            <a:gdLst/>
            <a:ahLst/>
            <a:cxnLst/>
            <a:rect l="l" t="t" r="r" b="b"/>
            <a:pathLst>
              <a:path w="1493520" h="487679">
                <a:moveTo>
                  <a:pt x="1491996" y="0"/>
                </a:moveTo>
                <a:lnTo>
                  <a:pt x="1524" y="0"/>
                </a:lnTo>
                <a:lnTo>
                  <a:pt x="0" y="3048"/>
                </a:lnTo>
                <a:lnTo>
                  <a:pt x="0" y="484632"/>
                </a:lnTo>
                <a:lnTo>
                  <a:pt x="1524" y="487679"/>
                </a:lnTo>
                <a:lnTo>
                  <a:pt x="1491996" y="487679"/>
                </a:lnTo>
                <a:lnTo>
                  <a:pt x="1493520" y="484632"/>
                </a:lnTo>
                <a:lnTo>
                  <a:pt x="1493520" y="481584"/>
                </a:lnTo>
                <a:lnTo>
                  <a:pt x="10668" y="481584"/>
                </a:lnTo>
                <a:lnTo>
                  <a:pt x="4572" y="477012"/>
                </a:lnTo>
                <a:lnTo>
                  <a:pt x="10668" y="477012"/>
                </a:lnTo>
                <a:lnTo>
                  <a:pt x="10668" y="10667"/>
                </a:lnTo>
                <a:lnTo>
                  <a:pt x="4572" y="10667"/>
                </a:lnTo>
                <a:lnTo>
                  <a:pt x="10668" y="6096"/>
                </a:lnTo>
                <a:lnTo>
                  <a:pt x="1493520" y="6096"/>
                </a:lnTo>
                <a:lnTo>
                  <a:pt x="1493520" y="3048"/>
                </a:lnTo>
                <a:lnTo>
                  <a:pt x="1491996" y="0"/>
                </a:lnTo>
                <a:close/>
              </a:path>
              <a:path w="1493520" h="487679">
                <a:moveTo>
                  <a:pt x="10668" y="477012"/>
                </a:moveTo>
                <a:lnTo>
                  <a:pt x="4572" y="477012"/>
                </a:lnTo>
                <a:lnTo>
                  <a:pt x="10668" y="481584"/>
                </a:lnTo>
                <a:lnTo>
                  <a:pt x="10668" y="477012"/>
                </a:lnTo>
                <a:close/>
              </a:path>
              <a:path w="1493520" h="487679">
                <a:moveTo>
                  <a:pt x="1482852" y="477012"/>
                </a:moveTo>
                <a:lnTo>
                  <a:pt x="10668" y="477012"/>
                </a:lnTo>
                <a:lnTo>
                  <a:pt x="10668" y="481584"/>
                </a:lnTo>
                <a:lnTo>
                  <a:pt x="1482852" y="481584"/>
                </a:lnTo>
                <a:lnTo>
                  <a:pt x="1482852" y="477012"/>
                </a:lnTo>
                <a:close/>
              </a:path>
              <a:path w="1493520" h="487679">
                <a:moveTo>
                  <a:pt x="1482852" y="6096"/>
                </a:moveTo>
                <a:lnTo>
                  <a:pt x="1482852" y="481584"/>
                </a:lnTo>
                <a:lnTo>
                  <a:pt x="1488948" y="477012"/>
                </a:lnTo>
                <a:lnTo>
                  <a:pt x="1493520" y="477012"/>
                </a:lnTo>
                <a:lnTo>
                  <a:pt x="1493520" y="10667"/>
                </a:lnTo>
                <a:lnTo>
                  <a:pt x="1488948" y="10667"/>
                </a:lnTo>
                <a:lnTo>
                  <a:pt x="1482852" y="6096"/>
                </a:lnTo>
                <a:close/>
              </a:path>
              <a:path w="1493520" h="487679">
                <a:moveTo>
                  <a:pt x="1493520" y="477012"/>
                </a:moveTo>
                <a:lnTo>
                  <a:pt x="1488948" y="477012"/>
                </a:lnTo>
                <a:lnTo>
                  <a:pt x="1482852" y="481584"/>
                </a:lnTo>
                <a:lnTo>
                  <a:pt x="1493520" y="481584"/>
                </a:lnTo>
                <a:lnTo>
                  <a:pt x="1493520" y="477012"/>
                </a:lnTo>
                <a:close/>
              </a:path>
              <a:path w="1493520" h="487679">
                <a:moveTo>
                  <a:pt x="10668" y="6096"/>
                </a:moveTo>
                <a:lnTo>
                  <a:pt x="4572" y="10667"/>
                </a:lnTo>
                <a:lnTo>
                  <a:pt x="10668" y="10667"/>
                </a:lnTo>
                <a:lnTo>
                  <a:pt x="10668" y="6096"/>
                </a:lnTo>
                <a:close/>
              </a:path>
              <a:path w="1493520" h="487679">
                <a:moveTo>
                  <a:pt x="1482852" y="6096"/>
                </a:moveTo>
                <a:lnTo>
                  <a:pt x="10668" y="6096"/>
                </a:lnTo>
                <a:lnTo>
                  <a:pt x="10668" y="10667"/>
                </a:lnTo>
                <a:lnTo>
                  <a:pt x="1482852" y="10667"/>
                </a:lnTo>
                <a:lnTo>
                  <a:pt x="1482852" y="6096"/>
                </a:lnTo>
                <a:close/>
              </a:path>
              <a:path w="1493520" h="487679">
                <a:moveTo>
                  <a:pt x="1493520" y="6096"/>
                </a:moveTo>
                <a:lnTo>
                  <a:pt x="1482852" y="6096"/>
                </a:lnTo>
                <a:lnTo>
                  <a:pt x="1488948" y="10667"/>
                </a:lnTo>
                <a:lnTo>
                  <a:pt x="1493520" y="10667"/>
                </a:lnTo>
                <a:lnTo>
                  <a:pt x="1493520"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78" name="object 18">
            <a:extLst>
              <a:ext uri="{FF2B5EF4-FFF2-40B4-BE49-F238E27FC236}">
                <a16:creationId xmlns:a16="http://schemas.microsoft.com/office/drawing/2014/main" id="{00000000-0008-0000-0600-00004E000000}"/>
              </a:ext>
            </a:extLst>
          </xdr:cNvPr>
          <xdr:cNvSpPr txBox="1"/>
        </xdr:nvSpPr>
        <xdr:spPr>
          <a:xfrm>
            <a:off x="5054122" y="7311135"/>
            <a:ext cx="790433" cy="152986"/>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二次下請</a:t>
            </a:r>
            <a:r>
              <a:rPr lang="en-US" altLang="ja-JP" sz="800" spc="15">
                <a:solidFill>
                  <a:schemeClr val="tx1"/>
                </a:solidFill>
                <a:latin typeface="ＭＳ Ｐゴシック"/>
                <a:cs typeface="ＭＳ Ｐゴシック"/>
              </a:rPr>
              <a:t>H</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79" name="object 18">
            <a:extLst>
              <a:ext uri="{FF2B5EF4-FFF2-40B4-BE49-F238E27FC236}">
                <a16:creationId xmlns:a16="http://schemas.microsoft.com/office/drawing/2014/main" id="{00000000-0008-0000-0600-00004F000000}"/>
              </a:ext>
            </a:extLst>
          </xdr:cNvPr>
          <xdr:cNvSpPr txBox="1"/>
        </xdr:nvSpPr>
        <xdr:spPr>
          <a:xfrm>
            <a:off x="4901931" y="7487905"/>
            <a:ext cx="1084343" cy="150966"/>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sp macro="" textlink="">
        <xdr:nvSpPr>
          <xdr:cNvPr id="80" name="object 20">
            <a:extLst>
              <a:ext uri="{FF2B5EF4-FFF2-40B4-BE49-F238E27FC236}">
                <a16:creationId xmlns:a16="http://schemas.microsoft.com/office/drawing/2014/main" id="{00000000-0008-0000-0600-000050000000}"/>
              </a:ext>
            </a:extLst>
          </xdr:cNvPr>
          <xdr:cNvSpPr/>
        </xdr:nvSpPr>
        <xdr:spPr>
          <a:xfrm>
            <a:off x="3498576" y="7298638"/>
            <a:ext cx="1146692" cy="373357"/>
          </a:xfrm>
          <a:custGeom>
            <a:avLst/>
            <a:gdLst/>
            <a:ahLst/>
            <a:cxnLst/>
            <a:rect l="l" t="t" r="r" b="b"/>
            <a:pathLst>
              <a:path w="1493520" h="487679">
                <a:moveTo>
                  <a:pt x="1491996" y="0"/>
                </a:moveTo>
                <a:lnTo>
                  <a:pt x="1524" y="0"/>
                </a:lnTo>
                <a:lnTo>
                  <a:pt x="0" y="3048"/>
                </a:lnTo>
                <a:lnTo>
                  <a:pt x="0" y="484632"/>
                </a:lnTo>
                <a:lnTo>
                  <a:pt x="1524" y="487679"/>
                </a:lnTo>
                <a:lnTo>
                  <a:pt x="1491996" y="487679"/>
                </a:lnTo>
                <a:lnTo>
                  <a:pt x="1493520" y="484632"/>
                </a:lnTo>
                <a:lnTo>
                  <a:pt x="1493520" y="481584"/>
                </a:lnTo>
                <a:lnTo>
                  <a:pt x="10668" y="481584"/>
                </a:lnTo>
                <a:lnTo>
                  <a:pt x="4572" y="477012"/>
                </a:lnTo>
                <a:lnTo>
                  <a:pt x="10668" y="477012"/>
                </a:lnTo>
                <a:lnTo>
                  <a:pt x="10668" y="10667"/>
                </a:lnTo>
                <a:lnTo>
                  <a:pt x="4572" y="10667"/>
                </a:lnTo>
                <a:lnTo>
                  <a:pt x="10668" y="6096"/>
                </a:lnTo>
                <a:lnTo>
                  <a:pt x="1493520" y="6096"/>
                </a:lnTo>
                <a:lnTo>
                  <a:pt x="1493520" y="3048"/>
                </a:lnTo>
                <a:lnTo>
                  <a:pt x="1491996" y="0"/>
                </a:lnTo>
                <a:close/>
              </a:path>
              <a:path w="1493520" h="487679">
                <a:moveTo>
                  <a:pt x="10668" y="477012"/>
                </a:moveTo>
                <a:lnTo>
                  <a:pt x="4572" y="477012"/>
                </a:lnTo>
                <a:lnTo>
                  <a:pt x="10668" y="481584"/>
                </a:lnTo>
                <a:lnTo>
                  <a:pt x="10668" y="477012"/>
                </a:lnTo>
                <a:close/>
              </a:path>
              <a:path w="1493520" h="487679">
                <a:moveTo>
                  <a:pt x="1482852" y="477012"/>
                </a:moveTo>
                <a:lnTo>
                  <a:pt x="10668" y="477012"/>
                </a:lnTo>
                <a:lnTo>
                  <a:pt x="10668" y="481584"/>
                </a:lnTo>
                <a:lnTo>
                  <a:pt x="1482852" y="481584"/>
                </a:lnTo>
                <a:lnTo>
                  <a:pt x="1482852" y="477012"/>
                </a:lnTo>
                <a:close/>
              </a:path>
              <a:path w="1493520" h="487679">
                <a:moveTo>
                  <a:pt x="1482852" y="6096"/>
                </a:moveTo>
                <a:lnTo>
                  <a:pt x="1482852" y="481584"/>
                </a:lnTo>
                <a:lnTo>
                  <a:pt x="1488948" y="477012"/>
                </a:lnTo>
                <a:lnTo>
                  <a:pt x="1493520" y="477012"/>
                </a:lnTo>
                <a:lnTo>
                  <a:pt x="1493520" y="10667"/>
                </a:lnTo>
                <a:lnTo>
                  <a:pt x="1488948" y="10667"/>
                </a:lnTo>
                <a:lnTo>
                  <a:pt x="1482852" y="6096"/>
                </a:lnTo>
                <a:close/>
              </a:path>
              <a:path w="1493520" h="487679">
                <a:moveTo>
                  <a:pt x="1493520" y="477012"/>
                </a:moveTo>
                <a:lnTo>
                  <a:pt x="1488948" y="477012"/>
                </a:lnTo>
                <a:lnTo>
                  <a:pt x="1482852" y="481584"/>
                </a:lnTo>
                <a:lnTo>
                  <a:pt x="1493520" y="481584"/>
                </a:lnTo>
                <a:lnTo>
                  <a:pt x="1493520" y="477012"/>
                </a:lnTo>
                <a:close/>
              </a:path>
              <a:path w="1493520" h="487679">
                <a:moveTo>
                  <a:pt x="10668" y="6096"/>
                </a:moveTo>
                <a:lnTo>
                  <a:pt x="4572" y="10667"/>
                </a:lnTo>
                <a:lnTo>
                  <a:pt x="10668" y="10667"/>
                </a:lnTo>
                <a:lnTo>
                  <a:pt x="10668" y="6096"/>
                </a:lnTo>
                <a:close/>
              </a:path>
              <a:path w="1493520" h="487679">
                <a:moveTo>
                  <a:pt x="1482852" y="6096"/>
                </a:moveTo>
                <a:lnTo>
                  <a:pt x="10668" y="6096"/>
                </a:lnTo>
                <a:lnTo>
                  <a:pt x="10668" y="10667"/>
                </a:lnTo>
                <a:lnTo>
                  <a:pt x="1482852" y="10667"/>
                </a:lnTo>
                <a:lnTo>
                  <a:pt x="1482852" y="6096"/>
                </a:lnTo>
                <a:close/>
              </a:path>
              <a:path w="1493520" h="487679">
                <a:moveTo>
                  <a:pt x="1493520" y="6096"/>
                </a:moveTo>
                <a:lnTo>
                  <a:pt x="1482852" y="6096"/>
                </a:lnTo>
                <a:lnTo>
                  <a:pt x="1488948" y="10667"/>
                </a:lnTo>
                <a:lnTo>
                  <a:pt x="1493520" y="10667"/>
                </a:lnTo>
                <a:lnTo>
                  <a:pt x="1493520" y="6096"/>
                </a:lnTo>
                <a:close/>
              </a:path>
            </a:pathLst>
          </a:custGeom>
          <a:solidFill>
            <a:srgbClr val="000000"/>
          </a:solidFill>
          <a:ln w="3175">
            <a:solidFill>
              <a:schemeClr val="tx1"/>
            </a:solidFill>
            <a:prstDash val="solid"/>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81" name="object 18">
            <a:extLst>
              <a:ext uri="{FF2B5EF4-FFF2-40B4-BE49-F238E27FC236}">
                <a16:creationId xmlns:a16="http://schemas.microsoft.com/office/drawing/2014/main" id="{00000000-0008-0000-0600-000051000000}"/>
              </a:ext>
            </a:extLst>
          </xdr:cNvPr>
          <xdr:cNvSpPr txBox="1"/>
        </xdr:nvSpPr>
        <xdr:spPr>
          <a:xfrm>
            <a:off x="3675034" y="7315937"/>
            <a:ext cx="791443" cy="150967"/>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二次下請</a:t>
            </a:r>
            <a:r>
              <a:rPr lang="en-US" altLang="ja-JP" sz="800" spc="15">
                <a:solidFill>
                  <a:schemeClr val="tx1"/>
                </a:solidFill>
                <a:latin typeface="ＭＳ Ｐゴシック"/>
                <a:cs typeface="ＭＳ Ｐゴシック"/>
              </a:rPr>
              <a:t>G</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82" name="object 18">
            <a:extLst>
              <a:ext uri="{FF2B5EF4-FFF2-40B4-BE49-F238E27FC236}">
                <a16:creationId xmlns:a16="http://schemas.microsoft.com/office/drawing/2014/main" id="{00000000-0008-0000-0600-000052000000}"/>
              </a:ext>
            </a:extLst>
          </xdr:cNvPr>
          <xdr:cNvSpPr txBox="1"/>
        </xdr:nvSpPr>
        <xdr:spPr>
          <a:xfrm>
            <a:off x="3531447" y="7484098"/>
            <a:ext cx="1084342" cy="150966"/>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sp macro="" textlink="">
        <xdr:nvSpPr>
          <xdr:cNvPr id="83" name="object 20">
            <a:extLst>
              <a:ext uri="{FF2B5EF4-FFF2-40B4-BE49-F238E27FC236}">
                <a16:creationId xmlns:a16="http://schemas.microsoft.com/office/drawing/2014/main" id="{00000000-0008-0000-0600-000053000000}"/>
              </a:ext>
            </a:extLst>
          </xdr:cNvPr>
          <xdr:cNvSpPr/>
        </xdr:nvSpPr>
        <xdr:spPr>
          <a:xfrm>
            <a:off x="2084759" y="7298388"/>
            <a:ext cx="1146288" cy="371338"/>
          </a:xfrm>
          <a:custGeom>
            <a:avLst/>
            <a:gdLst/>
            <a:ahLst/>
            <a:cxnLst/>
            <a:rect l="l" t="t" r="r" b="b"/>
            <a:pathLst>
              <a:path w="1493520" h="487679">
                <a:moveTo>
                  <a:pt x="1491996" y="0"/>
                </a:moveTo>
                <a:lnTo>
                  <a:pt x="1524" y="0"/>
                </a:lnTo>
                <a:lnTo>
                  <a:pt x="0" y="3048"/>
                </a:lnTo>
                <a:lnTo>
                  <a:pt x="0" y="484632"/>
                </a:lnTo>
                <a:lnTo>
                  <a:pt x="1524" y="487679"/>
                </a:lnTo>
                <a:lnTo>
                  <a:pt x="1491996" y="487679"/>
                </a:lnTo>
                <a:lnTo>
                  <a:pt x="1493520" y="484632"/>
                </a:lnTo>
                <a:lnTo>
                  <a:pt x="1493520" y="481584"/>
                </a:lnTo>
                <a:lnTo>
                  <a:pt x="10668" y="481584"/>
                </a:lnTo>
                <a:lnTo>
                  <a:pt x="4572" y="477012"/>
                </a:lnTo>
                <a:lnTo>
                  <a:pt x="10668" y="477012"/>
                </a:lnTo>
                <a:lnTo>
                  <a:pt x="10668" y="10667"/>
                </a:lnTo>
                <a:lnTo>
                  <a:pt x="4572" y="10667"/>
                </a:lnTo>
                <a:lnTo>
                  <a:pt x="10668" y="6096"/>
                </a:lnTo>
                <a:lnTo>
                  <a:pt x="1493520" y="6096"/>
                </a:lnTo>
                <a:lnTo>
                  <a:pt x="1493520" y="3048"/>
                </a:lnTo>
                <a:lnTo>
                  <a:pt x="1491996" y="0"/>
                </a:lnTo>
                <a:close/>
              </a:path>
              <a:path w="1493520" h="487679">
                <a:moveTo>
                  <a:pt x="10668" y="477012"/>
                </a:moveTo>
                <a:lnTo>
                  <a:pt x="4572" y="477012"/>
                </a:lnTo>
                <a:lnTo>
                  <a:pt x="10668" y="481584"/>
                </a:lnTo>
                <a:lnTo>
                  <a:pt x="10668" y="477012"/>
                </a:lnTo>
                <a:close/>
              </a:path>
              <a:path w="1493520" h="487679">
                <a:moveTo>
                  <a:pt x="1482852" y="477012"/>
                </a:moveTo>
                <a:lnTo>
                  <a:pt x="10668" y="477012"/>
                </a:lnTo>
                <a:lnTo>
                  <a:pt x="10668" y="481584"/>
                </a:lnTo>
                <a:lnTo>
                  <a:pt x="1482852" y="481584"/>
                </a:lnTo>
                <a:lnTo>
                  <a:pt x="1482852" y="477012"/>
                </a:lnTo>
                <a:close/>
              </a:path>
              <a:path w="1493520" h="487679">
                <a:moveTo>
                  <a:pt x="1482852" y="6096"/>
                </a:moveTo>
                <a:lnTo>
                  <a:pt x="1482852" y="481584"/>
                </a:lnTo>
                <a:lnTo>
                  <a:pt x="1488948" y="477012"/>
                </a:lnTo>
                <a:lnTo>
                  <a:pt x="1493520" y="477012"/>
                </a:lnTo>
                <a:lnTo>
                  <a:pt x="1493520" y="10667"/>
                </a:lnTo>
                <a:lnTo>
                  <a:pt x="1488948" y="10667"/>
                </a:lnTo>
                <a:lnTo>
                  <a:pt x="1482852" y="6096"/>
                </a:lnTo>
                <a:close/>
              </a:path>
              <a:path w="1493520" h="487679">
                <a:moveTo>
                  <a:pt x="1493520" y="477012"/>
                </a:moveTo>
                <a:lnTo>
                  <a:pt x="1488948" y="477012"/>
                </a:lnTo>
                <a:lnTo>
                  <a:pt x="1482852" y="481584"/>
                </a:lnTo>
                <a:lnTo>
                  <a:pt x="1493520" y="481584"/>
                </a:lnTo>
                <a:lnTo>
                  <a:pt x="1493520" y="477012"/>
                </a:lnTo>
                <a:close/>
              </a:path>
              <a:path w="1493520" h="487679">
                <a:moveTo>
                  <a:pt x="10668" y="6096"/>
                </a:moveTo>
                <a:lnTo>
                  <a:pt x="4572" y="10667"/>
                </a:lnTo>
                <a:lnTo>
                  <a:pt x="10668" y="10667"/>
                </a:lnTo>
                <a:lnTo>
                  <a:pt x="10668" y="6096"/>
                </a:lnTo>
                <a:close/>
              </a:path>
              <a:path w="1493520" h="487679">
                <a:moveTo>
                  <a:pt x="1482852" y="6096"/>
                </a:moveTo>
                <a:lnTo>
                  <a:pt x="10668" y="6096"/>
                </a:lnTo>
                <a:lnTo>
                  <a:pt x="10668" y="10667"/>
                </a:lnTo>
                <a:lnTo>
                  <a:pt x="1482852" y="10667"/>
                </a:lnTo>
                <a:lnTo>
                  <a:pt x="1482852" y="6096"/>
                </a:lnTo>
                <a:close/>
              </a:path>
              <a:path w="1493520" h="487679">
                <a:moveTo>
                  <a:pt x="1493520" y="6096"/>
                </a:moveTo>
                <a:lnTo>
                  <a:pt x="1482852" y="6096"/>
                </a:lnTo>
                <a:lnTo>
                  <a:pt x="1488948" y="10667"/>
                </a:lnTo>
                <a:lnTo>
                  <a:pt x="1493520" y="10667"/>
                </a:lnTo>
                <a:lnTo>
                  <a:pt x="1493520" y="6096"/>
                </a:lnTo>
                <a:close/>
              </a:path>
            </a:pathLst>
          </a:custGeom>
          <a:solidFill>
            <a:srgbClr val="000000"/>
          </a:solidFill>
          <a:ln w="3175">
            <a:solidFill>
              <a:schemeClr val="tx1"/>
            </a:solidFill>
            <a:prstDash val="solid"/>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84" name="object 18">
            <a:extLst>
              <a:ext uri="{FF2B5EF4-FFF2-40B4-BE49-F238E27FC236}">
                <a16:creationId xmlns:a16="http://schemas.microsoft.com/office/drawing/2014/main" id="{00000000-0008-0000-0600-000054000000}"/>
              </a:ext>
            </a:extLst>
          </xdr:cNvPr>
          <xdr:cNvSpPr txBox="1"/>
        </xdr:nvSpPr>
        <xdr:spPr>
          <a:xfrm>
            <a:off x="2246366" y="7306461"/>
            <a:ext cx="790433" cy="150967"/>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二次下請</a:t>
            </a:r>
            <a:r>
              <a:rPr lang="en-US" altLang="ja-JP" sz="800" spc="15">
                <a:solidFill>
                  <a:schemeClr val="tx1"/>
                </a:solidFill>
                <a:latin typeface="ＭＳ Ｐゴシック"/>
                <a:cs typeface="ＭＳ Ｐゴシック"/>
              </a:rPr>
              <a:t>F</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85" name="object 18">
            <a:extLst>
              <a:ext uri="{FF2B5EF4-FFF2-40B4-BE49-F238E27FC236}">
                <a16:creationId xmlns:a16="http://schemas.microsoft.com/office/drawing/2014/main" id="{00000000-0008-0000-0600-000055000000}"/>
              </a:ext>
            </a:extLst>
          </xdr:cNvPr>
          <xdr:cNvSpPr txBox="1"/>
        </xdr:nvSpPr>
        <xdr:spPr>
          <a:xfrm>
            <a:off x="2117630" y="7481829"/>
            <a:ext cx="1083938" cy="150966"/>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sp macro="" textlink="">
        <xdr:nvSpPr>
          <xdr:cNvPr id="86" name="object 20">
            <a:extLst>
              <a:ext uri="{FF2B5EF4-FFF2-40B4-BE49-F238E27FC236}">
                <a16:creationId xmlns:a16="http://schemas.microsoft.com/office/drawing/2014/main" id="{00000000-0008-0000-0600-000056000000}"/>
              </a:ext>
            </a:extLst>
          </xdr:cNvPr>
          <xdr:cNvSpPr/>
        </xdr:nvSpPr>
        <xdr:spPr>
          <a:xfrm>
            <a:off x="785639" y="7296122"/>
            <a:ext cx="1149520" cy="371338"/>
          </a:xfrm>
          <a:custGeom>
            <a:avLst/>
            <a:gdLst/>
            <a:ahLst/>
            <a:cxnLst/>
            <a:rect l="l" t="t" r="r" b="b"/>
            <a:pathLst>
              <a:path w="1493520" h="487679">
                <a:moveTo>
                  <a:pt x="1491996" y="0"/>
                </a:moveTo>
                <a:lnTo>
                  <a:pt x="1524" y="0"/>
                </a:lnTo>
                <a:lnTo>
                  <a:pt x="0" y="3048"/>
                </a:lnTo>
                <a:lnTo>
                  <a:pt x="0" y="484632"/>
                </a:lnTo>
                <a:lnTo>
                  <a:pt x="1524" y="487679"/>
                </a:lnTo>
                <a:lnTo>
                  <a:pt x="1491996" y="487679"/>
                </a:lnTo>
                <a:lnTo>
                  <a:pt x="1493520" y="484632"/>
                </a:lnTo>
                <a:lnTo>
                  <a:pt x="1493520" y="481584"/>
                </a:lnTo>
                <a:lnTo>
                  <a:pt x="10668" y="481584"/>
                </a:lnTo>
                <a:lnTo>
                  <a:pt x="4572" y="477012"/>
                </a:lnTo>
                <a:lnTo>
                  <a:pt x="10668" y="477012"/>
                </a:lnTo>
                <a:lnTo>
                  <a:pt x="10668" y="10667"/>
                </a:lnTo>
                <a:lnTo>
                  <a:pt x="4572" y="10667"/>
                </a:lnTo>
                <a:lnTo>
                  <a:pt x="10668" y="6096"/>
                </a:lnTo>
                <a:lnTo>
                  <a:pt x="1493520" y="6096"/>
                </a:lnTo>
                <a:lnTo>
                  <a:pt x="1493520" y="3048"/>
                </a:lnTo>
                <a:lnTo>
                  <a:pt x="1491996" y="0"/>
                </a:lnTo>
                <a:close/>
              </a:path>
              <a:path w="1493520" h="487679">
                <a:moveTo>
                  <a:pt x="10668" y="477012"/>
                </a:moveTo>
                <a:lnTo>
                  <a:pt x="4572" y="477012"/>
                </a:lnTo>
                <a:lnTo>
                  <a:pt x="10668" y="481584"/>
                </a:lnTo>
                <a:lnTo>
                  <a:pt x="10668" y="477012"/>
                </a:lnTo>
                <a:close/>
              </a:path>
              <a:path w="1493520" h="487679">
                <a:moveTo>
                  <a:pt x="1482852" y="477012"/>
                </a:moveTo>
                <a:lnTo>
                  <a:pt x="10668" y="477012"/>
                </a:lnTo>
                <a:lnTo>
                  <a:pt x="10668" y="481584"/>
                </a:lnTo>
                <a:lnTo>
                  <a:pt x="1482852" y="481584"/>
                </a:lnTo>
                <a:lnTo>
                  <a:pt x="1482852" y="477012"/>
                </a:lnTo>
                <a:close/>
              </a:path>
              <a:path w="1493520" h="487679">
                <a:moveTo>
                  <a:pt x="1482852" y="6096"/>
                </a:moveTo>
                <a:lnTo>
                  <a:pt x="1482852" y="481584"/>
                </a:lnTo>
                <a:lnTo>
                  <a:pt x="1488948" y="477012"/>
                </a:lnTo>
                <a:lnTo>
                  <a:pt x="1493520" y="477012"/>
                </a:lnTo>
                <a:lnTo>
                  <a:pt x="1493520" y="10667"/>
                </a:lnTo>
                <a:lnTo>
                  <a:pt x="1488948" y="10667"/>
                </a:lnTo>
                <a:lnTo>
                  <a:pt x="1482852" y="6096"/>
                </a:lnTo>
                <a:close/>
              </a:path>
              <a:path w="1493520" h="487679">
                <a:moveTo>
                  <a:pt x="1493520" y="477012"/>
                </a:moveTo>
                <a:lnTo>
                  <a:pt x="1488948" y="477012"/>
                </a:lnTo>
                <a:lnTo>
                  <a:pt x="1482852" y="481584"/>
                </a:lnTo>
                <a:lnTo>
                  <a:pt x="1493520" y="481584"/>
                </a:lnTo>
                <a:lnTo>
                  <a:pt x="1493520" y="477012"/>
                </a:lnTo>
                <a:close/>
              </a:path>
              <a:path w="1493520" h="487679">
                <a:moveTo>
                  <a:pt x="10668" y="6096"/>
                </a:moveTo>
                <a:lnTo>
                  <a:pt x="4572" y="10667"/>
                </a:lnTo>
                <a:lnTo>
                  <a:pt x="10668" y="10667"/>
                </a:lnTo>
                <a:lnTo>
                  <a:pt x="10668" y="6096"/>
                </a:lnTo>
                <a:close/>
              </a:path>
              <a:path w="1493520" h="487679">
                <a:moveTo>
                  <a:pt x="1482852" y="6096"/>
                </a:moveTo>
                <a:lnTo>
                  <a:pt x="10668" y="6096"/>
                </a:lnTo>
                <a:lnTo>
                  <a:pt x="10668" y="10667"/>
                </a:lnTo>
                <a:lnTo>
                  <a:pt x="1482852" y="10667"/>
                </a:lnTo>
                <a:lnTo>
                  <a:pt x="1482852" y="6096"/>
                </a:lnTo>
                <a:close/>
              </a:path>
              <a:path w="1493520" h="487679">
                <a:moveTo>
                  <a:pt x="1493520" y="6096"/>
                </a:moveTo>
                <a:lnTo>
                  <a:pt x="1482852" y="6096"/>
                </a:lnTo>
                <a:lnTo>
                  <a:pt x="1488948" y="10667"/>
                </a:lnTo>
                <a:lnTo>
                  <a:pt x="1493520" y="10667"/>
                </a:lnTo>
                <a:lnTo>
                  <a:pt x="1493520" y="6096"/>
                </a:lnTo>
                <a:close/>
              </a:path>
            </a:pathLst>
          </a:custGeom>
          <a:solidFill>
            <a:srgbClr val="000000"/>
          </a:solidFill>
          <a:ln w="3175">
            <a:solidFill>
              <a:schemeClr val="tx1"/>
            </a:solidFill>
            <a:prstDash val="solid"/>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87" name="object 18">
            <a:extLst>
              <a:ext uri="{FF2B5EF4-FFF2-40B4-BE49-F238E27FC236}">
                <a16:creationId xmlns:a16="http://schemas.microsoft.com/office/drawing/2014/main" id="{00000000-0008-0000-0600-000057000000}"/>
              </a:ext>
            </a:extLst>
          </xdr:cNvPr>
          <xdr:cNvSpPr txBox="1"/>
        </xdr:nvSpPr>
        <xdr:spPr>
          <a:xfrm>
            <a:off x="875692" y="7298214"/>
            <a:ext cx="794271" cy="150967"/>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二次下請</a:t>
            </a:r>
            <a:r>
              <a:rPr lang="en-US" altLang="ja-JP" sz="800" spc="15">
                <a:solidFill>
                  <a:schemeClr val="tx1"/>
                </a:solidFill>
                <a:latin typeface="ＭＳ Ｐゴシック"/>
                <a:cs typeface="ＭＳ Ｐゴシック"/>
              </a:rPr>
              <a:t>E</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88" name="object 18">
            <a:extLst>
              <a:ext uri="{FF2B5EF4-FFF2-40B4-BE49-F238E27FC236}">
                <a16:creationId xmlns:a16="http://schemas.microsoft.com/office/drawing/2014/main" id="{00000000-0008-0000-0600-000058000000}"/>
              </a:ext>
            </a:extLst>
          </xdr:cNvPr>
          <xdr:cNvSpPr txBox="1"/>
        </xdr:nvSpPr>
        <xdr:spPr>
          <a:xfrm>
            <a:off x="818510" y="7479563"/>
            <a:ext cx="1087170" cy="150966"/>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cxnSp macro="">
        <xdr:nvCxnSpPr>
          <xdr:cNvPr id="11" name="直線コネクタ 10">
            <a:extLst>
              <a:ext uri="{FF2B5EF4-FFF2-40B4-BE49-F238E27FC236}">
                <a16:creationId xmlns:a16="http://schemas.microsoft.com/office/drawing/2014/main" id="{00000000-0008-0000-0600-00000B000000}"/>
              </a:ext>
            </a:extLst>
          </xdr:cNvPr>
          <xdr:cNvCxnSpPr/>
        </xdr:nvCxnSpPr>
        <xdr:spPr>
          <a:xfrm flipH="1" flipV="1">
            <a:off x="632429" y="7139767"/>
            <a:ext cx="2712843" cy="595383"/>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flipH="1">
            <a:off x="642834" y="7128498"/>
            <a:ext cx="2709763" cy="606653"/>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nvGrpSpPr>
          <xdr:cNvPr id="17" name="グループ化 16">
            <a:extLst>
              <a:ext uri="{FF2B5EF4-FFF2-40B4-BE49-F238E27FC236}">
                <a16:creationId xmlns:a16="http://schemas.microsoft.com/office/drawing/2014/main" id="{00000000-0008-0000-0600-000011000000}"/>
              </a:ext>
            </a:extLst>
          </xdr:cNvPr>
          <xdr:cNvGrpSpPr/>
        </xdr:nvGrpSpPr>
        <xdr:grpSpPr>
          <a:xfrm>
            <a:off x="6414259" y="7098403"/>
            <a:ext cx="1144949" cy="571070"/>
            <a:chOff x="6538716" y="7434513"/>
            <a:chExt cx="1144949" cy="559335"/>
          </a:xfrm>
        </xdr:grpSpPr>
        <xdr:sp macro="" textlink="">
          <xdr:nvSpPr>
            <xdr:cNvPr id="104" name="object 6">
              <a:extLst>
                <a:ext uri="{FF2B5EF4-FFF2-40B4-BE49-F238E27FC236}">
                  <a16:creationId xmlns:a16="http://schemas.microsoft.com/office/drawing/2014/main" id="{00000000-0008-0000-0600-000068000000}"/>
                </a:ext>
              </a:extLst>
            </xdr:cNvPr>
            <xdr:cNvSpPr/>
          </xdr:nvSpPr>
          <xdr:spPr>
            <a:xfrm flipH="1">
              <a:off x="7057890" y="7434513"/>
              <a:ext cx="49541" cy="203591"/>
            </a:xfrm>
            <a:custGeom>
              <a:avLst/>
              <a:gdLst/>
              <a:ahLst/>
              <a:cxnLst/>
              <a:rect l="l" t="t" r="r" b="b"/>
              <a:pathLst>
                <a:path h="608330">
                  <a:moveTo>
                    <a:pt x="0" y="0"/>
                  </a:moveTo>
                  <a:lnTo>
                    <a:pt x="0" y="608075"/>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05" name="object 20">
              <a:extLst>
                <a:ext uri="{FF2B5EF4-FFF2-40B4-BE49-F238E27FC236}">
                  <a16:creationId xmlns:a16="http://schemas.microsoft.com/office/drawing/2014/main" id="{00000000-0008-0000-0600-000069000000}"/>
                </a:ext>
              </a:extLst>
            </xdr:cNvPr>
            <xdr:cNvSpPr/>
          </xdr:nvSpPr>
          <xdr:spPr>
            <a:xfrm>
              <a:off x="6538716" y="7630953"/>
              <a:ext cx="1144949" cy="362895"/>
            </a:xfrm>
            <a:custGeom>
              <a:avLst/>
              <a:gdLst/>
              <a:ahLst/>
              <a:cxnLst/>
              <a:rect l="l" t="t" r="r" b="b"/>
              <a:pathLst>
                <a:path w="1493520" h="487679">
                  <a:moveTo>
                    <a:pt x="1491996" y="0"/>
                  </a:moveTo>
                  <a:lnTo>
                    <a:pt x="1524" y="0"/>
                  </a:lnTo>
                  <a:lnTo>
                    <a:pt x="0" y="3048"/>
                  </a:lnTo>
                  <a:lnTo>
                    <a:pt x="0" y="484632"/>
                  </a:lnTo>
                  <a:lnTo>
                    <a:pt x="1524" y="487679"/>
                  </a:lnTo>
                  <a:lnTo>
                    <a:pt x="1491996" y="487679"/>
                  </a:lnTo>
                  <a:lnTo>
                    <a:pt x="1493520" y="484632"/>
                  </a:lnTo>
                  <a:lnTo>
                    <a:pt x="1493520" y="481584"/>
                  </a:lnTo>
                  <a:lnTo>
                    <a:pt x="10668" y="481584"/>
                  </a:lnTo>
                  <a:lnTo>
                    <a:pt x="4572" y="477012"/>
                  </a:lnTo>
                  <a:lnTo>
                    <a:pt x="10668" y="477012"/>
                  </a:lnTo>
                  <a:lnTo>
                    <a:pt x="10668" y="10667"/>
                  </a:lnTo>
                  <a:lnTo>
                    <a:pt x="4572" y="10667"/>
                  </a:lnTo>
                  <a:lnTo>
                    <a:pt x="10668" y="6096"/>
                  </a:lnTo>
                  <a:lnTo>
                    <a:pt x="1493520" y="6096"/>
                  </a:lnTo>
                  <a:lnTo>
                    <a:pt x="1493520" y="3048"/>
                  </a:lnTo>
                  <a:lnTo>
                    <a:pt x="1491996" y="0"/>
                  </a:lnTo>
                  <a:close/>
                </a:path>
                <a:path w="1493520" h="487679">
                  <a:moveTo>
                    <a:pt x="10668" y="477012"/>
                  </a:moveTo>
                  <a:lnTo>
                    <a:pt x="4572" y="477012"/>
                  </a:lnTo>
                  <a:lnTo>
                    <a:pt x="10668" y="481584"/>
                  </a:lnTo>
                  <a:lnTo>
                    <a:pt x="10668" y="477012"/>
                  </a:lnTo>
                  <a:close/>
                </a:path>
                <a:path w="1493520" h="487679">
                  <a:moveTo>
                    <a:pt x="1482852" y="477012"/>
                  </a:moveTo>
                  <a:lnTo>
                    <a:pt x="10668" y="477012"/>
                  </a:lnTo>
                  <a:lnTo>
                    <a:pt x="10668" y="481584"/>
                  </a:lnTo>
                  <a:lnTo>
                    <a:pt x="1482852" y="481584"/>
                  </a:lnTo>
                  <a:lnTo>
                    <a:pt x="1482852" y="477012"/>
                  </a:lnTo>
                  <a:close/>
                </a:path>
                <a:path w="1493520" h="487679">
                  <a:moveTo>
                    <a:pt x="1482852" y="6096"/>
                  </a:moveTo>
                  <a:lnTo>
                    <a:pt x="1482852" y="481584"/>
                  </a:lnTo>
                  <a:lnTo>
                    <a:pt x="1488948" y="477012"/>
                  </a:lnTo>
                  <a:lnTo>
                    <a:pt x="1493520" y="477012"/>
                  </a:lnTo>
                  <a:lnTo>
                    <a:pt x="1493520" y="10667"/>
                  </a:lnTo>
                  <a:lnTo>
                    <a:pt x="1488948" y="10667"/>
                  </a:lnTo>
                  <a:lnTo>
                    <a:pt x="1482852" y="6096"/>
                  </a:lnTo>
                  <a:close/>
                </a:path>
                <a:path w="1493520" h="487679">
                  <a:moveTo>
                    <a:pt x="1493520" y="477012"/>
                  </a:moveTo>
                  <a:lnTo>
                    <a:pt x="1488948" y="477012"/>
                  </a:lnTo>
                  <a:lnTo>
                    <a:pt x="1482852" y="481584"/>
                  </a:lnTo>
                  <a:lnTo>
                    <a:pt x="1493520" y="481584"/>
                  </a:lnTo>
                  <a:lnTo>
                    <a:pt x="1493520" y="477012"/>
                  </a:lnTo>
                  <a:close/>
                </a:path>
                <a:path w="1493520" h="487679">
                  <a:moveTo>
                    <a:pt x="10668" y="6096"/>
                  </a:moveTo>
                  <a:lnTo>
                    <a:pt x="4572" y="10667"/>
                  </a:lnTo>
                  <a:lnTo>
                    <a:pt x="10668" y="10667"/>
                  </a:lnTo>
                  <a:lnTo>
                    <a:pt x="10668" y="6096"/>
                  </a:lnTo>
                  <a:close/>
                </a:path>
                <a:path w="1493520" h="487679">
                  <a:moveTo>
                    <a:pt x="1482852" y="6096"/>
                  </a:moveTo>
                  <a:lnTo>
                    <a:pt x="10668" y="6096"/>
                  </a:lnTo>
                  <a:lnTo>
                    <a:pt x="10668" y="10667"/>
                  </a:lnTo>
                  <a:lnTo>
                    <a:pt x="1482852" y="10667"/>
                  </a:lnTo>
                  <a:lnTo>
                    <a:pt x="1482852" y="6096"/>
                  </a:lnTo>
                  <a:close/>
                </a:path>
                <a:path w="1493520" h="487679">
                  <a:moveTo>
                    <a:pt x="1493520" y="6096"/>
                  </a:moveTo>
                  <a:lnTo>
                    <a:pt x="1482852" y="6096"/>
                  </a:lnTo>
                  <a:lnTo>
                    <a:pt x="1488948" y="10667"/>
                  </a:lnTo>
                  <a:lnTo>
                    <a:pt x="1493520" y="10667"/>
                  </a:lnTo>
                  <a:lnTo>
                    <a:pt x="1493520"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07" name="object 18">
              <a:extLst>
                <a:ext uri="{FF2B5EF4-FFF2-40B4-BE49-F238E27FC236}">
                  <a16:creationId xmlns:a16="http://schemas.microsoft.com/office/drawing/2014/main" id="{00000000-0008-0000-0600-00006B000000}"/>
                </a:ext>
              </a:extLst>
            </xdr:cNvPr>
            <xdr:cNvSpPr txBox="1"/>
          </xdr:nvSpPr>
          <xdr:spPr>
            <a:xfrm>
              <a:off x="6687705" y="7656479"/>
              <a:ext cx="790433" cy="149499"/>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三次下請</a:t>
              </a:r>
              <a:r>
                <a:rPr lang="en-US" altLang="ja-JP" sz="800" spc="15">
                  <a:solidFill>
                    <a:schemeClr val="tx1"/>
                  </a:solidFill>
                  <a:latin typeface="ＭＳ Ｐゴシック"/>
                  <a:cs typeface="ＭＳ Ｐゴシック"/>
                </a:rPr>
                <a:t>F</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109" name="object 18">
              <a:extLst>
                <a:ext uri="{FF2B5EF4-FFF2-40B4-BE49-F238E27FC236}">
                  <a16:creationId xmlns:a16="http://schemas.microsoft.com/office/drawing/2014/main" id="{00000000-0008-0000-0600-00006D000000}"/>
                </a:ext>
              </a:extLst>
            </xdr:cNvPr>
            <xdr:cNvSpPr txBox="1"/>
          </xdr:nvSpPr>
          <xdr:spPr>
            <a:xfrm>
              <a:off x="6565603" y="7815303"/>
              <a:ext cx="1082599" cy="150966"/>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grpSp>
      <xdr:grpSp>
        <xdr:nvGrpSpPr>
          <xdr:cNvPr id="110" name="グループ化 109">
            <a:extLst>
              <a:ext uri="{FF2B5EF4-FFF2-40B4-BE49-F238E27FC236}">
                <a16:creationId xmlns:a16="http://schemas.microsoft.com/office/drawing/2014/main" id="{00000000-0008-0000-0600-00006E000000}"/>
              </a:ext>
            </a:extLst>
          </xdr:cNvPr>
          <xdr:cNvGrpSpPr/>
        </xdr:nvGrpSpPr>
        <xdr:grpSpPr>
          <a:xfrm>
            <a:off x="7827912" y="7094424"/>
            <a:ext cx="1148218" cy="571073"/>
            <a:chOff x="6216679" y="7428654"/>
            <a:chExt cx="1144949" cy="559338"/>
          </a:xfrm>
        </xdr:grpSpPr>
        <xdr:sp macro="" textlink="">
          <xdr:nvSpPr>
            <xdr:cNvPr id="111" name="object 6">
              <a:extLst>
                <a:ext uri="{FF2B5EF4-FFF2-40B4-BE49-F238E27FC236}">
                  <a16:creationId xmlns:a16="http://schemas.microsoft.com/office/drawing/2014/main" id="{00000000-0008-0000-0600-00006F000000}"/>
                </a:ext>
              </a:extLst>
            </xdr:cNvPr>
            <xdr:cNvSpPr/>
          </xdr:nvSpPr>
          <xdr:spPr>
            <a:xfrm flipH="1">
              <a:off x="6753802" y="7428654"/>
              <a:ext cx="45792" cy="189908"/>
            </a:xfrm>
            <a:custGeom>
              <a:avLst/>
              <a:gdLst/>
              <a:ahLst/>
              <a:cxnLst/>
              <a:rect l="l" t="t" r="r" b="b"/>
              <a:pathLst>
                <a:path h="608330">
                  <a:moveTo>
                    <a:pt x="0" y="0"/>
                  </a:moveTo>
                  <a:lnTo>
                    <a:pt x="0" y="608075"/>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12" name="object 20">
              <a:extLst>
                <a:ext uri="{FF2B5EF4-FFF2-40B4-BE49-F238E27FC236}">
                  <a16:creationId xmlns:a16="http://schemas.microsoft.com/office/drawing/2014/main" id="{00000000-0008-0000-0600-000070000000}"/>
                </a:ext>
              </a:extLst>
            </xdr:cNvPr>
            <xdr:cNvSpPr/>
          </xdr:nvSpPr>
          <xdr:spPr>
            <a:xfrm>
              <a:off x="6216679" y="7625097"/>
              <a:ext cx="1144949" cy="362895"/>
            </a:xfrm>
            <a:custGeom>
              <a:avLst/>
              <a:gdLst/>
              <a:ahLst/>
              <a:cxnLst/>
              <a:rect l="l" t="t" r="r" b="b"/>
              <a:pathLst>
                <a:path w="1493520" h="487679">
                  <a:moveTo>
                    <a:pt x="1491996" y="0"/>
                  </a:moveTo>
                  <a:lnTo>
                    <a:pt x="1524" y="0"/>
                  </a:lnTo>
                  <a:lnTo>
                    <a:pt x="0" y="3048"/>
                  </a:lnTo>
                  <a:lnTo>
                    <a:pt x="0" y="484632"/>
                  </a:lnTo>
                  <a:lnTo>
                    <a:pt x="1524" y="487679"/>
                  </a:lnTo>
                  <a:lnTo>
                    <a:pt x="1491996" y="487679"/>
                  </a:lnTo>
                  <a:lnTo>
                    <a:pt x="1493520" y="484632"/>
                  </a:lnTo>
                  <a:lnTo>
                    <a:pt x="1493520" y="481584"/>
                  </a:lnTo>
                  <a:lnTo>
                    <a:pt x="10668" y="481584"/>
                  </a:lnTo>
                  <a:lnTo>
                    <a:pt x="4572" y="477012"/>
                  </a:lnTo>
                  <a:lnTo>
                    <a:pt x="10668" y="477012"/>
                  </a:lnTo>
                  <a:lnTo>
                    <a:pt x="10668" y="10667"/>
                  </a:lnTo>
                  <a:lnTo>
                    <a:pt x="4572" y="10667"/>
                  </a:lnTo>
                  <a:lnTo>
                    <a:pt x="10668" y="6096"/>
                  </a:lnTo>
                  <a:lnTo>
                    <a:pt x="1493520" y="6096"/>
                  </a:lnTo>
                  <a:lnTo>
                    <a:pt x="1493520" y="3048"/>
                  </a:lnTo>
                  <a:lnTo>
                    <a:pt x="1491996" y="0"/>
                  </a:lnTo>
                  <a:close/>
                </a:path>
                <a:path w="1493520" h="487679">
                  <a:moveTo>
                    <a:pt x="10668" y="477012"/>
                  </a:moveTo>
                  <a:lnTo>
                    <a:pt x="4572" y="477012"/>
                  </a:lnTo>
                  <a:lnTo>
                    <a:pt x="10668" y="481584"/>
                  </a:lnTo>
                  <a:lnTo>
                    <a:pt x="10668" y="477012"/>
                  </a:lnTo>
                  <a:close/>
                </a:path>
                <a:path w="1493520" h="487679">
                  <a:moveTo>
                    <a:pt x="1482852" y="477012"/>
                  </a:moveTo>
                  <a:lnTo>
                    <a:pt x="10668" y="477012"/>
                  </a:lnTo>
                  <a:lnTo>
                    <a:pt x="10668" y="481584"/>
                  </a:lnTo>
                  <a:lnTo>
                    <a:pt x="1482852" y="481584"/>
                  </a:lnTo>
                  <a:lnTo>
                    <a:pt x="1482852" y="477012"/>
                  </a:lnTo>
                  <a:close/>
                </a:path>
                <a:path w="1493520" h="487679">
                  <a:moveTo>
                    <a:pt x="1482852" y="6096"/>
                  </a:moveTo>
                  <a:lnTo>
                    <a:pt x="1482852" y="481584"/>
                  </a:lnTo>
                  <a:lnTo>
                    <a:pt x="1488948" y="477012"/>
                  </a:lnTo>
                  <a:lnTo>
                    <a:pt x="1493520" y="477012"/>
                  </a:lnTo>
                  <a:lnTo>
                    <a:pt x="1493520" y="10667"/>
                  </a:lnTo>
                  <a:lnTo>
                    <a:pt x="1488948" y="10667"/>
                  </a:lnTo>
                  <a:lnTo>
                    <a:pt x="1482852" y="6096"/>
                  </a:lnTo>
                  <a:close/>
                </a:path>
                <a:path w="1493520" h="487679">
                  <a:moveTo>
                    <a:pt x="1493520" y="477012"/>
                  </a:moveTo>
                  <a:lnTo>
                    <a:pt x="1488948" y="477012"/>
                  </a:lnTo>
                  <a:lnTo>
                    <a:pt x="1482852" y="481584"/>
                  </a:lnTo>
                  <a:lnTo>
                    <a:pt x="1493520" y="481584"/>
                  </a:lnTo>
                  <a:lnTo>
                    <a:pt x="1493520" y="477012"/>
                  </a:lnTo>
                  <a:close/>
                </a:path>
                <a:path w="1493520" h="487679">
                  <a:moveTo>
                    <a:pt x="10668" y="6096"/>
                  </a:moveTo>
                  <a:lnTo>
                    <a:pt x="4572" y="10667"/>
                  </a:lnTo>
                  <a:lnTo>
                    <a:pt x="10668" y="10667"/>
                  </a:lnTo>
                  <a:lnTo>
                    <a:pt x="10668" y="6096"/>
                  </a:lnTo>
                  <a:close/>
                </a:path>
                <a:path w="1493520" h="487679">
                  <a:moveTo>
                    <a:pt x="1482852" y="6096"/>
                  </a:moveTo>
                  <a:lnTo>
                    <a:pt x="10668" y="6096"/>
                  </a:lnTo>
                  <a:lnTo>
                    <a:pt x="10668" y="10667"/>
                  </a:lnTo>
                  <a:lnTo>
                    <a:pt x="1482852" y="10667"/>
                  </a:lnTo>
                  <a:lnTo>
                    <a:pt x="1482852" y="6096"/>
                  </a:lnTo>
                  <a:close/>
                </a:path>
                <a:path w="1493520" h="487679">
                  <a:moveTo>
                    <a:pt x="1493520" y="6096"/>
                  </a:moveTo>
                  <a:lnTo>
                    <a:pt x="1482852" y="6096"/>
                  </a:lnTo>
                  <a:lnTo>
                    <a:pt x="1488948" y="10667"/>
                  </a:lnTo>
                  <a:lnTo>
                    <a:pt x="1493520" y="10667"/>
                  </a:lnTo>
                  <a:lnTo>
                    <a:pt x="1493520"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17" name="object 18">
              <a:extLst>
                <a:ext uri="{FF2B5EF4-FFF2-40B4-BE49-F238E27FC236}">
                  <a16:creationId xmlns:a16="http://schemas.microsoft.com/office/drawing/2014/main" id="{00000000-0008-0000-0600-000075000000}"/>
                </a:ext>
              </a:extLst>
            </xdr:cNvPr>
            <xdr:cNvSpPr txBox="1"/>
          </xdr:nvSpPr>
          <xdr:spPr>
            <a:xfrm>
              <a:off x="6389364" y="7638904"/>
              <a:ext cx="790433" cy="149499"/>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三次下請</a:t>
              </a:r>
              <a:r>
                <a:rPr lang="en-US" altLang="ja-JP" sz="800" spc="15">
                  <a:solidFill>
                    <a:schemeClr val="tx1"/>
                  </a:solidFill>
                  <a:latin typeface="ＭＳ Ｐゴシック"/>
                  <a:cs typeface="ＭＳ Ｐゴシック"/>
                </a:rPr>
                <a:t>G</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119" name="object 18">
              <a:extLst>
                <a:ext uri="{FF2B5EF4-FFF2-40B4-BE49-F238E27FC236}">
                  <a16:creationId xmlns:a16="http://schemas.microsoft.com/office/drawing/2014/main" id="{00000000-0008-0000-0600-000077000000}"/>
                </a:ext>
              </a:extLst>
            </xdr:cNvPr>
            <xdr:cNvSpPr txBox="1"/>
          </xdr:nvSpPr>
          <xdr:spPr>
            <a:xfrm>
              <a:off x="6243600" y="7803574"/>
              <a:ext cx="1082599" cy="150966"/>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grpSp>
      <xdr:grpSp>
        <xdr:nvGrpSpPr>
          <xdr:cNvPr id="120" name="グループ化 119">
            <a:extLst>
              <a:ext uri="{FF2B5EF4-FFF2-40B4-BE49-F238E27FC236}">
                <a16:creationId xmlns:a16="http://schemas.microsoft.com/office/drawing/2014/main" id="{00000000-0008-0000-0600-000078000000}"/>
              </a:ext>
            </a:extLst>
          </xdr:cNvPr>
          <xdr:cNvGrpSpPr/>
        </xdr:nvGrpSpPr>
        <xdr:grpSpPr>
          <a:xfrm>
            <a:off x="9296143" y="6537582"/>
            <a:ext cx="1146257" cy="1129380"/>
            <a:chOff x="6420576" y="6897923"/>
            <a:chExt cx="1144949" cy="1107528"/>
          </a:xfrm>
        </xdr:grpSpPr>
        <xdr:sp macro="" textlink="">
          <xdr:nvSpPr>
            <xdr:cNvPr id="121" name="object 6">
              <a:extLst>
                <a:ext uri="{FF2B5EF4-FFF2-40B4-BE49-F238E27FC236}">
                  <a16:creationId xmlns:a16="http://schemas.microsoft.com/office/drawing/2014/main" id="{00000000-0008-0000-0600-000079000000}"/>
                </a:ext>
              </a:extLst>
            </xdr:cNvPr>
            <xdr:cNvSpPr/>
          </xdr:nvSpPr>
          <xdr:spPr>
            <a:xfrm flipH="1">
              <a:off x="6932955" y="6897923"/>
              <a:ext cx="59898" cy="224412"/>
            </a:xfrm>
            <a:custGeom>
              <a:avLst/>
              <a:gdLst/>
              <a:ahLst/>
              <a:cxnLst/>
              <a:rect l="l" t="t" r="r" b="b"/>
              <a:pathLst>
                <a:path h="608330">
                  <a:moveTo>
                    <a:pt x="0" y="0"/>
                  </a:moveTo>
                  <a:lnTo>
                    <a:pt x="0" y="608075"/>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23" name="object 20">
              <a:extLst>
                <a:ext uri="{FF2B5EF4-FFF2-40B4-BE49-F238E27FC236}">
                  <a16:creationId xmlns:a16="http://schemas.microsoft.com/office/drawing/2014/main" id="{00000000-0008-0000-0600-00007B000000}"/>
                </a:ext>
              </a:extLst>
            </xdr:cNvPr>
            <xdr:cNvSpPr/>
          </xdr:nvSpPr>
          <xdr:spPr>
            <a:xfrm>
              <a:off x="6420576" y="7642556"/>
              <a:ext cx="1144949" cy="362895"/>
            </a:xfrm>
            <a:custGeom>
              <a:avLst/>
              <a:gdLst/>
              <a:ahLst/>
              <a:cxnLst/>
              <a:rect l="l" t="t" r="r" b="b"/>
              <a:pathLst>
                <a:path w="1493520" h="487679">
                  <a:moveTo>
                    <a:pt x="1491996" y="0"/>
                  </a:moveTo>
                  <a:lnTo>
                    <a:pt x="1524" y="0"/>
                  </a:lnTo>
                  <a:lnTo>
                    <a:pt x="0" y="3048"/>
                  </a:lnTo>
                  <a:lnTo>
                    <a:pt x="0" y="484632"/>
                  </a:lnTo>
                  <a:lnTo>
                    <a:pt x="1524" y="487679"/>
                  </a:lnTo>
                  <a:lnTo>
                    <a:pt x="1491996" y="487679"/>
                  </a:lnTo>
                  <a:lnTo>
                    <a:pt x="1493520" y="484632"/>
                  </a:lnTo>
                  <a:lnTo>
                    <a:pt x="1493520" y="481584"/>
                  </a:lnTo>
                  <a:lnTo>
                    <a:pt x="10668" y="481584"/>
                  </a:lnTo>
                  <a:lnTo>
                    <a:pt x="4572" y="477012"/>
                  </a:lnTo>
                  <a:lnTo>
                    <a:pt x="10668" y="477012"/>
                  </a:lnTo>
                  <a:lnTo>
                    <a:pt x="10668" y="10667"/>
                  </a:lnTo>
                  <a:lnTo>
                    <a:pt x="4572" y="10667"/>
                  </a:lnTo>
                  <a:lnTo>
                    <a:pt x="10668" y="6096"/>
                  </a:lnTo>
                  <a:lnTo>
                    <a:pt x="1493520" y="6096"/>
                  </a:lnTo>
                  <a:lnTo>
                    <a:pt x="1493520" y="3048"/>
                  </a:lnTo>
                  <a:lnTo>
                    <a:pt x="1491996" y="0"/>
                  </a:lnTo>
                  <a:close/>
                </a:path>
                <a:path w="1493520" h="487679">
                  <a:moveTo>
                    <a:pt x="10668" y="477012"/>
                  </a:moveTo>
                  <a:lnTo>
                    <a:pt x="4572" y="477012"/>
                  </a:lnTo>
                  <a:lnTo>
                    <a:pt x="10668" y="481584"/>
                  </a:lnTo>
                  <a:lnTo>
                    <a:pt x="10668" y="477012"/>
                  </a:lnTo>
                  <a:close/>
                </a:path>
                <a:path w="1493520" h="487679">
                  <a:moveTo>
                    <a:pt x="1482852" y="477012"/>
                  </a:moveTo>
                  <a:lnTo>
                    <a:pt x="10668" y="477012"/>
                  </a:lnTo>
                  <a:lnTo>
                    <a:pt x="10668" y="481584"/>
                  </a:lnTo>
                  <a:lnTo>
                    <a:pt x="1482852" y="481584"/>
                  </a:lnTo>
                  <a:lnTo>
                    <a:pt x="1482852" y="477012"/>
                  </a:lnTo>
                  <a:close/>
                </a:path>
                <a:path w="1493520" h="487679">
                  <a:moveTo>
                    <a:pt x="1482852" y="6096"/>
                  </a:moveTo>
                  <a:lnTo>
                    <a:pt x="1482852" y="481584"/>
                  </a:lnTo>
                  <a:lnTo>
                    <a:pt x="1488948" y="477012"/>
                  </a:lnTo>
                  <a:lnTo>
                    <a:pt x="1493520" y="477012"/>
                  </a:lnTo>
                  <a:lnTo>
                    <a:pt x="1493520" y="10667"/>
                  </a:lnTo>
                  <a:lnTo>
                    <a:pt x="1488948" y="10667"/>
                  </a:lnTo>
                  <a:lnTo>
                    <a:pt x="1482852" y="6096"/>
                  </a:lnTo>
                  <a:close/>
                </a:path>
                <a:path w="1493520" h="487679">
                  <a:moveTo>
                    <a:pt x="1493520" y="477012"/>
                  </a:moveTo>
                  <a:lnTo>
                    <a:pt x="1488948" y="477012"/>
                  </a:lnTo>
                  <a:lnTo>
                    <a:pt x="1482852" y="481584"/>
                  </a:lnTo>
                  <a:lnTo>
                    <a:pt x="1493520" y="481584"/>
                  </a:lnTo>
                  <a:lnTo>
                    <a:pt x="1493520" y="477012"/>
                  </a:lnTo>
                  <a:close/>
                </a:path>
                <a:path w="1493520" h="487679">
                  <a:moveTo>
                    <a:pt x="10668" y="6096"/>
                  </a:moveTo>
                  <a:lnTo>
                    <a:pt x="4572" y="10667"/>
                  </a:lnTo>
                  <a:lnTo>
                    <a:pt x="10668" y="10667"/>
                  </a:lnTo>
                  <a:lnTo>
                    <a:pt x="10668" y="6096"/>
                  </a:lnTo>
                  <a:close/>
                </a:path>
                <a:path w="1493520" h="487679">
                  <a:moveTo>
                    <a:pt x="1482852" y="6096"/>
                  </a:moveTo>
                  <a:lnTo>
                    <a:pt x="10668" y="6096"/>
                  </a:lnTo>
                  <a:lnTo>
                    <a:pt x="10668" y="10667"/>
                  </a:lnTo>
                  <a:lnTo>
                    <a:pt x="1482852" y="10667"/>
                  </a:lnTo>
                  <a:lnTo>
                    <a:pt x="1482852" y="6096"/>
                  </a:lnTo>
                  <a:close/>
                </a:path>
                <a:path w="1493520" h="487679">
                  <a:moveTo>
                    <a:pt x="1493520" y="6096"/>
                  </a:moveTo>
                  <a:lnTo>
                    <a:pt x="1482852" y="6096"/>
                  </a:lnTo>
                  <a:lnTo>
                    <a:pt x="1488948" y="10667"/>
                  </a:lnTo>
                  <a:lnTo>
                    <a:pt x="1493520" y="10667"/>
                  </a:lnTo>
                  <a:lnTo>
                    <a:pt x="1493520"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sp macro="" textlink="">
          <xdr:nvSpPr>
            <xdr:cNvPr id="124" name="object 18">
              <a:extLst>
                <a:ext uri="{FF2B5EF4-FFF2-40B4-BE49-F238E27FC236}">
                  <a16:creationId xmlns:a16="http://schemas.microsoft.com/office/drawing/2014/main" id="{00000000-0008-0000-0600-00007C000000}"/>
                </a:ext>
              </a:extLst>
            </xdr:cNvPr>
            <xdr:cNvSpPr txBox="1"/>
          </xdr:nvSpPr>
          <xdr:spPr>
            <a:xfrm>
              <a:off x="6600333" y="7662242"/>
              <a:ext cx="790433" cy="149499"/>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三次下請</a:t>
              </a:r>
              <a:r>
                <a:rPr lang="en-US" altLang="ja-JP" sz="800" spc="15">
                  <a:solidFill>
                    <a:schemeClr val="tx1"/>
                  </a:solidFill>
                  <a:latin typeface="ＭＳ Ｐゴシック"/>
                  <a:cs typeface="ＭＳ Ｐゴシック"/>
                </a:rPr>
                <a:t>H</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sp macro="" textlink="">
          <xdr:nvSpPr>
            <xdr:cNvPr id="125" name="object 18">
              <a:extLst>
                <a:ext uri="{FF2B5EF4-FFF2-40B4-BE49-F238E27FC236}">
                  <a16:creationId xmlns:a16="http://schemas.microsoft.com/office/drawing/2014/main" id="{00000000-0008-0000-0600-00007D000000}"/>
                </a:ext>
              </a:extLst>
            </xdr:cNvPr>
            <xdr:cNvSpPr txBox="1"/>
          </xdr:nvSpPr>
          <xdr:spPr>
            <a:xfrm>
              <a:off x="6448441" y="7821038"/>
              <a:ext cx="1082599" cy="150966"/>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grpSp>
      <xdr:cxnSp macro="">
        <xdr:nvCxnSpPr>
          <xdr:cNvPr id="131" name="直線コネクタ 130">
            <a:extLst>
              <a:ext uri="{FF2B5EF4-FFF2-40B4-BE49-F238E27FC236}">
                <a16:creationId xmlns:a16="http://schemas.microsoft.com/office/drawing/2014/main" id="{00000000-0008-0000-0600-000083000000}"/>
              </a:ext>
            </a:extLst>
          </xdr:cNvPr>
          <xdr:cNvCxnSpPr/>
        </xdr:nvCxnSpPr>
        <xdr:spPr>
          <a:xfrm flipH="1" flipV="1">
            <a:off x="6413893" y="7247191"/>
            <a:ext cx="1131175" cy="485963"/>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132" name="直線コネクタ 131">
            <a:extLst>
              <a:ext uri="{FF2B5EF4-FFF2-40B4-BE49-F238E27FC236}">
                <a16:creationId xmlns:a16="http://schemas.microsoft.com/office/drawing/2014/main" id="{00000000-0008-0000-0600-000084000000}"/>
              </a:ext>
            </a:extLst>
          </xdr:cNvPr>
          <xdr:cNvCxnSpPr/>
        </xdr:nvCxnSpPr>
        <xdr:spPr>
          <a:xfrm flipH="1">
            <a:off x="6421217" y="7247191"/>
            <a:ext cx="1135170" cy="487960"/>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sp macro="" textlink="">
        <xdr:nvSpPr>
          <xdr:cNvPr id="133" name="楕円 132">
            <a:extLst>
              <a:ext uri="{FF2B5EF4-FFF2-40B4-BE49-F238E27FC236}">
                <a16:creationId xmlns:a16="http://schemas.microsoft.com/office/drawing/2014/main" id="{00000000-0008-0000-0600-000085000000}"/>
              </a:ext>
            </a:extLst>
          </xdr:cNvPr>
          <xdr:cNvSpPr/>
        </xdr:nvSpPr>
        <xdr:spPr>
          <a:xfrm>
            <a:off x="3648904" y="7101773"/>
            <a:ext cx="848314" cy="720805"/>
          </a:xfrm>
          <a:prstGeom prst="ellipse">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16" name="楕円 15">
            <a:extLst>
              <a:ext uri="{FF2B5EF4-FFF2-40B4-BE49-F238E27FC236}">
                <a16:creationId xmlns:a16="http://schemas.microsoft.com/office/drawing/2014/main" id="{00000000-0008-0000-0600-000010000000}"/>
              </a:ext>
            </a:extLst>
          </xdr:cNvPr>
          <xdr:cNvSpPr/>
        </xdr:nvSpPr>
        <xdr:spPr>
          <a:xfrm>
            <a:off x="7989208" y="7113281"/>
            <a:ext cx="847879" cy="720805"/>
          </a:xfrm>
          <a:prstGeom prst="ellipse">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27" name="テキスト ボックス 26">
            <a:extLst>
              <a:ext uri="{FF2B5EF4-FFF2-40B4-BE49-F238E27FC236}">
                <a16:creationId xmlns:a16="http://schemas.microsoft.com/office/drawing/2014/main" id="{00000000-0008-0000-0600-00001B000000}"/>
              </a:ext>
            </a:extLst>
          </xdr:cNvPr>
          <xdr:cNvSpPr txBox="1"/>
        </xdr:nvSpPr>
        <xdr:spPr>
          <a:xfrm>
            <a:off x="6405148" y="7861624"/>
            <a:ext cx="3029510" cy="442107"/>
          </a:xfrm>
          <a:prstGeom prst="rect">
            <a:avLst/>
          </a:prstGeom>
          <a:solidFill>
            <a:schemeClr val="bg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800">
                <a:solidFill>
                  <a:schemeClr val="tx1"/>
                </a:solidFill>
              </a:rPr>
              <a:t>主任技術者を配置しないこととした下請負人は、その下請けに係わる建設工事を再下請けすることはできない。</a:t>
            </a:r>
          </a:p>
        </xdr:txBody>
      </xdr:sp>
    </xdr:grpSp>
    <xdr:clientData/>
  </xdr:twoCellAnchor>
  <xdr:twoCellAnchor>
    <xdr:from>
      <xdr:col>4</xdr:col>
      <xdr:colOff>244078</xdr:colOff>
      <xdr:row>50</xdr:row>
      <xdr:rowOff>166687</xdr:rowOff>
    </xdr:from>
    <xdr:to>
      <xdr:col>10</xdr:col>
      <xdr:colOff>349039</xdr:colOff>
      <xdr:row>53</xdr:row>
      <xdr:rowOff>142874</xdr:rowOff>
    </xdr:to>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1184672" y="7733109"/>
          <a:ext cx="3016039" cy="494109"/>
        </a:xfrm>
        <a:prstGeom prst="rect">
          <a:avLst/>
        </a:prstGeom>
        <a:solidFill>
          <a:schemeClr val="bg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800">
              <a:solidFill>
                <a:schemeClr val="tx1"/>
              </a:solidFill>
            </a:rPr>
            <a:t>主任技術者を配置しないこととした下請負人は、その下請けに係わる建設工事を再下請けすることはできない。</a:t>
          </a:r>
        </a:p>
      </xdr:txBody>
    </xdr:sp>
    <xdr:clientData/>
  </xdr:twoCellAnchor>
  <xdr:twoCellAnchor>
    <xdr:from>
      <xdr:col>14</xdr:col>
      <xdr:colOff>37796</xdr:colOff>
      <xdr:row>38</xdr:row>
      <xdr:rowOff>61695</xdr:rowOff>
    </xdr:from>
    <xdr:to>
      <xdr:col>19</xdr:col>
      <xdr:colOff>272588</xdr:colOff>
      <xdr:row>45</xdr:row>
      <xdr:rowOff>127180</xdr:rowOff>
    </xdr:to>
    <xdr:sp macro="" textlink="">
      <xdr:nvSpPr>
        <xdr:cNvPr id="10" name="フリーフォーム 9">
          <a:extLst>
            <a:ext uri="{FF2B5EF4-FFF2-40B4-BE49-F238E27FC236}">
              <a16:creationId xmlns:a16="http://schemas.microsoft.com/office/drawing/2014/main" id="{00000000-0008-0000-0600-00000A000000}"/>
            </a:ext>
          </a:extLst>
        </xdr:cNvPr>
        <xdr:cNvSpPr/>
      </xdr:nvSpPr>
      <xdr:spPr>
        <a:xfrm>
          <a:off x="5842851" y="6857350"/>
          <a:ext cx="2506937" cy="1201557"/>
        </a:xfrm>
        <a:custGeom>
          <a:avLst/>
          <a:gdLst>
            <a:gd name="connsiteX0" fmla="*/ 0 w 2863453"/>
            <a:gd name="connsiteY0" fmla="*/ 0 h 1244203"/>
            <a:gd name="connsiteX1" fmla="*/ 1482328 w 2863453"/>
            <a:gd name="connsiteY1" fmla="*/ 5953 h 1244203"/>
            <a:gd name="connsiteX2" fmla="*/ 1470422 w 2863453"/>
            <a:gd name="connsiteY2" fmla="*/ 595313 h 1244203"/>
            <a:gd name="connsiteX3" fmla="*/ 2857500 w 2863453"/>
            <a:gd name="connsiteY3" fmla="*/ 583406 h 1244203"/>
            <a:gd name="connsiteX4" fmla="*/ 2863453 w 2863453"/>
            <a:gd name="connsiteY4" fmla="*/ 1232297 h 1244203"/>
            <a:gd name="connsiteX5" fmla="*/ 5953 w 2863453"/>
            <a:gd name="connsiteY5" fmla="*/ 1244203 h 1244203"/>
            <a:gd name="connsiteX6" fmla="*/ 0 w 2863453"/>
            <a:gd name="connsiteY6" fmla="*/ 0 h 124420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63453" h="1244203">
              <a:moveTo>
                <a:pt x="0" y="0"/>
              </a:moveTo>
              <a:lnTo>
                <a:pt x="1482328" y="5953"/>
              </a:lnTo>
              <a:lnTo>
                <a:pt x="1470422" y="595313"/>
              </a:lnTo>
              <a:lnTo>
                <a:pt x="2857500" y="583406"/>
              </a:lnTo>
              <a:cubicBezTo>
                <a:pt x="2859484" y="799703"/>
                <a:pt x="2861469" y="1016000"/>
                <a:pt x="2863453" y="1232297"/>
              </a:cubicBezTo>
              <a:lnTo>
                <a:pt x="5953" y="1244203"/>
              </a:lnTo>
              <a:cubicBezTo>
                <a:pt x="3969" y="829469"/>
                <a:pt x="1984" y="414734"/>
                <a:pt x="0" y="0"/>
              </a:cubicBezTo>
              <a:close/>
            </a:path>
          </a:pathLst>
        </a:custGeom>
        <a:noFill/>
        <a:ln>
          <a:solidFill>
            <a:sysClr val="windowText" lastClr="000000"/>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9</xdr:col>
      <xdr:colOff>94246</xdr:colOff>
      <xdr:row>44</xdr:row>
      <xdr:rowOff>92743</xdr:rowOff>
    </xdr:from>
    <xdr:to>
      <xdr:col>19</xdr:col>
      <xdr:colOff>154405</xdr:colOff>
      <xdr:row>45</xdr:row>
      <xdr:rowOff>153904</xdr:rowOff>
    </xdr:to>
    <xdr:sp macro="" textlink="">
      <xdr:nvSpPr>
        <xdr:cNvPr id="143" name="object 6">
          <a:extLst>
            <a:ext uri="{FF2B5EF4-FFF2-40B4-BE49-F238E27FC236}">
              <a16:creationId xmlns:a16="http://schemas.microsoft.com/office/drawing/2014/main" id="{00000000-0008-0000-0600-00008F000000}"/>
            </a:ext>
          </a:extLst>
        </xdr:cNvPr>
        <xdr:cNvSpPr/>
      </xdr:nvSpPr>
      <xdr:spPr>
        <a:xfrm flipH="1">
          <a:off x="9123946" y="7846093"/>
          <a:ext cx="60159" cy="232611"/>
        </a:xfrm>
        <a:custGeom>
          <a:avLst/>
          <a:gdLst/>
          <a:ahLst/>
          <a:cxnLst/>
          <a:rect l="l" t="t" r="r" b="b"/>
          <a:pathLst>
            <a:path h="608330">
              <a:moveTo>
                <a:pt x="0" y="0"/>
              </a:moveTo>
              <a:lnTo>
                <a:pt x="0" y="608075"/>
              </a:lnTo>
            </a:path>
          </a:pathLst>
        </a:custGeom>
        <a:ln w="9525">
          <a:solidFill>
            <a:srgbClr val="000000"/>
          </a:solidFill>
        </a:ln>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sz="1400">
            <a:solidFill>
              <a:srgbClr val="FF0000"/>
            </a:solidFill>
          </a:endParaRPr>
        </a:p>
      </xdr:txBody>
    </xdr:sp>
    <xdr:clientData/>
  </xdr:twoCellAnchor>
  <xdr:twoCellAnchor>
    <xdr:from>
      <xdr:col>20</xdr:col>
      <xdr:colOff>57058</xdr:colOff>
      <xdr:row>42</xdr:row>
      <xdr:rowOff>150644</xdr:rowOff>
    </xdr:from>
    <xdr:to>
      <xdr:col>22</xdr:col>
      <xdr:colOff>64484</xdr:colOff>
      <xdr:row>43</xdr:row>
      <xdr:rowOff>157773</xdr:rowOff>
    </xdr:to>
    <xdr:sp macro="" textlink="">
      <xdr:nvSpPr>
        <xdr:cNvPr id="145" name="object 18">
          <a:extLst>
            <a:ext uri="{FF2B5EF4-FFF2-40B4-BE49-F238E27FC236}">
              <a16:creationId xmlns:a16="http://schemas.microsoft.com/office/drawing/2014/main" id="{00000000-0008-0000-0600-000091000000}"/>
            </a:ext>
          </a:extLst>
        </xdr:cNvPr>
        <xdr:cNvSpPr txBox="1"/>
      </xdr:nvSpPr>
      <xdr:spPr>
        <a:xfrm>
          <a:off x="8743858" y="7583608"/>
          <a:ext cx="741717" cy="173383"/>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二次下請</a:t>
          </a:r>
          <a:r>
            <a:rPr lang="en-US" altLang="ja-JP" sz="800" spc="15">
              <a:solidFill>
                <a:schemeClr val="tx1"/>
              </a:solidFill>
              <a:latin typeface="ＭＳ Ｐゴシック"/>
              <a:cs typeface="ＭＳ Ｐゴシック"/>
            </a:rPr>
            <a:t>E</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clientData/>
  </xdr:twoCellAnchor>
  <xdr:twoCellAnchor>
    <xdr:from>
      <xdr:col>19</xdr:col>
      <xdr:colOff>515533</xdr:colOff>
      <xdr:row>42</xdr:row>
      <xdr:rowOff>141963</xdr:rowOff>
    </xdr:from>
    <xdr:to>
      <xdr:col>22</xdr:col>
      <xdr:colOff>269706</xdr:colOff>
      <xdr:row>44</xdr:row>
      <xdr:rowOff>164417</xdr:rowOff>
    </xdr:to>
    <xdr:sp macro="" textlink="">
      <xdr:nvSpPr>
        <xdr:cNvPr id="146" name="object 147">
          <a:extLst>
            <a:ext uri="{FF2B5EF4-FFF2-40B4-BE49-F238E27FC236}">
              <a16:creationId xmlns:a16="http://schemas.microsoft.com/office/drawing/2014/main" id="{00000000-0008-0000-0600-000092000000}"/>
            </a:ext>
          </a:extLst>
        </xdr:cNvPr>
        <xdr:cNvSpPr/>
      </xdr:nvSpPr>
      <xdr:spPr>
        <a:xfrm>
          <a:off x="8592733" y="7574927"/>
          <a:ext cx="1098064" cy="354963"/>
        </a:xfrm>
        <a:custGeom>
          <a:avLst/>
          <a:gdLst/>
          <a:ahLst/>
          <a:cxnLst/>
          <a:rect l="l" t="t" r="r" b="b"/>
          <a:pathLst>
            <a:path w="1912620" h="445134">
              <a:moveTo>
                <a:pt x="1909572" y="0"/>
              </a:moveTo>
              <a:lnTo>
                <a:pt x="3048" y="0"/>
              </a:lnTo>
              <a:lnTo>
                <a:pt x="0" y="3048"/>
              </a:lnTo>
              <a:lnTo>
                <a:pt x="0" y="441960"/>
              </a:lnTo>
              <a:lnTo>
                <a:pt x="3048" y="445008"/>
              </a:lnTo>
              <a:lnTo>
                <a:pt x="1909572" y="445008"/>
              </a:lnTo>
              <a:lnTo>
                <a:pt x="1912620" y="441960"/>
              </a:lnTo>
              <a:lnTo>
                <a:pt x="1912620" y="440436"/>
              </a:lnTo>
              <a:lnTo>
                <a:pt x="10668" y="440436"/>
              </a:lnTo>
              <a:lnTo>
                <a:pt x="6096" y="434340"/>
              </a:lnTo>
              <a:lnTo>
                <a:pt x="10668" y="434340"/>
              </a:lnTo>
              <a:lnTo>
                <a:pt x="10668" y="10668"/>
              </a:lnTo>
              <a:lnTo>
                <a:pt x="6096" y="10668"/>
              </a:lnTo>
              <a:lnTo>
                <a:pt x="10668" y="6096"/>
              </a:lnTo>
              <a:lnTo>
                <a:pt x="1912620" y="6096"/>
              </a:lnTo>
              <a:lnTo>
                <a:pt x="1912620" y="3048"/>
              </a:lnTo>
              <a:lnTo>
                <a:pt x="1909572" y="0"/>
              </a:lnTo>
              <a:close/>
            </a:path>
            <a:path w="1912620" h="445134">
              <a:moveTo>
                <a:pt x="10668" y="434340"/>
              </a:moveTo>
              <a:lnTo>
                <a:pt x="6096" y="434340"/>
              </a:lnTo>
              <a:lnTo>
                <a:pt x="10668" y="440436"/>
              </a:lnTo>
              <a:lnTo>
                <a:pt x="10668" y="434340"/>
              </a:lnTo>
              <a:close/>
            </a:path>
            <a:path w="1912620" h="445134">
              <a:moveTo>
                <a:pt x="1901952" y="434340"/>
              </a:moveTo>
              <a:lnTo>
                <a:pt x="10668" y="434340"/>
              </a:lnTo>
              <a:lnTo>
                <a:pt x="10668" y="440436"/>
              </a:lnTo>
              <a:lnTo>
                <a:pt x="1901952" y="440436"/>
              </a:lnTo>
              <a:lnTo>
                <a:pt x="1901952" y="434340"/>
              </a:lnTo>
              <a:close/>
            </a:path>
            <a:path w="1912620" h="445134">
              <a:moveTo>
                <a:pt x="1901952" y="6096"/>
              </a:moveTo>
              <a:lnTo>
                <a:pt x="1901952" y="440436"/>
              </a:lnTo>
              <a:lnTo>
                <a:pt x="1908048" y="434340"/>
              </a:lnTo>
              <a:lnTo>
                <a:pt x="1912620" y="434340"/>
              </a:lnTo>
              <a:lnTo>
                <a:pt x="1912620" y="10668"/>
              </a:lnTo>
              <a:lnTo>
                <a:pt x="1908048" y="10668"/>
              </a:lnTo>
              <a:lnTo>
                <a:pt x="1901952" y="6096"/>
              </a:lnTo>
              <a:close/>
            </a:path>
            <a:path w="1912620" h="445134">
              <a:moveTo>
                <a:pt x="1912620" y="434340"/>
              </a:moveTo>
              <a:lnTo>
                <a:pt x="1908048" y="434340"/>
              </a:lnTo>
              <a:lnTo>
                <a:pt x="1901952" y="440436"/>
              </a:lnTo>
              <a:lnTo>
                <a:pt x="1912620" y="440436"/>
              </a:lnTo>
              <a:lnTo>
                <a:pt x="1912620" y="434340"/>
              </a:lnTo>
              <a:close/>
            </a:path>
            <a:path w="1912620" h="445134">
              <a:moveTo>
                <a:pt x="10668" y="6096"/>
              </a:moveTo>
              <a:lnTo>
                <a:pt x="6096" y="10668"/>
              </a:lnTo>
              <a:lnTo>
                <a:pt x="10668" y="10668"/>
              </a:lnTo>
              <a:lnTo>
                <a:pt x="10668" y="6096"/>
              </a:lnTo>
              <a:close/>
            </a:path>
            <a:path w="1912620" h="445134">
              <a:moveTo>
                <a:pt x="1901952" y="6096"/>
              </a:moveTo>
              <a:lnTo>
                <a:pt x="10668" y="6096"/>
              </a:lnTo>
              <a:lnTo>
                <a:pt x="10668" y="10668"/>
              </a:lnTo>
              <a:lnTo>
                <a:pt x="1901952" y="10668"/>
              </a:lnTo>
              <a:lnTo>
                <a:pt x="1901952" y="6096"/>
              </a:lnTo>
              <a:close/>
            </a:path>
            <a:path w="1912620" h="445134">
              <a:moveTo>
                <a:pt x="1912620" y="6096"/>
              </a:moveTo>
              <a:lnTo>
                <a:pt x="1901952" y="6096"/>
              </a:lnTo>
              <a:lnTo>
                <a:pt x="1908048" y="10668"/>
              </a:lnTo>
              <a:lnTo>
                <a:pt x="1912620" y="10668"/>
              </a:lnTo>
              <a:lnTo>
                <a:pt x="1912620" y="6096"/>
              </a:lnTo>
              <a:close/>
            </a:path>
          </a:pathLst>
        </a:custGeom>
        <a:solidFill>
          <a:srgbClr val="000000"/>
        </a:solidFill>
      </xdr:spPr>
      <xdr:txBody>
        <a:bodyPr wrap="square" lIns="0" tIns="0" rIns="0" bIns="0" rtlCol="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a:solidFill>
              <a:srgbClr val="FF0000"/>
            </a:solidFill>
          </a:endParaRPr>
        </a:p>
      </xdr:txBody>
    </xdr:sp>
    <xdr:clientData/>
  </xdr:twoCellAnchor>
  <xdr:twoCellAnchor>
    <xdr:from>
      <xdr:col>19</xdr:col>
      <xdr:colOff>568902</xdr:colOff>
      <xdr:row>43</xdr:row>
      <xdr:rowOff>122893</xdr:rowOff>
    </xdr:from>
    <xdr:to>
      <xdr:col>22</xdr:col>
      <xdr:colOff>188776</xdr:colOff>
      <xdr:row>44</xdr:row>
      <xdr:rowOff>122907</xdr:rowOff>
    </xdr:to>
    <xdr:sp macro="" textlink="">
      <xdr:nvSpPr>
        <xdr:cNvPr id="136" name="object 18">
          <a:extLst>
            <a:ext uri="{FF2B5EF4-FFF2-40B4-BE49-F238E27FC236}">
              <a16:creationId xmlns:a16="http://schemas.microsoft.com/office/drawing/2014/main" id="{00000000-0008-0000-0600-000088000000}"/>
            </a:ext>
          </a:extLst>
        </xdr:cNvPr>
        <xdr:cNvSpPr txBox="1"/>
      </xdr:nvSpPr>
      <xdr:spPr>
        <a:xfrm>
          <a:off x="8646102" y="7722111"/>
          <a:ext cx="963765" cy="166269"/>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clientData/>
  </xdr:twoCellAnchor>
  <xdr:twoCellAnchor>
    <xdr:from>
      <xdr:col>19</xdr:col>
      <xdr:colOff>552517</xdr:colOff>
      <xdr:row>40</xdr:row>
      <xdr:rowOff>74400</xdr:rowOff>
    </xdr:from>
    <xdr:to>
      <xdr:col>22</xdr:col>
      <xdr:colOff>176547</xdr:colOff>
      <xdr:row>41</xdr:row>
      <xdr:rowOff>30452</xdr:rowOff>
    </xdr:to>
    <xdr:sp macro="" textlink="">
      <xdr:nvSpPr>
        <xdr:cNvPr id="139" name="object 18">
          <a:extLst>
            <a:ext uri="{FF2B5EF4-FFF2-40B4-BE49-F238E27FC236}">
              <a16:creationId xmlns:a16="http://schemas.microsoft.com/office/drawing/2014/main" id="{00000000-0008-0000-0600-00008B000000}"/>
            </a:ext>
          </a:extLst>
        </xdr:cNvPr>
        <xdr:cNvSpPr txBox="1"/>
      </xdr:nvSpPr>
      <xdr:spPr>
        <a:xfrm>
          <a:off x="8629717" y="7133291"/>
          <a:ext cx="967921" cy="163870"/>
        </a:xfrm>
        <a:prstGeom prst="rect">
          <a:avLst/>
        </a:prstGeom>
        <a:solidFill>
          <a:schemeClr val="bg1"/>
        </a:solidFill>
        <a:ln>
          <a:solidFill>
            <a:sysClr val="windowText" lastClr="000000"/>
          </a:solidFill>
          <a:prstDash val="solid"/>
        </a:ln>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sz="800" spc="15">
              <a:solidFill>
                <a:schemeClr val="tx1"/>
              </a:solidFill>
              <a:latin typeface="ＭＳ Ｐゴシック"/>
              <a:cs typeface="ＭＳ Ｐゴシック"/>
            </a:rPr>
            <a:t>主任技術者</a:t>
          </a:r>
          <a:endParaRPr sz="800">
            <a:solidFill>
              <a:schemeClr val="tx1"/>
            </a:solidFill>
            <a:latin typeface="ＭＳ Ｐゴシック"/>
            <a:cs typeface="ＭＳ Ｐゴシック"/>
          </a:endParaRPr>
        </a:p>
      </xdr:txBody>
    </xdr:sp>
    <xdr:clientData/>
  </xdr:twoCellAnchor>
  <xdr:twoCellAnchor>
    <xdr:from>
      <xdr:col>20</xdr:col>
      <xdr:colOff>91562</xdr:colOff>
      <xdr:row>39</xdr:row>
      <xdr:rowOff>11499</xdr:rowOff>
    </xdr:from>
    <xdr:to>
      <xdr:col>22</xdr:col>
      <xdr:colOff>98988</xdr:colOff>
      <xdr:row>40</xdr:row>
      <xdr:rowOff>82371</xdr:rowOff>
    </xdr:to>
    <xdr:sp macro="" textlink="">
      <xdr:nvSpPr>
        <xdr:cNvPr id="140" name="object 18">
          <a:extLst>
            <a:ext uri="{FF2B5EF4-FFF2-40B4-BE49-F238E27FC236}">
              <a16:creationId xmlns:a16="http://schemas.microsoft.com/office/drawing/2014/main" id="{00000000-0008-0000-0600-00008C000000}"/>
            </a:ext>
          </a:extLst>
        </xdr:cNvPr>
        <xdr:cNvSpPr txBox="1"/>
      </xdr:nvSpPr>
      <xdr:spPr>
        <a:xfrm>
          <a:off x="8778362" y="6973408"/>
          <a:ext cx="741717" cy="167854"/>
        </a:xfrm>
        <a:prstGeom prst="rect">
          <a:avLst/>
        </a:prstGeom>
        <a:noFill/>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gn="ctr">
            <a:lnSpc>
              <a:spcPct val="100000"/>
            </a:lnSpc>
            <a:spcBef>
              <a:spcPts val="120"/>
            </a:spcBef>
          </a:pPr>
          <a:r>
            <a:rPr lang="ja-JP" altLang="en-US" sz="800" spc="15">
              <a:solidFill>
                <a:schemeClr val="tx1"/>
              </a:solidFill>
              <a:latin typeface="ＭＳ Ｐゴシック"/>
              <a:cs typeface="ＭＳ Ｐゴシック"/>
            </a:rPr>
            <a:t>一次下請</a:t>
          </a:r>
          <a:r>
            <a:rPr lang="en-US" altLang="ja-JP" sz="800" spc="15">
              <a:solidFill>
                <a:schemeClr val="tx1"/>
              </a:solidFill>
              <a:latin typeface="ＭＳ Ｐゴシック"/>
              <a:cs typeface="ＭＳ Ｐゴシック"/>
            </a:rPr>
            <a:t>B</a:t>
          </a:r>
          <a:r>
            <a:rPr lang="ja-JP" altLang="en-US" sz="800" spc="15">
              <a:solidFill>
                <a:schemeClr val="tx1"/>
              </a:solidFill>
              <a:latin typeface="ＭＳ Ｐゴシック"/>
              <a:cs typeface="ＭＳ Ｐゴシック"/>
            </a:rPr>
            <a:t>社</a:t>
          </a:r>
          <a:endParaRPr sz="800">
            <a:solidFill>
              <a:schemeClr val="tx1"/>
            </a:solidFill>
            <a:latin typeface="ＭＳ Ｐゴシック"/>
            <a:cs typeface="ＭＳ Ｐゴシック"/>
          </a:endParaRPr>
        </a:p>
      </xdr:txBody>
    </xdr:sp>
    <xdr:clientData/>
  </xdr:twoCellAnchor>
  <mc:AlternateContent xmlns:mc="http://schemas.openxmlformats.org/markup-compatibility/2006">
    <mc:Choice xmlns:a14="http://schemas.microsoft.com/office/drawing/2010/main" Requires="a14">
      <xdr:twoCellAnchor editAs="oneCell">
        <xdr:from>
          <xdr:col>4</xdr:col>
          <xdr:colOff>38100</xdr:colOff>
          <xdr:row>7</xdr:row>
          <xdr:rowOff>6350</xdr:rowOff>
        </xdr:from>
        <xdr:to>
          <xdr:col>4</xdr:col>
          <xdr:colOff>298450</xdr:colOff>
          <xdr:row>7</xdr:row>
          <xdr:rowOff>184150</xdr:rowOff>
        </xdr:to>
        <xdr:sp macro="" textlink="">
          <xdr:nvSpPr>
            <xdr:cNvPr id="48148" name="Check Box 20" hidden="1">
              <a:extLst>
                <a:ext uri="{63B3BB69-23CF-44E3-9099-C40C66FF867C}">
                  <a14:compatExt spid="_x0000_s48148"/>
                </a:ext>
                <a:ext uri="{FF2B5EF4-FFF2-40B4-BE49-F238E27FC236}">
                  <a16:creationId xmlns:a16="http://schemas.microsoft.com/office/drawing/2014/main" id="{00000000-0008-0000-0600-000014B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3</xdr:col>
      <xdr:colOff>542924</xdr:colOff>
      <xdr:row>33</xdr:row>
      <xdr:rowOff>64942</xdr:rowOff>
    </xdr:from>
    <xdr:to>
      <xdr:col>14</xdr:col>
      <xdr:colOff>417742</xdr:colOff>
      <xdr:row>34</xdr:row>
      <xdr:rowOff>63176</xdr:rowOff>
    </xdr:to>
    <xdr:sp macro="" textlink="">
      <xdr:nvSpPr>
        <xdr:cNvPr id="130" name="object 56">
          <a:extLst>
            <a:ext uri="{FF2B5EF4-FFF2-40B4-BE49-F238E27FC236}">
              <a16:creationId xmlns:a16="http://schemas.microsoft.com/office/drawing/2014/main" id="{00000000-0008-0000-0600-000082000000}"/>
            </a:ext>
          </a:extLst>
        </xdr:cNvPr>
        <xdr:cNvSpPr txBox="1"/>
      </xdr:nvSpPr>
      <xdr:spPr>
        <a:xfrm>
          <a:off x="6327197" y="6039715"/>
          <a:ext cx="558886" cy="171416"/>
        </a:xfrm>
        <a:prstGeom prst="rect">
          <a:avLst/>
        </a:prstGeom>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nSpc>
              <a:spcPct val="100000"/>
            </a:lnSpc>
            <a:spcBef>
              <a:spcPts val="120"/>
            </a:spcBef>
          </a:pPr>
          <a:r>
            <a:rPr lang="ja-JP" altLang="en-US" sz="800" spc="15">
              <a:solidFill>
                <a:schemeClr val="tx1"/>
              </a:solidFill>
              <a:latin typeface="ＭＳ Ｐゴシック"/>
              <a:cs typeface="ＭＳ Ｐゴシック"/>
            </a:rPr>
            <a:t>（注文者）</a:t>
          </a:r>
          <a:endParaRPr sz="800">
            <a:solidFill>
              <a:schemeClr val="tx1"/>
            </a:solidFill>
            <a:latin typeface="ＭＳ Ｐゴシック"/>
            <a:cs typeface="ＭＳ Ｐゴシック"/>
          </a:endParaRPr>
        </a:p>
      </xdr:txBody>
    </xdr:sp>
    <xdr:clientData/>
  </xdr:twoCellAnchor>
  <xdr:twoCellAnchor>
    <xdr:from>
      <xdr:col>4</xdr:col>
      <xdr:colOff>183573</xdr:colOff>
      <xdr:row>33</xdr:row>
      <xdr:rowOff>45028</xdr:rowOff>
    </xdr:from>
    <xdr:to>
      <xdr:col>6</xdr:col>
      <xdr:colOff>205595</xdr:colOff>
      <xdr:row>34</xdr:row>
      <xdr:rowOff>43262</xdr:rowOff>
    </xdr:to>
    <xdr:sp macro="" textlink="">
      <xdr:nvSpPr>
        <xdr:cNvPr id="135" name="object 56">
          <a:extLst>
            <a:ext uri="{FF2B5EF4-FFF2-40B4-BE49-F238E27FC236}">
              <a16:creationId xmlns:a16="http://schemas.microsoft.com/office/drawing/2014/main" id="{00000000-0008-0000-0600-000087000000}"/>
            </a:ext>
          </a:extLst>
        </xdr:cNvPr>
        <xdr:cNvSpPr txBox="1"/>
      </xdr:nvSpPr>
      <xdr:spPr>
        <a:xfrm>
          <a:off x="1127414" y="6019801"/>
          <a:ext cx="550226" cy="171416"/>
        </a:xfrm>
        <a:prstGeom prst="rect">
          <a:avLst/>
        </a:prstGeom>
      </xdr:spPr>
      <xdr:txBody>
        <a:bodyPr vert="horz" wrap="square" lIns="0" tIns="15240" rIns="0" bIns="0" rtlCol="0">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2700">
            <a:lnSpc>
              <a:spcPct val="100000"/>
            </a:lnSpc>
            <a:spcBef>
              <a:spcPts val="120"/>
            </a:spcBef>
          </a:pPr>
          <a:r>
            <a:rPr lang="ja-JP" altLang="en-US" sz="800" spc="15">
              <a:solidFill>
                <a:schemeClr val="tx1"/>
              </a:solidFill>
              <a:latin typeface="ＭＳ Ｐゴシック"/>
              <a:cs typeface="ＭＳ Ｐゴシック"/>
            </a:rPr>
            <a:t>（注文者）</a:t>
          </a:r>
          <a:endParaRPr sz="800">
            <a:solidFill>
              <a:schemeClr val="tx1"/>
            </a:solidFill>
            <a:latin typeface="ＭＳ Ｐゴシック"/>
            <a:cs typeface="ＭＳ Ｐゴシック"/>
          </a:endParaRPr>
        </a:p>
      </xdr:txBody>
    </xdr:sp>
    <xdr:clientData/>
  </xdr:twoCellAnchor>
</xdr:wsDr>
</file>

<file path=xl/drawings/drawing7.xml><?xml version="1.0" encoding="utf-8"?>
<xdr:wsDr xmlns:xdr="http://schemas.openxmlformats.org/drawingml/2006/spreadsheetDrawing" xmlns:a="http://schemas.openxmlformats.org/drawingml/2006/main">
  <xdr:oneCellAnchor>
    <xdr:from>
      <xdr:col>1</xdr:col>
      <xdr:colOff>504713</xdr:colOff>
      <xdr:row>0</xdr:row>
      <xdr:rowOff>0</xdr:rowOff>
    </xdr:from>
    <xdr:ext cx="6667500" cy="39241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1114313" y="0"/>
          <a:ext cx="6667500" cy="39241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spAutoFit/>
        </a:bodyPr>
        <a:lstStyle/>
        <a:p>
          <a:r>
            <a:rPr kumimoji="1" lang="ja-JP" altLang="en-US" sz="1800"/>
            <a:t>（参考）発注者に提出する書類</a:t>
          </a:r>
        </a:p>
      </xdr:txBody>
    </xdr:sp>
    <xdr:clientData/>
  </xdr:oneCellAnchor>
  <xdr:twoCellAnchor>
    <xdr:from>
      <xdr:col>0</xdr:col>
      <xdr:colOff>130884</xdr:colOff>
      <xdr:row>33</xdr:row>
      <xdr:rowOff>99060</xdr:rowOff>
    </xdr:from>
    <xdr:to>
      <xdr:col>5</xdr:col>
      <xdr:colOff>487680</xdr:colOff>
      <xdr:row>41</xdr:row>
      <xdr:rowOff>144779</xdr:rowOff>
    </xdr:to>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130884" y="5631180"/>
          <a:ext cx="3404796" cy="1386839"/>
        </a:xfrm>
        <a:prstGeom prst="rect">
          <a:avLst/>
        </a:prstGeom>
        <a:solidFill>
          <a:schemeClr val="lt1"/>
        </a:solidFill>
        <a:ln w="9525" cmpd="sng">
          <a:solidFill>
            <a:schemeClr val="bg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en-US" altLang="ja-JP" sz="1100"/>
            <a:t>【</a:t>
          </a:r>
          <a:r>
            <a:rPr kumimoji="1" lang="ja-JP" altLang="en-US" sz="1100"/>
            <a:t>事例１</a:t>
          </a:r>
          <a:r>
            <a:rPr kumimoji="1" lang="en-US" altLang="ja-JP" sz="1100"/>
            <a:t>】</a:t>
          </a:r>
        </a:p>
        <a:p>
          <a:pPr>
            <a:lnSpc>
              <a:spcPts val="1300"/>
            </a:lnSpc>
          </a:pPr>
          <a:r>
            <a:rPr kumimoji="1" lang="ja-JP" altLang="en-US" sz="1050"/>
            <a:t>１次下請が１社決まっていて、施工体制台帳（写）と（</a:t>
          </a:r>
          <a:r>
            <a:rPr kumimoji="1" lang="en-US" altLang="ja-JP" sz="1050"/>
            <a:t>2</a:t>
          </a:r>
          <a:r>
            <a:rPr kumimoji="1" lang="ja-JP" altLang="en-US" sz="1050"/>
            <a:t>次以下）再下請負通知書（写）を併せて提出する場合。</a:t>
          </a:r>
          <a:endParaRPr kumimoji="1" lang="en-US" altLang="ja-JP" sz="1050"/>
        </a:p>
        <a:p>
          <a:pPr>
            <a:lnSpc>
              <a:spcPts val="1300"/>
            </a:lnSpc>
          </a:pPr>
          <a:endParaRPr kumimoji="1" lang="en-US" altLang="ja-JP" sz="1050"/>
        </a:p>
        <a:p>
          <a:pPr>
            <a:lnSpc>
              <a:spcPts val="1300"/>
            </a:lnSpc>
          </a:pPr>
          <a:r>
            <a:rPr kumimoji="1" lang="en-US" altLang="ja-JP" sz="1050">
              <a:solidFill>
                <a:sysClr val="windowText" lastClr="000000"/>
              </a:solidFill>
            </a:rPr>
            <a:t>※</a:t>
          </a:r>
          <a:r>
            <a:rPr kumimoji="1" lang="ja-JP" altLang="en-US" sz="1050">
              <a:solidFill>
                <a:sysClr val="windowText" lastClr="000000"/>
              </a:solidFill>
            </a:rPr>
            <a:t>特定専門工事があり、当該下請けに主任技術者を配置しない場合（特定専門工事が</a:t>
          </a:r>
          <a:r>
            <a:rPr kumimoji="1" lang="en-US" altLang="ja-JP" sz="1050">
              <a:solidFill>
                <a:sysClr val="windowText" lastClr="000000"/>
              </a:solidFill>
            </a:rPr>
            <a:t>1</a:t>
          </a:r>
          <a:r>
            <a:rPr kumimoji="1" lang="ja-JP" altLang="en-US" sz="1050">
              <a:solidFill>
                <a:sysClr val="windowText" lastClr="000000"/>
              </a:solidFill>
            </a:rPr>
            <a:t>次下請負以降にある場合も同様に添付）</a:t>
          </a:r>
          <a:endParaRPr kumimoji="1" lang="en-US" altLang="ja-JP" sz="1050">
            <a:solidFill>
              <a:sysClr val="windowText" lastClr="000000"/>
            </a:solidFill>
          </a:endParaRPr>
        </a:p>
      </xdr:txBody>
    </xdr:sp>
    <xdr:clientData/>
  </xdr:twoCellAnchor>
  <xdr:twoCellAnchor>
    <xdr:from>
      <xdr:col>2</xdr:col>
      <xdr:colOff>469752</xdr:colOff>
      <xdr:row>2</xdr:row>
      <xdr:rowOff>157778</xdr:rowOff>
    </xdr:from>
    <xdr:to>
      <xdr:col>11</xdr:col>
      <xdr:colOff>152400</xdr:colOff>
      <xdr:row>6</xdr:row>
      <xdr:rowOff>7620</xdr:rowOff>
    </xdr:to>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1688952" y="493058"/>
          <a:ext cx="5169048" cy="520402"/>
        </a:xfrm>
        <a:prstGeom prst="rect">
          <a:avLst/>
        </a:prstGeom>
        <a:solidFill>
          <a:schemeClr val="lt1"/>
        </a:solidFill>
        <a:ln w="15875" cmpd="sng">
          <a:solidFill>
            <a:schemeClr val="tx1"/>
          </a:solidFill>
          <a:prstDash val="dash"/>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en-US" altLang="ja-JP" sz="1100"/>
            <a:t>【</a:t>
          </a:r>
          <a:r>
            <a:rPr kumimoji="1" lang="ja-JP" altLang="en-US" sz="1100"/>
            <a:t>提出に際してのお願い</a:t>
          </a:r>
          <a:r>
            <a:rPr kumimoji="1" lang="en-US" altLang="ja-JP" sz="1100"/>
            <a:t>】</a:t>
          </a:r>
        </a:p>
        <a:p>
          <a:pPr>
            <a:lnSpc>
              <a:spcPts val="1300"/>
            </a:lnSpc>
          </a:pPr>
          <a:r>
            <a:rPr kumimoji="1" lang="ja-JP" altLang="en-US" sz="1100"/>
            <a:t>①施工体系図は提出時に更新する箇所を赤字又は太字にて示して下さい。</a:t>
          </a:r>
          <a:endParaRPr kumimoji="1" lang="en-US" altLang="ja-JP" sz="1100"/>
        </a:p>
        <a:p>
          <a:pPr>
            <a:lnSpc>
              <a:spcPts val="1300"/>
            </a:lnSpc>
          </a:pPr>
          <a:endParaRPr kumimoji="1" lang="ja-JP" altLang="en-US" sz="1100"/>
        </a:p>
      </xdr:txBody>
    </xdr:sp>
    <xdr:clientData/>
  </xdr:twoCellAnchor>
  <xdr:twoCellAnchor>
    <xdr:from>
      <xdr:col>0</xdr:col>
      <xdr:colOff>31600</xdr:colOff>
      <xdr:row>7</xdr:row>
      <xdr:rowOff>68580</xdr:rowOff>
    </xdr:from>
    <xdr:to>
      <xdr:col>5</xdr:col>
      <xdr:colOff>160019</xdr:colOff>
      <xdr:row>32</xdr:row>
      <xdr:rowOff>160017</xdr:rowOff>
    </xdr:to>
    <xdr:grpSp>
      <xdr:nvGrpSpPr>
        <xdr:cNvPr id="45" name="グループ化 44">
          <a:extLst>
            <a:ext uri="{FF2B5EF4-FFF2-40B4-BE49-F238E27FC236}">
              <a16:creationId xmlns:a16="http://schemas.microsoft.com/office/drawing/2014/main" id="{00000000-0008-0000-0700-00002D000000}"/>
            </a:ext>
          </a:extLst>
        </xdr:cNvPr>
        <xdr:cNvGrpSpPr/>
      </xdr:nvGrpSpPr>
      <xdr:grpSpPr>
        <a:xfrm>
          <a:off x="31600" y="1224280"/>
          <a:ext cx="3176419" cy="4218937"/>
          <a:chOff x="69700" y="285521"/>
          <a:chExt cx="3176419" cy="3722596"/>
        </a:xfrm>
      </xdr:grpSpPr>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69700" y="285521"/>
            <a:ext cx="2743200" cy="942975"/>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⑤</a:t>
            </a:r>
            <a:r>
              <a:rPr kumimoji="1" lang="en-US" altLang="ja-JP" sz="1100">
                <a:solidFill>
                  <a:sysClr val="windowText" lastClr="000000"/>
                </a:solidFill>
              </a:rPr>
              <a:t>(2</a:t>
            </a:r>
            <a:r>
              <a:rPr kumimoji="1" lang="ja-JP" altLang="en-US" sz="1100">
                <a:solidFill>
                  <a:sysClr val="windowText" lastClr="000000"/>
                </a:solidFill>
              </a:rPr>
              <a:t>次以下</a:t>
            </a:r>
            <a:r>
              <a:rPr kumimoji="1" lang="en-US" altLang="ja-JP" sz="1100">
                <a:solidFill>
                  <a:sysClr val="windowText" lastClr="000000"/>
                </a:solidFill>
              </a:rPr>
              <a:t>)</a:t>
            </a:r>
            <a:r>
              <a:rPr kumimoji="1" lang="ja-JP" altLang="en-US" sz="1100">
                <a:solidFill>
                  <a:sysClr val="windowText" lastClr="000000"/>
                </a:solidFill>
              </a:rPr>
              <a:t>作業員名簿</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104325" y="567912"/>
            <a:ext cx="2752727" cy="939614"/>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④</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次</a:t>
            </a:r>
            <a:r>
              <a:rPr kumimoji="1" lang="ja-JP" altLang="en-US" sz="1100">
                <a:solidFill>
                  <a:schemeClr val="dk1"/>
                </a:solidFill>
                <a:effectLst/>
                <a:latin typeface="+mn-lt"/>
                <a:ea typeface="+mn-ea"/>
                <a:cs typeface="+mn-cs"/>
              </a:rPr>
              <a:t>以下</a:t>
            </a:r>
            <a:r>
              <a:rPr kumimoji="1" lang="en-US" altLang="ja-JP" sz="1100">
                <a:solidFill>
                  <a:schemeClr val="dk1"/>
                </a:solidFill>
                <a:effectLst/>
                <a:latin typeface="+mn-lt"/>
                <a:ea typeface="+mn-ea"/>
                <a:cs typeface="+mn-cs"/>
              </a:rPr>
              <a:t>)</a:t>
            </a:r>
            <a:r>
              <a:rPr kumimoji="1" lang="ja-JP" altLang="en-US" sz="1100"/>
              <a:t>下請負契約書</a:t>
            </a:r>
            <a:r>
              <a:rPr kumimoji="1" lang="en-US" altLang="ja-JP" sz="1100"/>
              <a:t>(</a:t>
            </a:r>
            <a:r>
              <a:rPr kumimoji="1" lang="ja-JP" altLang="en-US" sz="1100"/>
              <a:t>写し</a:t>
            </a:r>
            <a:r>
              <a:rPr kumimoji="1" lang="en-US" altLang="ja-JP" sz="1100"/>
              <a:t>)</a:t>
            </a:r>
            <a:endParaRPr kumimoji="1" lang="ja-JP" altLang="en-US" sz="1100"/>
          </a:p>
        </xdr:txBody>
      </xdr:sp>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154081" y="868565"/>
            <a:ext cx="2743200" cy="1183005"/>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⑥再下請負通知書（写し）</a:t>
            </a:r>
          </a:p>
        </xdr:txBody>
      </xdr:sp>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00810" y="1178410"/>
            <a:ext cx="2748130" cy="1183789"/>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⑧注文者が承諾した書面</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45636" y="1465738"/>
            <a:ext cx="2749024" cy="1064102"/>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⑦</a:t>
            </a:r>
            <a:r>
              <a:rPr kumimoji="1" lang="en-US" altLang="ja-JP" sz="1100">
                <a:solidFill>
                  <a:sysClr val="windowText" lastClr="000000"/>
                </a:solidFill>
              </a:rPr>
              <a:t>(1</a:t>
            </a:r>
            <a:r>
              <a:rPr kumimoji="1" lang="ja-JP" altLang="en-US" sz="1100">
                <a:solidFill>
                  <a:sysClr val="windowText" lastClr="000000"/>
                </a:solidFill>
              </a:rPr>
              <a:t>次</a:t>
            </a:r>
            <a:r>
              <a:rPr kumimoji="1" lang="en-US" altLang="ja-JP" sz="1100">
                <a:solidFill>
                  <a:sysClr val="windowText" lastClr="000000"/>
                </a:solidFill>
              </a:rPr>
              <a:t>-2</a:t>
            </a:r>
            <a:r>
              <a:rPr kumimoji="1" lang="ja-JP" altLang="en-US" sz="1100">
                <a:solidFill>
                  <a:sysClr val="windowText" lastClr="000000"/>
                </a:solidFill>
              </a:rPr>
              <a:t>次</a:t>
            </a:r>
            <a:r>
              <a:rPr kumimoji="1" lang="en-US" altLang="ja-JP" sz="1100">
                <a:solidFill>
                  <a:sysClr val="windowText" lastClr="000000"/>
                </a:solidFill>
              </a:rPr>
              <a:t>)</a:t>
            </a:r>
            <a:r>
              <a:rPr kumimoji="1" lang="ja-JP" altLang="en-US" sz="1100">
                <a:solidFill>
                  <a:sysClr val="windowText" lastClr="000000"/>
                </a:solidFill>
              </a:rPr>
              <a:t>合意書</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87654" y="1748906"/>
            <a:ext cx="2752725" cy="939613"/>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⑤</a:t>
            </a:r>
            <a:r>
              <a:rPr kumimoji="1" lang="en-US" altLang="ja-JP" sz="1100">
                <a:solidFill>
                  <a:sysClr val="windowText" lastClr="000000"/>
                </a:solidFill>
                <a:effectLst/>
                <a:latin typeface="+mn-lt"/>
                <a:ea typeface="+mn-ea"/>
                <a:cs typeface="+mn-cs"/>
              </a:rPr>
              <a:t>(1</a:t>
            </a:r>
            <a:r>
              <a:rPr kumimoji="1" lang="ja-JP" altLang="ja-JP" sz="1100">
                <a:solidFill>
                  <a:sysClr val="windowText" lastClr="000000"/>
                </a:solidFill>
                <a:effectLst/>
                <a:latin typeface="+mn-lt"/>
                <a:ea typeface="+mn-ea"/>
                <a:cs typeface="+mn-cs"/>
              </a:rPr>
              <a:t>次</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作業員名簿</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写し</a:t>
            </a:r>
            <a:r>
              <a:rPr kumimoji="1" lang="en-US" altLang="ja-JP" sz="1100">
                <a:solidFill>
                  <a:sysClr val="windowText" lastClr="000000"/>
                </a:solidFill>
                <a:effectLst/>
                <a:latin typeface="+mn-lt"/>
                <a:ea typeface="+mn-ea"/>
                <a:cs typeface="+mn-cs"/>
              </a:rPr>
              <a:t>)</a:t>
            </a:r>
            <a:endParaRPr lang="ja-JP" altLang="ja-JP">
              <a:solidFill>
                <a:sysClr val="windowText" lastClr="000000"/>
              </a:solidFill>
              <a:effectLst/>
            </a:endParaRPr>
          </a:p>
          <a:p>
            <a:endParaRPr kumimoji="1" lang="ja-JP" altLang="en-US" sz="1100">
              <a:solidFill>
                <a:srgbClr val="FF0000"/>
              </a:solidFill>
            </a:endParaRPr>
          </a:p>
        </xdr:txBody>
      </xdr:sp>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330463" y="2035221"/>
            <a:ext cx="2755637" cy="939165"/>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④</a:t>
            </a:r>
            <a:r>
              <a:rPr kumimoji="1" lang="en-US" altLang="ja-JP" sz="1100"/>
              <a:t>(1</a:t>
            </a:r>
            <a:r>
              <a:rPr kumimoji="1" lang="ja-JP" altLang="en-US" sz="1100"/>
              <a:t>次</a:t>
            </a:r>
            <a:r>
              <a:rPr kumimoji="1" lang="en-US" altLang="ja-JP" sz="1100"/>
              <a:t>)</a:t>
            </a:r>
            <a:r>
              <a:rPr kumimoji="1" lang="ja-JP" altLang="en-US" sz="1100"/>
              <a:t>下請負契約書（写し）</a:t>
            </a:r>
          </a:p>
        </xdr:txBody>
      </xdr:sp>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376294" y="2318955"/>
            <a:ext cx="2747906" cy="942526"/>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③</a:t>
            </a:r>
            <a:r>
              <a:rPr kumimoji="1" lang="en-US" altLang="ja-JP" sz="1100">
                <a:solidFill>
                  <a:sysClr val="windowText" lastClr="000000"/>
                </a:solidFill>
              </a:rPr>
              <a:t>(</a:t>
            </a:r>
            <a:r>
              <a:rPr kumimoji="1" lang="ja-JP" altLang="en-US" sz="1100">
                <a:solidFill>
                  <a:sysClr val="windowText" lastClr="000000"/>
                </a:solidFill>
              </a:rPr>
              <a:t>元請</a:t>
            </a:r>
            <a:r>
              <a:rPr kumimoji="1" lang="en-US" altLang="ja-JP" sz="1100">
                <a:solidFill>
                  <a:sysClr val="windowText" lastClr="000000"/>
                </a:solidFill>
              </a:rPr>
              <a:t>)</a:t>
            </a:r>
            <a:r>
              <a:rPr kumimoji="1" lang="ja-JP" altLang="en-US" sz="1100">
                <a:solidFill>
                  <a:sysClr val="windowText" lastClr="000000"/>
                </a:solidFill>
              </a:rPr>
              <a:t>作業員名簿（写し）</a:t>
            </a:r>
          </a:p>
        </xdr:txBody>
      </xdr:sp>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410138" y="2585995"/>
            <a:ext cx="2744542" cy="939165"/>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②施工体制台帳（写し）</a:t>
            </a:r>
          </a:p>
        </xdr:txBody>
      </xdr:sp>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459332" y="2881718"/>
            <a:ext cx="2741068" cy="777680"/>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①施工体系図</a:t>
            </a:r>
          </a:p>
        </xdr:txBody>
      </xdr:sp>
      <xdr:grpSp>
        <xdr:nvGrpSpPr>
          <xdr:cNvPr id="56" name="グループ化 6">
            <a:extLst>
              <a:ext uri="{FF2B5EF4-FFF2-40B4-BE49-F238E27FC236}">
                <a16:creationId xmlns:a16="http://schemas.microsoft.com/office/drawing/2014/main" id="{00000000-0008-0000-0700-000038000000}"/>
              </a:ext>
            </a:extLst>
          </xdr:cNvPr>
          <xdr:cNvGrpSpPr>
            <a:grpSpLocks/>
          </xdr:cNvGrpSpPr>
        </xdr:nvGrpSpPr>
        <xdr:grpSpPr bwMode="auto">
          <a:xfrm>
            <a:off x="493396" y="3195020"/>
            <a:ext cx="2752723" cy="813097"/>
            <a:chOff x="909918" y="4823118"/>
            <a:chExt cx="2991411" cy="993507"/>
          </a:xfrm>
        </xdr:grpSpPr>
        <xdr:sp macro="" textlink="">
          <xdr:nvSpPr>
            <xdr:cNvPr id="57" name="メモ 8" title="下請負契約書">
              <a:extLst>
                <a:ext uri="{FF2B5EF4-FFF2-40B4-BE49-F238E27FC236}">
                  <a16:creationId xmlns:a16="http://schemas.microsoft.com/office/drawing/2014/main" id="{00000000-0008-0000-0700-000039000000}"/>
                </a:ext>
              </a:extLst>
            </xdr:cNvPr>
            <xdr:cNvSpPr/>
          </xdr:nvSpPr>
          <xdr:spPr>
            <a:xfrm>
              <a:off x="909918" y="4823118"/>
              <a:ext cx="2991411" cy="993507"/>
            </a:xfrm>
            <a:prstGeom prst="foldedCorner">
              <a:avLst/>
            </a:prstGeom>
            <a:solidFill>
              <a:schemeClr val="bg1"/>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sp macro="" textlink="">
          <xdr:nvSpPr>
            <xdr:cNvPr id="58" name="テキスト ボックス 57">
              <a:extLst>
                <a:ext uri="{FF2B5EF4-FFF2-40B4-BE49-F238E27FC236}">
                  <a16:creationId xmlns:a16="http://schemas.microsoft.com/office/drawing/2014/main" id="{00000000-0008-0000-0700-00003A000000}"/>
                </a:ext>
              </a:extLst>
            </xdr:cNvPr>
            <xdr:cNvSpPr txBox="1"/>
          </xdr:nvSpPr>
          <xdr:spPr>
            <a:xfrm>
              <a:off x="1384745" y="5068415"/>
              <a:ext cx="1842329" cy="396334"/>
            </a:xfrm>
            <a:prstGeom prst="rect">
              <a:avLst/>
            </a:prstGeom>
            <a:solidFill>
              <a:schemeClr val="lt1"/>
            </a:solidFill>
            <a:ln w="9525" cmpd="sng">
              <a:solidFill>
                <a:schemeClr val="bg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　　　　　　工事打合簿　　</a:t>
              </a:r>
            </a:p>
          </xdr:txBody>
        </xdr:sp>
      </xdr:grpSp>
    </xdr:grpSp>
    <xdr:clientData/>
  </xdr:twoCellAnchor>
  <xdr:twoCellAnchor>
    <xdr:from>
      <xdr:col>11</xdr:col>
      <xdr:colOff>160021</xdr:colOff>
      <xdr:row>33</xdr:row>
      <xdr:rowOff>129426</xdr:rowOff>
    </xdr:from>
    <xdr:to>
      <xdr:col>15</xdr:col>
      <xdr:colOff>554923</xdr:colOff>
      <xdr:row>42</xdr:row>
      <xdr:rowOff>0</xdr:rowOff>
    </xdr:to>
    <xdr:sp macro="" textlink="">
      <xdr:nvSpPr>
        <xdr:cNvPr id="59" name="テキスト ボックス 58">
          <a:extLst>
            <a:ext uri="{FF2B5EF4-FFF2-40B4-BE49-F238E27FC236}">
              <a16:creationId xmlns:a16="http://schemas.microsoft.com/office/drawing/2014/main" id="{00000000-0008-0000-0700-00003B000000}"/>
            </a:ext>
          </a:extLst>
        </xdr:cNvPr>
        <xdr:cNvSpPr txBox="1"/>
      </xdr:nvSpPr>
      <xdr:spPr>
        <a:xfrm>
          <a:off x="6865621" y="5661546"/>
          <a:ext cx="2932362" cy="1379334"/>
        </a:xfrm>
        <a:prstGeom prst="rect">
          <a:avLst/>
        </a:prstGeom>
        <a:solidFill>
          <a:schemeClr val="lt1"/>
        </a:solidFill>
        <a:ln w="9525" cmpd="sng">
          <a:solidFill>
            <a:schemeClr val="bg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en-US" altLang="ja-JP" sz="1100"/>
            <a:t>【</a:t>
          </a:r>
          <a:r>
            <a:rPr kumimoji="1" lang="ja-JP" altLang="en-US" sz="1100"/>
            <a:t>事例３</a:t>
          </a:r>
          <a:r>
            <a:rPr kumimoji="1" lang="en-US" altLang="ja-JP" sz="1100"/>
            <a:t>】</a:t>
          </a:r>
        </a:p>
        <a:p>
          <a:pPr>
            <a:lnSpc>
              <a:spcPts val="1300"/>
            </a:lnSpc>
          </a:pPr>
          <a:r>
            <a:rPr kumimoji="1" lang="ja-JP" altLang="en-US" sz="1050"/>
            <a:t>既に施工体制台帳（写）は提出済みであり、新規に再下請負契約（</a:t>
          </a:r>
          <a:r>
            <a:rPr kumimoji="1" lang="en-US" altLang="ja-JP" sz="1050">
              <a:solidFill>
                <a:schemeClr val="dk1"/>
              </a:solidFill>
              <a:effectLst/>
              <a:latin typeface="+mn-lt"/>
              <a:ea typeface="+mn-ea"/>
              <a:cs typeface="+mn-cs"/>
            </a:rPr>
            <a:t>2</a:t>
          </a:r>
          <a:r>
            <a:rPr kumimoji="1" lang="ja-JP" altLang="ja-JP" sz="1050">
              <a:solidFill>
                <a:schemeClr val="dk1"/>
              </a:solidFill>
              <a:effectLst/>
              <a:latin typeface="+mn-lt"/>
              <a:ea typeface="+mn-ea"/>
              <a:cs typeface="+mn-cs"/>
            </a:rPr>
            <a:t>次以下</a:t>
          </a:r>
          <a:r>
            <a:rPr kumimoji="1" lang="ja-JP" altLang="en-US" sz="1050">
              <a:solidFill>
                <a:schemeClr val="dk1"/>
              </a:solidFill>
              <a:effectLst/>
              <a:latin typeface="+mn-lt"/>
              <a:ea typeface="+mn-ea"/>
              <a:cs typeface="+mn-cs"/>
            </a:rPr>
            <a:t>）</a:t>
          </a:r>
          <a:r>
            <a:rPr kumimoji="1" lang="ja-JP" altLang="en-US" sz="1050"/>
            <a:t>が発生した場合。</a:t>
          </a:r>
          <a:endParaRPr kumimoji="1" lang="en-US" altLang="ja-JP" sz="1050"/>
        </a:p>
        <a:p>
          <a:pPr>
            <a:lnSpc>
              <a:spcPts val="1300"/>
            </a:lnSpc>
          </a:pPr>
          <a:endParaRPr kumimoji="1" lang="en-US" altLang="ja-JP" sz="1050"/>
        </a:p>
        <a:p>
          <a:pPr>
            <a:lnSpc>
              <a:spcPts val="1300"/>
            </a:lnSpc>
          </a:pPr>
          <a:r>
            <a:rPr kumimoji="1" lang="en-US" altLang="ja-JP" sz="1050">
              <a:solidFill>
                <a:sysClr val="windowText" lastClr="000000"/>
              </a:solidFill>
            </a:rPr>
            <a:t>※</a:t>
          </a:r>
          <a:r>
            <a:rPr kumimoji="1" lang="ja-JP" altLang="en-US" sz="1050">
              <a:solidFill>
                <a:sysClr val="windowText" lastClr="000000"/>
              </a:solidFill>
            </a:rPr>
            <a:t>特定専門工事があり、当該下請けに主任技術者を配置しない場合（特定専門工事が</a:t>
          </a:r>
          <a:r>
            <a:rPr kumimoji="1" lang="en-US" altLang="ja-JP" sz="1050">
              <a:solidFill>
                <a:sysClr val="windowText" lastClr="000000"/>
              </a:solidFill>
            </a:rPr>
            <a:t>1</a:t>
          </a:r>
          <a:r>
            <a:rPr kumimoji="1" lang="ja-JP" altLang="en-US" sz="1050">
              <a:solidFill>
                <a:sysClr val="windowText" lastClr="000000"/>
              </a:solidFill>
            </a:rPr>
            <a:t>次下請負以降にある場合も同様に添付）</a:t>
          </a:r>
        </a:p>
        <a:p>
          <a:pPr>
            <a:lnSpc>
              <a:spcPts val="1300"/>
            </a:lnSpc>
          </a:pPr>
          <a:endParaRPr kumimoji="1" lang="ja-JP" altLang="en-US" sz="1100">
            <a:solidFill>
              <a:srgbClr val="FF0000"/>
            </a:solidFill>
          </a:endParaRPr>
        </a:p>
      </xdr:txBody>
    </xdr:sp>
    <xdr:clientData/>
  </xdr:twoCellAnchor>
  <xdr:twoCellAnchor>
    <xdr:from>
      <xdr:col>10</xdr:col>
      <xdr:colOff>547745</xdr:colOff>
      <xdr:row>15</xdr:row>
      <xdr:rowOff>91440</xdr:rowOff>
    </xdr:from>
    <xdr:to>
      <xdr:col>15</xdr:col>
      <xdr:colOff>502920</xdr:colOff>
      <xdr:row>32</xdr:row>
      <xdr:rowOff>160020</xdr:rowOff>
    </xdr:to>
    <xdr:grpSp>
      <xdr:nvGrpSpPr>
        <xdr:cNvPr id="60" name="グループ化 59">
          <a:extLst>
            <a:ext uri="{FF2B5EF4-FFF2-40B4-BE49-F238E27FC236}">
              <a16:creationId xmlns:a16="http://schemas.microsoft.com/office/drawing/2014/main" id="{00000000-0008-0000-0700-00003C000000}"/>
            </a:ext>
          </a:extLst>
        </xdr:cNvPr>
        <xdr:cNvGrpSpPr/>
      </xdr:nvGrpSpPr>
      <xdr:grpSpPr>
        <a:xfrm>
          <a:off x="6643745" y="2567940"/>
          <a:ext cx="3117475" cy="2875280"/>
          <a:chOff x="6575165" y="2150182"/>
          <a:chExt cx="3102235" cy="2681011"/>
        </a:xfrm>
      </xdr:grpSpPr>
      <xdr:sp macro="" textlink="">
        <xdr:nvSpPr>
          <xdr:cNvPr id="61" name="テキスト ボックス 60">
            <a:extLst>
              <a:ext uri="{FF2B5EF4-FFF2-40B4-BE49-F238E27FC236}">
                <a16:creationId xmlns:a16="http://schemas.microsoft.com/office/drawing/2014/main" id="{00000000-0008-0000-0700-00003D000000}"/>
              </a:ext>
            </a:extLst>
          </xdr:cNvPr>
          <xdr:cNvSpPr txBox="1"/>
        </xdr:nvSpPr>
        <xdr:spPr>
          <a:xfrm>
            <a:off x="6575165" y="2150182"/>
            <a:ext cx="2740960" cy="939165"/>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effectLst/>
                <a:latin typeface="+mn-lt"/>
                <a:ea typeface="+mn-ea"/>
                <a:cs typeface="+mn-cs"/>
              </a:rPr>
              <a:t>⑤</a:t>
            </a:r>
            <a:r>
              <a:rPr kumimoji="1" lang="en-US" altLang="ja-JP" sz="1100">
                <a:solidFill>
                  <a:sysClr val="windowText" lastClr="000000"/>
                </a:solidFill>
                <a:effectLst/>
                <a:latin typeface="+mn-lt"/>
                <a:ea typeface="+mn-ea"/>
                <a:cs typeface="+mn-cs"/>
              </a:rPr>
              <a:t>(2</a:t>
            </a:r>
            <a:r>
              <a:rPr kumimoji="1" lang="ja-JP" altLang="ja-JP" sz="1100">
                <a:solidFill>
                  <a:sysClr val="windowText" lastClr="000000"/>
                </a:solidFill>
                <a:effectLst/>
                <a:latin typeface="+mn-lt"/>
                <a:ea typeface="+mn-ea"/>
                <a:cs typeface="+mn-cs"/>
              </a:rPr>
              <a:t>次以下</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作業員名簿</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写し</a:t>
            </a:r>
            <a:r>
              <a:rPr kumimoji="1" lang="en-US" altLang="ja-JP" sz="1100">
                <a:solidFill>
                  <a:sysClr val="windowText" lastClr="000000"/>
                </a:solidFill>
                <a:effectLst/>
                <a:latin typeface="+mn-lt"/>
                <a:ea typeface="+mn-ea"/>
                <a:cs typeface="+mn-cs"/>
              </a:rPr>
              <a:t>)</a:t>
            </a:r>
            <a:endParaRPr lang="ja-JP" altLang="ja-JP">
              <a:solidFill>
                <a:sysClr val="windowText" lastClr="000000"/>
              </a:solidFill>
              <a:effectLst/>
            </a:endParaRPr>
          </a:p>
        </xdr:txBody>
      </xdr:sp>
      <xdr:sp macro="" textlink="">
        <xdr:nvSpPr>
          <xdr:cNvPr id="62" name="テキスト ボックス 61">
            <a:extLst>
              <a:ext uri="{FF2B5EF4-FFF2-40B4-BE49-F238E27FC236}">
                <a16:creationId xmlns:a16="http://schemas.microsoft.com/office/drawing/2014/main" id="{00000000-0008-0000-0700-00003E000000}"/>
              </a:ext>
            </a:extLst>
          </xdr:cNvPr>
          <xdr:cNvSpPr txBox="1"/>
        </xdr:nvSpPr>
        <xdr:spPr>
          <a:xfrm>
            <a:off x="6632542" y="2414754"/>
            <a:ext cx="2740058" cy="958214"/>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④</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次</a:t>
            </a:r>
            <a:r>
              <a:rPr kumimoji="1" lang="ja-JP" altLang="en-US" sz="1100">
                <a:solidFill>
                  <a:schemeClr val="dk1"/>
                </a:solidFill>
                <a:effectLst/>
                <a:latin typeface="+mn-lt"/>
                <a:ea typeface="+mn-ea"/>
                <a:cs typeface="+mn-cs"/>
              </a:rPr>
              <a:t>以下</a:t>
            </a:r>
            <a:r>
              <a:rPr kumimoji="1" lang="en-US" altLang="ja-JP" sz="1100">
                <a:solidFill>
                  <a:schemeClr val="dk1"/>
                </a:solidFill>
                <a:effectLst/>
                <a:latin typeface="+mn-lt"/>
                <a:ea typeface="+mn-ea"/>
                <a:cs typeface="+mn-cs"/>
              </a:rPr>
              <a:t>)</a:t>
            </a:r>
            <a:r>
              <a:rPr kumimoji="1" lang="ja-JP" altLang="en-US" sz="1100"/>
              <a:t>下請負契約書</a:t>
            </a:r>
            <a:r>
              <a:rPr kumimoji="1" lang="en-US" altLang="ja-JP" sz="1100"/>
              <a:t>(</a:t>
            </a:r>
            <a:r>
              <a:rPr kumimoji="1" lang="ja-JP" altLang="en-US" sz="1100"/>
              <a:t>写し</a:t>
            </a:r>
            <a:r>
              <a:rPr kumimoji="1" lang="en-US" altLang="ja-JP" sz="1100"/>
              <a:t>)</a:t>
            </a:r>
            <a:endParaRPr kumimoji="1" lang="ja-JP" altLang="en-US" sz="1100"/>
          </a:p>
        </xdr:txBody>
      </xdr:sp>
      <xdr:sp macro="" textlink="">
        <xdr:nvSpPr>
          <xdr:cNvPr id="63" name="テキスト ボックス 62">
            <a:extLst>
              <a:ext uri="{FF2B5EF4-FFF2-40B4-BE49-F238E27FC236}">
                <a16:creationId xmlns:a16="http://schemas.microsoft.com/office/drawing/2014/main" id="{00000000-0008-0000-0700-00003F000000}"/>
              </a:ext>
            </a:extLst>
          </xdr:cNvPr>
          <xdr:cNvSpPr txBox="1"/>
        </xdr:nvSpPr>
        <xdr:spPr>
          <a:xfrm>
            <a:off x="6681398" y="2715406"/>
            <a:ext cx="2744541" cy="942975"/>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⑧注文者が承諾した書面</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6736086" y="3010802"/>
            <a:ext cx="2750814" cy="942526"/>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⑦</a:t>
            </a:r>
            <a:r>
              <a:rPr kumimoji="1" lang="en-US" altLang="ja-JP" sz="1100">
                <a:solidFill>
                  <a:sysClr val="windowText" lastClr="000000"/>
                </a:solidFill>
              </a:rPr>
              <a:t>(1</a:t>
            </a:r>
            <a:r>
              <a:rPr kumimoji="1" lang="ja-JP" altLang="en-US" sz="1100">
                <a:solidFill>
                  <a:sysClr val="windowText" lastClr="000000"/>
                </a:solidFill>
              </a:rPr>
              <a:t>次</a:t>
            </a:r>
            <a:r>
              <a:rPr kumimoji="1" lang="en-US" altLang="ja-JP" sz="1100">
                <a:solidFill>
                  <a:sysClr val="windowText" lastClr="000000"/>
                </a:solidFill>
              </a:rPr>
              <a:t>-2</a:t>
            </a:r>
            <a:r>
              <a:rPr kumimoji="1" lang="ja-JP" altLang="en-US" sz="1100">
                <a:solidFill>
                  <a:sysClr val="windowText" lastClr="000000"/>
                </a:solidFill>
              </a:rPr>
              <a:t>次</a:t>
            </a:r>
            <a:r>
              <a:rPr kumimoji="1" lang="en-US" altLang="ja-JP" sz="1100">
                <a:solidFill>
                  <a:sysClr val="windowText" lastClr="000000"/>
                </a:solidFill>
              </a:rPr>
              <a:t>)</a:t>
            </a:r>
            <a:r>
              <a:rPr kumimoji="1" lang="ja-JP" altLang="en-US" sz="1100">
                <a:solidFill>
                  <a:sysClr val="windowText" lastClr="000000"/>
                </a:solidFill>
              </a:rPr>
              <a:t>合意書</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sp macro="" textlink="">
        <xdr:nvSpPr>
          <xdr:cNvPr id="65" name="テキスト ボックス 64">
            <a:extLst>
              <a:ext uri="{FF2B5EF4-FFF2-40B4-BE49-F238E27FC236}">
                <a16:creationId xmlns:a16="http://schemas.microsoft.com/office/drawing/2014/main" id="{00000000-0008-0000-0700-000041000000}"/>
              </a:ext>
            </a:extLst>
          </xdr:cNvPr>
          <xdr:cNvSpPr txBox="1"/>
        </xdr:nvSpPr>
        <xdr:spPr>
          <a:xfrm>
            <a:off x="6789986" y="3273909"/>
            <a:ext cx="2750254" cy="932331"/>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⑥再下請負通知書</a:t>
            </a:r>
            <a:r>
              <a:rPr kumimoji="1" lang="en-US" altLang="ja-JP" sz="1100"/>
              <a:t>(</a:t>
            </a:r>
            <a:r>
              <a:rPr kumimoji="1" lang="ja-JP" altLang="en-US" sz="1100"/>
              <a:t>写し</a:t>
            </a:r>
            <a:r>
              <a:rPr kumimoji="1" lang="en-US" altLang="ja-JP" sz="1100"/>
              <a:t>)</a:t>
            </a:r>
            <a:endParaRPr kumimoji="1" lang="ja-JP" altLang="en-US" sz="1100"/>
          </a:p>
        </xdr:txBody>
      </xdr:sp>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6846464" y="3573218"/>
            <a:ext cx="2769976" cy="942528"/>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①施工体系図</a:t>
            </a:r>
          </a:p>
        </xdr:txBody>
      </xdr:sp>
      <xdr:grpSp>
        <xdr:nvGrpSpPr>
          <xdr:cNvPr id="67" name="グループ化 9">
            <a:extLst>
              <a:ext uri="{FF2B5EF4-FFF2-40B4-BE49-F238E27FC236}">
                <a16:creationId xmlns:a16="http://schemas.microsoft.com/office/drawing/2014/main" id="{00000000-0008-0000-0700-000043000000}"/>
              </a:ext>
            </a:extLst>
          </xdr:cNvPr>
          <xdr:cNvGrpSpPr>
            <a:grpSpLocks/>
          </xdr:cNvGrpSpPr>
        </xdr:nvGrpSpPr>
        <xdr:grpSpPr bwMode="auto">
          <a:xfrm>
            <a:off x="6894985" y="3863343"/>
            <a:ext cx="2782415" cy="967850"/>
            <a:chOff x="7244129" y="4173536"/>
            <a:chExt cx="3100484" cy="970242"/>
          </a:xfrm>
        </xdr:grpSpPr>
        <xdr:sp macro="" textlink="">
          <xdr:nvSpPr>
            <xdr:cNvPr id="68" name="メモ 50" title="下請負契約書">
              <a:extLst>
                <a:ext uri="{FF2B5EF4-FFF2-40B4-BE49-F238E27FC236}">
                  <a16:creationId xmlns:a16="http://schemas.microsoft.com/office/drawing/2014/main" id="{00000000-0008-0000-0700-000044000000}"/>
                </a:ext>
              </a:extLst>
            </xdr:cNvPr>
            <xdr:cNvSpPr/>
          </xdr:nvSpPr>
          <xdr:spPr>
            <a:xfrm>
              <a:off x="7244129" y="4173536"/>
              <a:ext cx="3100484" cy="970242"/>
            </a:xfrm>
            <a:prstGeom prst="foldedCorner">
              <a:avLst/>
            </a:prstGeom>
            <a:solidFill>
              <a:schemeClr val="bg1"/>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7530036" y="4549746"/>
              <a:ext cx="1937331" cy="242420"/>
            </a:xfrm>
            <a:prstGeom prst="rect">
              <a:avLst/>
            </a:prstGeom>
            <a:solidFill>
              <a:schemeClr val="lt1"/>
            </a:solidFill>
            <a:ln w="9525" cmpd="sng">
              <a:solidFill>
                <a:schemeClr val="bg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　　　　　　工事打合簿　　</a:t>
              </a:r>
            </a:p>
          </xdr:txBody>
        </xdr:sp>
      </xdr:grpSp>
    </xdr:grpSp>
    <xdr:clientData/>
  </xdr:twoCellAnchor>
  <xdr:twoCellAnchor>
    <xdr:from>
      <xdr:col>5</xdr:col>
      <xdr:colOff>374950</xdr:colOff>
      <xdr:row>13</xdr:row>
      <xdr:rowOff>91440</xdr:rowOff>
    </xdr:from>
    <xdr:to>
      <xdr:col>10</xdr:col>
      <xdr:colOff>381000</xdr:colOff>
      <xdr:row>33</xdr:row>
      <xdr:rowOff>1</xdr:rowOff>
    </xdr:to>
    <xdr:grpSp>
      <xdr:nvGrpSpPr>
        <xdr:cNvPr id="70" name="グループ化 69">
          <a:extLst>
            <a:ext uri="{FF2B5EF4-FFF2-40B4-BE49-F238E27FC236}">
              <a16:creationId xmlns:a16="http://schemas.microsoft.com/office/drawing/2014/main" id="{00000000-0008-0000-0700-000046000000}"/>
            </a:ext>
          </a:extLst>
        </xdr:cNvPr>
        <xdr:cNvGrpSpPr/>
      </xdr:nvGrpSpPr>
      <xdr:grpSpPr>
        <a:xfrm>
          <a:off x="3422950" y="2237740"/>
          <a:ext cx="3054050" cy="3210561"/>
          <a:chOff x="3209590" y="1645804"/>
          <a:chExt cx="3054050" cy="2910957"/>
        </a:xfrm>
      </xdr:grpSpPr>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3209590" y="1645804"/>
            <a:ext cx="2741630" cy="948690"/>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en-US" sz="1100">
                <a:solidFill>
                  <a:sysClr val="windowText" lastClr="000000"/>
                </a:solidFill>
                <a:effectLst/>
                <a:latin typeface="+mn-lt"/>
                <a:ea typeface="+mn-ea"/>
                <a:cs typeface="+mn-cs"/>
              </a:rPr>
              <a:t>⑤</a:t>
            </a:r>
            <a:r>
              <a:rPr kumimoji="1" lang="en-US" altLang="ja-JP" sz="1100">
                <a:solidFill>
                  <a:sysClr val="windowText" lastClr="000000"/>
                </a:solidFill>
                <a:effectLst/>
                <a:latin typeface="+mn-lt"/>
                <a:ea typeface="+mn-ea"/>
                <a:cs typeface="+mn-cs"/>
              </a:rPr>
              <a:t>(1</a:t>
            </a:r>
            <a:r>
              <a:rPr kumimoji="1" lang="ja-JP" altLang="ja-JP" sz="1100">
                <a:solidFill>
                  <a:sysClr val="windowText" lastClr="000000"/>
                </a:solidFill>
                <a:effectLst/>
                <a:latin typeface="+mn-lt"/>
                <a:ea typeface="+mn-ea"/>
                <a:cs typeface="+mn-cs"/>
              </a:rPr>
              <a:t>次</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作業員名簿</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写し</a:t>
            </a:r>
            <a:r>
              <a:rPr kumimoji="1" lang="en-US" altLang="ja-JP" sz="1100">
                <a:solidFill>
                  <a:sysClr val="windowText" lastClr="000000"/>
                </a:solidFill>
                <a:effectLst/>
                <a:latin typeface="+mn-lt"/>
                <a:ea typeface="+mn-ea"/>
                <a:cs typeface="+mn-cs"/>
              </a:rPr>
              <a:t>)</a:t>
            </a:r>
            <a:endParaRPr lang="ja-JP" altLang="ja-JP">
              <a:solidFill>
                <a:sysClr val="windowText" lastClr="000000"/>
              </a:solidFill>
              <a:effectLst/>
            </a:endParaRPr>
          </a:p>
        </xdr:txBody>
      </xdr:sp>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3246121" y="1943097"/>
            <a:ext cx="2750819" cy="948690"/>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④</a:t>
            </a:r>
            <a:r>
              <a:rPr kumimoji="1" lang="en-US" altLang="ja-JP" sz="1100"/>
              <a:t>(1</a:t>
            </a:r>
            <a:r>
              <a:rPr kumimoji="1" lang="ja-JP" altLang="en-US" sz="1100"/>
              <a:t>次</a:t>
            </a:r>
            <a:r>
              <a:rPr kumimoji="1" lang="en-US" altLang="ja-JP" sz="1100"/>
              <a:t>)</a:t>
            </a:r>
            <a:r>
              <a:rPr kumimoji="1" lang="ja-JP" altLang="en-US" sz="1100"/>
              <a:t>下請負契約書</a:t>
            </a:r>
            <a:r>
              <a:rPr kumimoji="1" lang="en-US" altLang="ja-JP" sz="1100"/>
              <a:t>(</a:t>
            </a:r>
            <a:r>
              <a:rPr kumimoji="1" lang="ja-JP" altLang="en-US" sz="1100"/>
              <a:t>写し</a:t>
            </a:r>
            <a:r>
              <a:rPr kumimoji="1" lang="en-US" altLang="ja-JP" sz="1100"/>
              <a:t>)</a:t>
            </a:r>
            <a:endParaRPr kumimoji="1" lang="ja-JP" altLang="en-US" sz="1100"/>
          </a:p>
        </xdr:txBody>
      </xdr:sp>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3284220" y="2250141"/>
            <a:ext cx="2766060" cy="942527"/>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solidFill>
                  <a:sysClr val="windowText" lastClr="000000"/>
                </a:solidFill>
              </a:rPr>
              <a:t>⑧注文者</a:t>
            </a:r>
            <a:r>
              <a:rPr kumimoji="1" lang="en-US" altLang="ja-JP" sz="1000">
                <a:solidFill>
                  <a:sysClr val="windowText" lastClr="000000"/>
                </a:solidFill>
              </a:rPr>
              <a:t>(</a:t>
            </a:r>
            <a:r>
              <a:rPr kumimoji="1" lang="ja-JP" altLang="en-US" sz="1000">
                <a:solidFill>
                  <a:sysClr val="windowText" lastClr="000000"/>
                </a:solidFill>
              </a:rPr>
              <a:t>発注者</a:t>
            </a:r>
            <a:r>
              <a:rPr kumimoji="1" lang="en-US" altLang="ja-JP" sz="1000">
                <a:solidFill>
                  <a:sysClr val="windowText" lastClr="000000"/>
                </a:solidFill>
              </a:rPr>
              <a:t>)</a:t>
            </a:r>
            <a:r>
              <a:rPr kumimoji="1" lang="ja-JP" altLang="en-US" sz="1000">
                <a:solidFill>
                  <a:sysClr val="windowText" lastClr="000000"/>
                </a:solidFill>
              </a:rPr>
              <a:t>が承諾した書面</a:t>
            </a:r>
            <a:r>
              <a:rPr kumimoji="1" lang="en-US" altLang="ja-JP" sz="1000">
                <a:solidFill>
                  <a:sysClr val="windowText" lastClr="000000"/>
                </a:solidFill>
              </a:rPr>
              <a:t>(</a:t>
            </a:r>
            <a:r>
              <a:rPr kumimoji="1" lang="ja-JP" altLang="en-US" sz="1000">
                <a:solidFill>
                  <a:sysClr val="windowText" lastClr="000000"/>
                </a:solidFill>
              </a:rPr>
              <a:t>写し</a:t>
            </a:r>
            <a:r>
              <a:rPr kumimoji="1" lang="en-US" altLang="ja-JP" sz="1000">
                <a:solidFill>
                  <a:sysClr val="windowText" lastClr="000000"/>
                </a:solidFill>
              </a:rPr>
              <a:t>)※</a:t>
            </a:r>
            <a:endParaRPr kumimoji="1" lang="ja-JP" altLang="en-US" sz="1000">
              <a:solidFill>
                <a:sysClr val="windowText" lastClr="000000"/>
              </a:solidFill>
            </a:endParaRPr>
          </a:p>
        </xdr:txBody>
      </xdr:sp>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331289" y="2522677"/>
            <a:ext cx="2772331" cy="942527"/>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⑦</a:t>
            </a:r>
            <a:r>
              <a:rPr kumimoji="1" lang="en-US" altLang="ja-JP" sz="1100">
                <a:solidFill>
                  <a:sysClr val="windowText" lastClr="000000"/>
                </a:solidFill>
              </a:rPr>
              <a:t>(</a:t>
            </a:r>
            <a:r>
              <a:rPr kumimoji="1" lang="ja-JP" altLang="en-US" sz="1100">
                <a:solidFill>
                  <a:sysClr val="windowText" lastClr="000000"/>
                </a:solidFill>
              </a:rPr>
              <a:t>元請</a:t>
            </a:r>
            <a:r>
              <a:rPr kumimoji="1" lang="en-US" altLang="ja-JP" sz="1100">
                <a:solidFill>
                  <a:sysClr val="windowText" lastClr="000000"/>
                </a:solidFill>
              </a:rPr>
              <a:t>-1</a:t>
            </a:r>
            <a:r>
              <a:rPr kumimoji="1" lang="ja-JP" altLang="en-US" sz="1100">
                <a:solidFill>
                  <a:sysClr val="windowText" lastClr="000000"/>
                </a:solidFill>
              </a:rPr>
              <a:t>次</a:t>
            </a:r>
            <a:r>
              <a:rPr kumimoji="1" lang="en-US" altLang="ja-JP" sz="1100">
                <a:solidFill>
                  <a:sysClr val="windowText" lastClr="000000"/>
                </a:solidFill>
              </a:rPr>
              <a:t>)</a:t>
            </a:r>
            <a:r>
              <a:rPr kumimoji="1" lang="ja-JP" altLang="en-US" sz="1100">
                <a:solidFill>
                  <a:sysClr val="windowText" lastClr="000000"/>
                </a:solidFill>
              </a:rPr>
              <a:t>合意書</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3371739" y="2802474"/>
            <a:ext cx="2777601" cy="948691"/>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③</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元請</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作業員名簿（写し）</a:t>
            </a:r>
            <a:endParaRPr lang="ja-JP" altLang="ja-JP">
              <a:solidFill>
                <a:sysClr val="windowText" lastClr="000000"/>
              </a:solidFill>
              <a:effectLst/>
            </a:endParaRPr>
          </a:p>
          <a:p>
            <a:endParaRPr kumimoji="1" lang="ja-JP" altLang="en-US" sz="1100">
              <a:solidFill>
                <a:srgbClr val="FF0000"/>
              </a:solidFill>
            </a:endParaRPr>
          </a:p>
        </xdr:txBody>
      </xdr:sp>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411522" y="3083526"/>
            <a:ext cx="2775918" cy="952051"/>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②</a:t>
            </a:r>
            <a:r>
              <a:rPr kumimoji="1" lang="ja-JP" altLang="ja-JP" sz="1100">
                <a:solidFill>
                  <a:schemeClr val="dk1"/>
                </a:solidFill>
                <a:effectLst/>
                <a:latin typeface="+mn-lt"/>
                <a:ea typeface="+mn-ea"/>
                <a:cs typeface="+mn-cs"/>
              </a:rPr>
              <a:t>施工体制台帳</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写し</a:t>
            </a:r>
            <a:r>
              <a:rPr kumimoji="1" lang="en-US" altLang="ja-JP" sz="1100">
                <a:solidFill>
                  <a:schemeClr val="dk1"/>
                </a:solidFill>
                <a:effectLst/>
                <a:latin typeface="+mn-lt"/>
                <a:ea typeface="+mn-ea"/>
                <a:cs typeface="+mn-cs"/>
              </a:rPr>
              <a:t>)</a:t>
            </a:r>
            <a:endParaRPr lang="ja-JP" altLang="ja-JP">
              <a:solidFill>
                <a:srgbClr val="FF0000"/>
              </a:solidFill>
              <a:effectLst/>
            </a:endParaRPr>
          </a:p>
        </xdr:txBody>
      </xdr:sp>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3459148" y="3334647"/>
            <a:ext cx="2766392" cy="952052"/>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①施工体系図</a:t>
            </a:r>
          </a:p>
        </xdr:txBody>
      </xdr:sp>
      <xdr:grpSp>
        <xdr:nvGrpSpPr>
          <xdr:cNvPr id="78" name="グループ化 7">
            <a:extLst>
              <a:ext uri="{FF2B5EF4-FFF2-40B4-BE49-F238E27FC236}">
                <a16:creationId xmlns:a16="http://schemas.microsoft.com/office/drawing/2014/main" id="{00000000-0008-0000-0700-00004E000000}"/>
              </a:ext>
            </a:extLst>
          </xdr:cNvPr>
          <xdr:cNvGrpSpPr>
            <a:grpSpLocks/>
          </xdr:cNvGrpSpPr>
        </xdr:nvGrpSpPr>
        <xdr:grpSpPr bwMode="auto">
          <a:xfrm>
            <a:off x="3500944" y="3643367"/>
            <a:ext cx="2762696" cy="913394"/>
            <a:chOff x="4206127" y="4138893"/>
            <a:chExt cx="2648510" cy="1101926"/>
          </a:xfrm>
        </xdr:grpSpPr>
        <xdr:sp macro="" textlink="">
          <xdr:nvSpPr>
            <xdr:cNvPr id="79" name="メモ 47" title="下請負契約書">
              <a:extLst>
                <a:ext uri="{FF2B5EF4-FFF2-40B4-BE49-F238E27FC236}">
                  <a16:creationId xmlns:a16="http://schemas.microsoft.com/office/drawing/2014/main" id="{00000000-0008-0000-0700-00004F000000}"/>
                </a:ext>
              </a:extLst>
            </xdr:cNvPr>
            <xdr:cNvSpPr/>
          </xdr:nvSpPr>
          <xdr:spPr>
            <a:xfrm>
              <a:off x="4206127" y="4138893"/>
              <a:ext cx="2648510" cy="1101926"/>
            </a:xfrm>
            <a:prstGeom prst="foldedCorner">
              <a:avLst/>
            </a:prstGeom>
            <a:solidFill>
              <a:schemeClr val="bg1"/>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4424463" y="4521766"/>
              <a:ext cx="1870095" cy="242797"/>
            </a:xfrm>
            <a:prstGeom prst="rect">
              <a:avLst/>
            </a:prstGeom>
            <a:solidFill>
              <a:schemeClr val="lt1"/>
            </a:solidFill>
            <a:ln w="9525" cmpd="sng">
              <a:solidFill>
                <a:schemeClr val="bg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　　　　　　工事打合簿　　</a:t>
              </a:r>
            </a:p>
          </xdr:txBody>
        </xdr:sp>
      </xdr:grpSp>
    </xdr:grpSp>
    <xdr:clientData/>
  </xdr:twoCellAnchor>
  <xdr:twoCellAnchor>
    <xdr:from>
      <xdr:col>5</xdr:col>
      <xdr:colOff>502920</xdr:colOff>
      <xdr:row>33</xdr:row>
      <xdr:rowOff>140970</xdr:rowOff>
    </xdr:from>
    <xdr:to>
      <xdr:col>11</xdr:col>
      <xdr:colOff>53340</xdr:colOff>
      <xdr:row>41</xdr:row>
      <xdr:rowOff>160020</xdr:rowOff>
    </xdr:to>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50920" y="5673090"/>
          <a:ext cx="3208020" cy="1360170"/>
        </a:xfrm>
        <a:prstGeom prst="rect">
          <a:avLst/>
        </a:prstGeom>
        <a:solidFill>
          <a:schemeClr val="lt1"/>
        </a:solidFill>
        <a:ln w="9525" cmpd="sng">
          <a:solidFill>
            <a:schemeClr val="bg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en-US" altLang="ja-JP" sz="1100"/>
            <a:t>【</a:t>
          </a:r>
          <a:r>
            <a:rPr kumimoji="1" lang="ja-JP" altLang="en-US" sz="1100"/>
            <a:t>事例２</a:t>
          </a:r>
          <a:r>
            <a:rPr kumimoji="1" lang="en-US" altLang="ja-JP" sz="1100"/>
            <a:t>】</a:t>
          </a:r>
        </a:p>
        <a:p>
          <a:pPr>
            <a:lnSpc>
              <a:spcPts val="1300"/>
            </a:lnSpc>
          </a:pPr>
          <a:r>
            <a:rPr kumimoji="1" lang="ja-JP" altLang="en-US" sz="1050"/>
            <a:t>再下請負契約が無い、あるいは未決定のため、施工体制台帳（写）だけを提出する場合。</a:t>
          </a:r>
          <a:endParaRPr kumimoji="1" lang="en-US" altLang="ja-JP" sz="1050"/>
        </a:p>
        <a:p>
          <a:pPr>
            <a:lnSpc>
              <a:spcPts val="1300"/>
            </a:lnSpc>
          </a:pPr>
          <a:endParaRPr kumimoji="1" lang="en-US" altLang="ja-JP" sz="1050"/>
        </a:p>
        <a:p>
          <a:pPr marL="0" marR="0" lvl="0" indent="0" defTabSz="914400" eaLnBrk="1" fontAlgn="auto" latinLnBrk="0" hangingPunct="1">
            <a:lnSpc>
              <a:spcPts val="1300"/>
            </a:lnSpc>
            <a:spcBef>
              <a:spcPts val="0"/>
            </a:spcBef>
            <a:spcAft>
              <a:spcPts val="0"/>
            </a:spcAft>
            <a:buClrTx/>
            <a:buSzTx/>
            <a:buFontTx/>
            <a:buNone/>
            <a:tabLst/>
            <a:defRPr/>
          </a:pPr>
          <a:r>
            <a:rPr kumimoji="1" lang="en-US" altLang="ja-JP" sz="1050">
              <a:solidFill>
                <a:sysClr val="windowText" lastClr="000000"/>
              </a:solidFill>
              <a:effectLst/>
              <a:latin typeface="+mn-lt"/>
              <a:ea typeface="+mn-ea"/>
              <a:cs typeface="+mn-cs"/>
            </a:rPr>
            <a:t>※</a:t>
          </a:r>
          <a:r>
            <a:rPr kumimoji="1" lang="ja-JP" altLang="ja-JP" sz="1050">
              <a:solidFill>
                <a:sysClr val="windowText" lastClr="000000"/>
              </a:solidFill>
              <a:effectLst/>
              <a:latin typeface="+mn-lt"/>
              <a:ea typeface="+mn-ea"/>
              <a:cs typeface="+mn-cs"/>
            </a:rPr>
            <a:t>特定専門工事があり、当該下請けに主任技術者を配置しない場合（特定専門工事が</a:t>
          </a:r>
          <a:r>
            <a:rPr kumimoji="1" lang="en-US" altLang="ja-JP" sz="1050">
              <a:solidFill>
                <a:sysClr val="windowText" lastClr="000000"/>
              </a:solidFill>
              <a:effectLst/>
              <a:latin typeface="+mn-lt"/>
              <a:ea typeface="+mn-ea"/>
              <a:cs typeface="+mn-cs"/>
            </a:rPr>
            <a:t>1</a:t>
          </a:r>
          <a:r>
            <a:rPr kumimoji="1" lang="ja-JP" altLang="ja-JP" sz="1050">
              <a:solidFill>
                <a:sysClr val="windowText" lastClr="000000"/>
              </a:solidFill>
              <a:effectLst/>
              <a:latin typeface="+mn-lt"/>
              <a:ea typeface="+mn-ea"/>
              <a:cs typeface="+mn-cs"/>
            </a:rPr>
            <a:t>次下請負以降にある場合も同様に添付）</a:t>
          </a:r>
          <a:endParaRPr lang="ja-JP" altLang="ja-JP" sz="1050">
            <a:solidFill>
              <a:sysClr val="windowText" lastClr="000000"/>
            </a:solidFill>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3</xdr:col>
      <xdr:colOff>478153</xdr:colOff>
      <xdr:row>4</xdr:row>
      <xdr:rowOff>83820</xdr:rowOff>
    </xdr:from>
    <xdr:to>
      <xdr:col>8</xdr:col>
      <xdr:colOff>78105</xdr:colOff>
      <xdr:row>10</xdr:row>
      <xdr:rowOff>20955</xdr:rowOff>
    </xdr:to>
    <xdr:sp macro="" textlink="">
      <xdr:nvSpPr>
        <xdr:cNvPr id="2" name="テキスト ボックス 1">
          <a:extLst>
            <a:ext uri="{FF2B5EF4-FFF2-40B4-BE49-F238E27FC236}">
              <a16:creationId xmlns:a16="http://schemas.microsoft.com/office/drawing/2014/main" id="{00000000-0008-0000-0800-000002000000}"/>
            </a:ext>
          </a:extLst>
        </xdr:cNvPr>
        <xdr:cNvSpPr txBox="1"/>
      </xdr:nvSpPr>
      <xdr:spPr>
        <a:xfrm>
          <a:off x="2306953" y="754380"/>
          <a:ext cx="2647952" cy="942975"/>
        </a:xfrm>
        <a:prstGeom prst="rect">
          <a:avLst/>
        </a:prstGeom>
        <a:solidFill>
          <a:sysClr val="window" lastClr="FFFFFF"/>
        </a:solidFill>
        <a:ln w="12700"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⑤Ｂ社</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rPr>
            <a:t>(1</a:t>
          </a: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次</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rPr>
            <a:t>)</a:t>
          </a:r>
          <a:r>
            <a:rPr kumimoji="1" lang="ja-JP" altLang="ja-JP" sz="1100">
              <a:solidFill>
                <a:sysClr val="windowText" lastClr="000000"/>
              </a:solidFill>
              <a:effectLst/>
              <a:latin typeface="+mn-lt"/>
              <a:ea typeface="+mn-ea"/>
              <a:cs typeface="+mn-cs"/>
            </a:rPr>
            <a:t>作業員名簿</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rPr>
            <a:t>(</a:t>
          </a: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写し</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rPr>
            <a:t>)</a:t>
          </a:r>
          <a:endPar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endParaRPr>
        </a:p>
      </xdr:txBody>
    </xdr:sp>
    <xdr:clientData/>
  </xdr:twoCellAnchor>
  <xdr:twoCellAnchor>
    <xdr:from>
      <xdr:col>0</xdr:col>
      <xdr:colOff>351416</xdr:colOff>
      <xdr:row>18</xdr:row>
      <xdr:rowOff>132795</xdr:rowOff>
    </xdr:from>
    <xdr:to>
      <xdr:col>5</xdr:col>
      <xdr:colOff>16136</xdr:colOff>
      <xdr:row>24</xdr:row>
      <xdr:rowOff>66121</xdr:rowOff>
    </xdr:to>
    <xdr:sp macro="" textlink="">
      <xdr:nvSpPr>
        <xdr:cNvPr id="3" name="テキスト ボックス 2">
          <a:extLst>
            <a:ext uri="{FF2B5EF4-FFF2-40B4-BE49-F238E27FC236}">
              <a16:creationId xmlns:a16="http://schemas.microsoft.com/office/drawing/2014/main" id="{00000000-0008-0000-0800-000003000000}"/>
            </a:ext>
          </a:extLst>
        </xdr:cNvPr>
        <xdr:cNvSpPr txBox="1"/>
      </xdr:nvSpPr>
      <xdr:spPr>
        <a:xfrm>
          <a:off x="351416" y="3150315"/>
          <a:ext cx="2712720" cy="939166"/>
        </a:xfrm>
        <a:prstGeom prst="rect">
          <a:avLst/>
        </a:prstGeom>
        <a:solidFill>
          <a:sysClr val="window" lastClr="FFFFFF"/>
        </a:solidFill>
        <a:ln w="12700" cmpd="sng">
          <a:solidFill>
            <a:sysClr val="windowText" lastClr="000000"/>
          </a:solidFill>
        </a:ln>
        <a:effectLst/>
      </xdr:spPr>
      <xdr:txBody>
        <a:bodyPr vertOverflow="clip" horzOverflow="clip" wrap="square" rtlCol="0" anchor="t"/>
        <a:lstStyle/>
        <a:p>
          <a:pPr eaLnBrk="1" fontAlgn="auto" latinLnBrk="0" hangingPunct="1"/>
          <a:r>
            <a:rPr kumimoji="1" lang="ja-JP" altLang="en-US" sz="1100">
              <a:solidFill>
                <a:sysClr val="windowText" lastClr="000000"/>
              </a:solidFill>
              <a:effectLst/>
              <a:latin typeface="+mn-lt"/>
              <a:ea typeface="+mn-ea"/>
              <a:cs typeface="+mn-cs"/>
            </a:rPr>
            <a:t>⑤</a:t>
          </a:r>
          <a:r>
            <a:rPr kumimoji="1" lang="en-US" altLang="ja-JP" sz="1100">
              <a:solidFill>
                <a:sysClr val="windowText" lastClr="000000"/>
              </a:solidFill>
              <a:effectLst/>
              <a:latin typeface="+mn-lt"/>
              <a:ea typeface="+mn-ea"/>
              <a:cs typeface="+mn-cs"/>
            </a:rPr>
            <a:t>(2</a:t>
          </a:r>
          <a:r>
            <a:rPr kumimoji="1" lang="ja-JP" altLang="ja-JP" sz="1100">
              <a:solidFill>
                <a:sysClr val="windowText" lastClr="000000"/>
              </a:solidFill>
              <a:effectLst/>
              <a:latin typeface="+mn-lt"/>
              <a:ea typeface="+mn-ea"/>
              <a:cs typeface="+mn-cs"/>
            </a:rPr>
            <a:t>次</a:t>
          </a:r>
          <a:r>
            <a:rPr kumimoji="1" lang="ja-JP" altLang="en-US" sz="1100">
              <a:solidFill>
                <a:sysClr val="windowText" lastClr="000000"/>
              </a:solidFill>
              <a:effectLst/>
              <a:latin typeface="+mn-lt"/>
              <a:ea typeface="+mn-ea"/>
              <a:cs typeface="+mn-cs"/>
            </a:rPr>
            <a:t>以下</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作業員名簿</a:t>
          </a: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写し</a:t>
          </a:r>
          <a:r>
            <a:rPr kumimoji="1" lang="en-US" altLang="ja-JP" sz="1100">
              <a:solidFill>
                <a:sysClr val="windowText" lastClr="000000"/>
              </a:solidFill>
              <a:effectLst/>
              <a:latin typeface="+mn-lt"/>
              <a:ea typeface="+mn-ea"/>
              <a:cs typeface="+mn-cs"/>
            </a:rPr>
            <a:t>)</a:t>
          </a:r>
          <a:endParaRPr lang="ja-JP" altLang="ja-JP">
            <a:solidFill>
              <a:sysClr val="windowText" lastClr="000000"/>
            </a:solidFill>
            <a:effectLst/>
          </a:endParaRPr>
        </a:p>
      </xdr:txBody>
    </xdr:sp>
    <xdr:clientData/>
  </xdr:twoCellAnchor>
  <xdr:twoCellAnchor>
    <xdr:from>
      <xdr:col>3</xdr:col>
      <xdr:colOff>586739</xdr:colOff>
      <xdr:row>6</xdr:row>
      <xdr:rowOff>51435</xdr:rowOff>
    </xdr:from>
    <xdr:to>
      <xdr:col>8</xdr:col>
      <xdr:colOff>215265</xdr:colOff>
      <xdr:row>11</xdr:row>
      <xdr:rowOff>152400</xdr:rowOff>
    </xdr:to>
    <xdr:sp macro="" textlink="">
      <xdr:nvSpPr>
        <xdr:cNvPr id="4" name="テキスト ボックス 3">
          <a:extLst>
            <a:ext uri="{FF2B5EF4-FFF2-40B4-BE49-F238E27FC236}">
              <a16:creationId xmlns:a16="http://schemas.microsoft.com/office/drawing/2014/main" id="{00000000-0008-0000-0800-000004000000}"/>
            </a:ext>
          </a:extLst>
        </xdr:cNvPr>
        <xdr:cNvSpPr txBox="1"/>
      </xdr:nvSpPr>
      <xdr:spPr>
        <a:xfrm>
          <a:off x="2415539" y="1057275"/>
          <a:ext cx="2676526" cy="939165"/>
        </a:xfrm>
        <a:prstGeom prst="rect">
          <a:avLst/>
        </a:prstGeom>
        <a:solidFill>
          <a:sysClr val="window" lastClr="FFFFFF"/>
        </a:solidFill>
        <a:ln w="12700"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④Ｂ社</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rPr>
            <a:t>(1</a:t>
          </a: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次</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rPr>
            <a:t>)</a:t>
          </a: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下請負契約書（写し）</a:t>
          </a:r>
        </a:p>
      </xdr:txBody>
    </xdr:sp>
    <xdr:clientData/>
  </xdr:twoCellAnchor>
  <xdr:twoCellAnchor>
    <xdr:from>
      <xdr:col>4</xdr:col>
      <xdr:colOff>81914</xdr:colOff>
      <xdr:row>7</xdr:row>
      <xdr:rowOff>152400</xdr:rowOff>
    </xdr:from>
    <xdr:to>
      <xdr:col>8</xdr:col>
      <xdr:colOff>339090</xdr:colOff>
      <xdr:row>13</xdr:row>
      <xdr:rowOff>89535</xdr:rowOff>
    </xdr:to>
    <xdr:sp macro="" textlink="">
      <xdr:nvSpPr>
        <xdr:cNvPr id="5" name="テキスト ボックス 4">
          <a:extLst>
            <a:ext uri="{FF2B5EF4-FFF2-40B4-BE49-F238E27FC236}">
              <a16:creationId xmlns:a16="http://schemas.microsoft.com/office/drawing/2014/main" id="{00000000-0008-0000-0800-000005000000}"/>
            </a:ext>
          </a:extLst>
        </xdr:cNvPr>
        <xdr:cNvSpPr txBox="1"/>
      </xdr:nvSpPr>
      <xdr:spPr>
        <a:xfrm>
          <a:off x="2520314" y="1325880"/>
          <a:ext cx="2695576" cy="942975"/>
        </a:xfrm>
        <a:prstGeom prst="rect">
          <a:avLst/>
        </a:prstGeom>
        <a:solidFill>
          <a:sysClr val="window" lastClr="FFFFFF"/>
        </a:solidFill>
        <a:ln w="12700"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②Ｂ社施工体制台帳（写し）</a:t>
          </a:r>
        </a:p>
      </xdr:txBody>
    </xdr:sp>
    <xdr:clientData/>
  </xdr:twoCellAnchor>
  <xdr:oneCellAnchor>
    <xdr:from>
      <xdr:col>0</xdr:col>
      <xdr:colOff>0</xdr:colOff>
      <xdr:row>0</xdr:row>
      <xdr:rowOff>1</xdr:rowOff>
    </xdr:from>
    <xdr:ext cx="10401301" cy="392415"/>
    <xdr:sp macro="" textlink="">
      <xdr:nvSpPr>
        <xdr:cNvPr id="6" name="テキスト ボックス 5">
          <a:extLst>
            <a:ext uri="{FF2B5EF4-FFF2-40B4-BE49-F238E27FC236}">
              <a16:creationId xmlns:a16="http://schemas.microsoft.com/office/drawing/2014/main" id="{00000000-0008-0000-0800-000006000000}"/>
            </a:ext>
          </a:extLst>
        </xdr:cNvPr>
        <xdr:cNvSpPr txBox="1"/>
      </xdr:nvSpPr>
      <xdr:spPr>
        <a:xfrm>
          <a:off x="0" y="1"/>
          <a:ext cx="10401301" cy="39241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spAutoFit/>
        </a:bodyPr>
        <a:lstStyle/>
        <a:p>
          <a:r>
            <a:rPr kumimoji="1" lang="ja-JP" altLang="en-US" sz="1800"/>
            <a:t>（参考）発注者に提出する書類</a:t>
          </a:r>
        </a:p>
      </xdr:txBody>
    </xdr:sp>
    <xdr:clientData/>
  </xdr:oneCellAnchor>
  <xdr:twoCellAnchor>
    <xdr:from>
      <xdr:col>11</xdr:col>
      <xdr:colOff>205068</xdr:colOff>
      <xdr:row>28</xdr:row>
      <xdr:rowOff>114300</xdr:rowOff>
    </xdr:from>
    <xdr:to>
      <xdr:col>14</xdr:col>
      <xdr:colOff>670560</xdr:colOff>
      <xdr:row>38</xdr:row>
      <xdr:rowOff>41461</xdr:rowOff>
    </xdr:to>
    <xdr:sp macro="" textlink="">
      <xdr:nvSpPr>
        <xdr:cNvPr id="7" name="テキスト ボックス 6">
          <a:extLst>
            <a:ext uri="{FF2B5EF4-FFF2-40B4-BE49-F238E27FC236}">
              <a16:creationId xmlns:a16="http://schemas.microsoft.com/office/drawing/2014/main" id="{00000000-0008-0000-0800-000007000000}"/>
            </a:ext>
          </a:extLst>
        </xdr:cNvPr>
        <xdr:cNvSpPr txBox="1"/>
      </xdr:nvSpPr>
      <xdr:spPr>
        <a:xfrm>
          <a:off x="6910668" y="4808220"/>
          <a:ext cx="2294292" cy="1603561"/>
        </a:xfrm>
        <a:prstGeom prst="rect">
          <a:avLst/>
        </a:prstGeom>
        <a:solidFill>
          <a:schemeClr val="lt1"/>
        </a:solidFill>
        <a:ln w="9525" cmpd="sng">
          <a:solidFill>
            <a:schemeClr val="bg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en-US" altLang="ja-JP" sz="1100"/>
            <a:t>【</a:t>
          </a:r>
          <a:r>
            <a:rPr kumimoji="1" lang="ja-JP" altLang="en-US" sz="1100"/>
            <a:t>事例４</a:t>
          </a:r>
          <a:r>
            <a:rPr kumimoji="1" lang="en-US" altLang="ja-JP" sz="1100"/>
            <a:t>】</a:t>
          </a: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t>１次下請が２社以上決まっているため、複数の施工体制台帳（写）を併せて提出する場合。</a:t>
          </a:r>
          <a:endParaRPr kumimoji="1" lang="en-US" altLang="ja-JP" sz="1100"/>
        </a:p>
        <a:p>
          <a:pPr marL="0" marR="0" lvl="0" indent="0" defTabSz="914400" eaLnBrk="1" fontAlgn="auto" latinLnBrk="0" hangingPunct="1">
            <a:lnSpc>
              <a:spcPts val="1300"/>
            </a:lnSpc>
            <a:spcBef>
              <a:spcPts val="0"/>
            </a:spcBef>
            <a:spcAft>
              <a:spcPts val="0"/>
            </a:spcAft>
            <a:buClrTx/>
            <a:buSzTx/>
            <a:buFontTx/>
            <a:buNone/>
            <a:tabLst/>
            <a:defRPr/>
          </a:pP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特定専門工事があり、当該下請けに主任技術者を配置しない場合（特定専門工事が</a:t>
          </a:r>
          <a:r>
            <a:rPr kumimoji="1" lang="en-US" altLang="ja-JP" sz="1100">
              <a:solidFill>
                <a:sysClr val="windowText" lastClr="000000"/>
              </a:solidFill>
              <a:effectLst/>
              <a:latin typeface="+mn-lt"/>
              <a:ea typeface="+mn-ea"/>
              <a:cs typeface="+mn-cs"/>
            </a:rPr>
            <a:t>1</a:t>
          </a:r>
          <a:r>
            <a:rPr kumimoji="1" lang="ja-JP" altLang="ja-JP" sz="1100">
              <a:solidFill>
                <a:sysClr val="windowText" lastClr="000000"/>
              </a:solidFill>
              <a:effectLst/>
              <a:latin typeface="+mn-lt"/>
              <a:ea typeface="+mn-ea"/>
              <a:cs typeface="+mn-cs"/>
            </a:rPr>
            <a:t>次下請負以降にある場合も同様に添付）</a:t>
          </a:r>
          <a:endParaRPr lang="ja-JP" altLang="ja-JP">
            <a:solidFill>
              <a:sysClr val="windowText" lastClr="000000"/>
            </a:solidFill>
            <a:effectLst/>
          </a:endParaRPr>
        </a:p>
        <a:p>
          <a:pPr>
            <a:lnSpc>
              <a:spcPts val="1300"/>
            </a:lnSpc>
          </a:pPr>
          <a:endParaRPr kumimoji="1" lang="ja-JP" altLang="en-US" sz="1100">
            <a:solidFill>
              <a:srgbClr val="FF0000"/>
            </a:solidFill>
          </a:endParaRPr>
        </a:p>
      </xdr:txBody>
    </xdr:sp>
    <xdr:clientData/>
  </xdr:twoCellAnchor>
  <xdr:twoCellAnchor>
    <xdr:from>
      <xdr:col>5</xdr:col>
      <xdr:colOff>598392</xdr:colOff>
      <xdr:row>14</xdr:row>
      <xdr:rowOff>22079</xdr:rowOff>
    </xdr:from>
    <xdr:to>
      <xdr:col>10</xdr:col>
      <xdr:colOff>198344</xdr:colOff>
      <xdr:row>20</xdr:row>
      <xdr:rowOff>22078</xdr:rowOff>
    </xdr:to>
    <xdr:sp macro="" textlink="">
      <xdr:nvSpPr>
        <xdr:cNvPr id="8" name="テキスト ボックス 7">
          <a:extLst>
            <a:ext uri="{FF2B5EF4-FFF2-40B4-BE49-F238E27FC236}">
              <a16:creationId xmlns:a16="http://schemas.microsoft.com/office/drawing/2014/main" id="{00000000-0008-0000-0800-000008000000}"/>
            </a:ext>
          </a:extLst>
        </xdr:cNvPr>
        <xdr:cNvSpPr txBox="1"/>
      </xdr:nvSpPr>
      <xdr:spPr>
        <a:xfrm>
          <a:off x="3646392" y="2369039"/>
          <a:ext cx="2647952" cy="1005839"/>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⑪Ａ社</a:t>
          </a:r>
          <a:r>
            <a:rPr kumimoji="1" lang="en-US" altLang="ja-JP" sz="1100">
              <a:solidFill>
                <a:sysClr val="windowText" lastClr="000000"/>
              </a:solidFill>
            </a:rPr>
            <a:t>(1</a:t>
          </a:r>
          <a:r>
            <a:rPr kumimoji="1" lang="ja-JP" altLang="en-US" sz="1100">
              <a:solidFill>
                <a:sysClr val="windowText" lastClr="000000"/>
              </a:solidFill>
            </a:rPr>
            <a:t>次</a:t>
          </a:r>
          <a:r>
            <a:rPr kumimoji="1" lang="en-US" altLang="ja-JP" sz="1100">
              <a:solidFill>
                <a:sysClr val="windowText" lastClr="000000"/>
              </a:solidFill>
            </a:rPr>
            <a:t>)</a:t>
          </a:r>
          <a:r>
            <a:rPr kumimoji="1" lang="ja-JP" altLang="en-US" sz="1100">
              <a:solidFill>
                <a:sysClr val="windowText" lastClr="000000"/>
              </a:solidFill>
            </a:rPr>
            <a:t>作業員名簿</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clientData/>
  </xdr:twoCellAnchor>
  <xdr:twoCellAnchor>
    <xdr:from>
      <xdr:col>6</xdr:col>
      <xdr:colOff>99059</xdr:colOff>
      <xdr:row>16</xdr:row>
      <xdr:rowOff>71049</xdr:rowOff>
    </xdr:from>
    <xdr:to>
      <xdr:col>10</xdr:col>
      <xdr:colOff>375285</xdr:colOff>
      <xdr:row>22</xdr:row>
      <xdr:rowOff>71049</xdr:rowOff>
    </xdr:to>
    <xdr:sp macro="" textlink="">
      <xdr:nvSpPr>
        <xdr:cNvPr id="9" name="テキスト ボックス 8">
          <a:extLst>
            <a:ext uri="{FF2B5EF4-FFF2-40B4-BE49-F238E27FC236}">
              <a16:creationId xmlns:a16="http://schemas.microsoft.com/office/drawing/2014/main" id="{00000000-0008-0000-0800-000009000000}"/>
            </a:ext>
          </a:extLst>
        </xdr:cNvPr>
        <xdr:cNvSpPr txBox="1"/>
      </xdr:nvSpPr>
      <xdr:spPr>
        <a:xfrm>
          <a:off x="3756659" y="2753289"/>
          <a:ext cx="2714626" cy="1005840"/>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⑧Ａ社</a:t>
          </a:r>
          <a:r>
            <a:rPr kumimoji="1" lang="en-US" altLang="ja-JP" sz="1100"/>
            <a:t>(1</a:t>
          </a:r>
          <a:r>
            <a:rPr kumimoji="1" lang="ja-JP" altLang="en-US" sz="1100"/>
            <a:t>次</a:t>
          </a:r>
          <a:r>
            <a:rPr kumimoji="1" lang="en-US" altLang="ja-JP" sz="1100"/>
            <a:t>)</a:t>
          </a:r>
          <a:r>
            <a:rPr kumimoji="1" lang="ja-JP" altLang="en-US" sz="1100"/>
            <a:t>下請負契約書（写し）</a:t>
          </a:r>
        </a:p>
      </xdr:txBody>
    </xdr:sp>
    <xdr:clientData/>
  </xdr:twoCellAnchor>
  <xdr:twoCellAnchor>
    <xdr:from>
      <xdr:col>6</xdr:col>
      <xdr:colOff>194309</xdr:colOff>
      <xdr:row>18</xdr:row>
      <xdr:rowOff>99623</xdr:rowOff>
    </xdr:from>
    <xdr:to>
      <xdr:col>10</xdr:col>
      <xdr:colOff>480061</xdr:colOff>
      <xdr:row>24</xdr:row>
      <xdr:rowOff>99622</xdr:rowOff>
    </xdr:to>
    <xdr:sp macro="" textlink="">
      <xdr:nvSpPr>
        <xdr:cNvPr id="10" name="テキスト ボックス 9">
          <a:extLst>
            <a:ext uri="{FF2B5EF4-FFF2-40B4-BE49-F238E27FC236}">
              <a16:creationId xmlns:a16="http://schemas.microsoft.com/office/drawing/2014/main" id="{00000000-0008-0000-0800-00000A000000}"/>
            </a:ext>
          </a:extLst>
        </xdr:cNvPr>
        <xdr:cNvSpPr txBox="1"/>
      </xdr:nvSpPr>
      <xdr:spPr>
        <a:xfrm>
          <a:off x="3851909" y="3117143"/>
          <a:ext cx="2724152" cy="1005839"/>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effectLst/>
              <a:latin typeface="+mn-lt"/>
              <a:ea typeface="+mn-ea"/>
              <a:cs typeface="+mn-cs"/>
            </a:rPr>
            <a:t>⑥（元請）</a:t>
          </a:r>
          <a:r>
            <a:rPr kumimoji="1" lang="ja-JP" altLang="en-US" sz="1100">
              <a:solidFill>
                <a:sysClr val="windowText" lastClr="000000"/>
              </a:solidFill>
            </a:rPr>
            <a:t>作業員名簿</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clientData/>
  </xdr:twoCellAnchor>
  <xdr:twoCellAnchor>
    <xdr:from>
      <xdr:col>6</xdr:col>
      <xdr:colOff>289558</xdr:colOff>
      <xdr:row>20</xdr:row>
      <xdr:rowOff>128198</xdr:rowOff>
    </xdr:from>
    <xdr:to>
      <xdr:col>10</xdr:col>
      <xdr:colOff>594359</xdr:colOff>
      <xdr:row>26</xdr:row>
      <xdr:rowOff>128199</xdr:rowOff>
    </xdr:to>
    <xdr:sp macro="" textlink="">
      <xdr:nvSpPr>
        <xdr:cNvPr id="11" name="テキスト ボックス 10">
          <a:extLst>
            <a:ext uri="{FF2B5EF4-FFF2-40B4-BE49-F238E27FC236}">
              <a16:creationId xmlns:a16="http://schemas.microsoft.com/office/drawing/2014/main" id="{00000000-0008-0000-0800-00000B000000}"/>
            </a:ext>
          </a:extLst>
        </xdr:cNvPr>
        <xdr:cNvSpPr txBox="1"/>
      </xdr:nvSpPr>
      <xdr:spPr>
        <a:xfrm>
          <a:off x="3947158" y="3480998"/>
          <a:ext cx="2743201" cy="1005841"/>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④</a:t>
          </a:r>
          <a:r>
            <a:rPr kumimoji="1" lang="ja-JP" altLang="ja-JP" sz="1100">
              <a:solidFill>
                <a:schemeClr val="dk1"/>
              </a:solidFill>
              <a:effectLst/>
              <a:latin typeface="+mn-lt"/>
              <a:ea typeface="+mn-ea"/>
              <a:cs typeface="+mn-cs"/>
            </a:rPr>
            <a:t>Ａ社</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次</a:t>
          </a:r>
          <a:r>
            <a:rPr kumimoji="1" lang="en-US" altLang="ja-JP" sz="1100">
              <a:solidFill>
                <a:schemeClr val="dk1"/>
              </a:solidFill>
              <a:effectLst/>
              <a:latin typeface="+mn-lt"/>
              <a:ea typeface="+mn-ea"/>
              <a:cs typeface="+mn-cs"/>
            </a:rPr>
            <a:t>)</a:t>
          </a:r>
          <a:r>
            <a:rPr kumimoji="1" lang="ja-JP" altLang="en-US" sz="1100"/>
            <a:t>施工体制台帳（写し）</a:t>
          </a:r>
        </a:p>
      </xdr:txBody>
    </xdr:sp>
    <xdr:clientData/>
  </xdr:twoCellAnchor>
  <xdr:twoCellAnchor>
    <xdr:from>
      <xdr:col>6</xdr:col>
      <xdr:colOff>398144</xdr:colOff>
      <xdr:row>22</xdr:row>
      <xdr:rowOff>111053</xdr:rowOff>
    </xdr:from>
    <xdr:to>
      <xdr:col>11</xdr:col>
      <xdr:colOff>68580</xdr:colOff>
      <xdr:row>28</xdr:row>
      <xdr:rowOff>111054</xdr:rowOff>
    </xdr:to>
    <xdr:sp macro="" textlink="">
      <xdr:nvSpPr>
        <xdr:cNvPr id="12" name="テキスト ボックス 11">
          <a:extLst>
            <a:ext uri="{FF2B5EF4-FFF2-40B4-BE49-F238E27FC236}">
              <a16:creationId xmlns:a16="http://schemas.microsoft.com/office/drawing/2014/main" id="{00000000-0008-0000-0800-00000C000000}"/>
            </a:ext>
          </a:extLst>
        </xdr:cNvPr>
        <xdr:cNvSpPr txBox="1"/>
      </xdr:nvSpPr>
      <xdr:spPr>
        <a:xfrm>
          <a:off x="4055744" y="3799133"/>
          <a:ext cx="2718436" cy="1005841"/>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①施工体系図</a:t>
          </a:r>
        </a:p>
      </xdr:txBody>
    </xdr:sp>
    <xdr:clientData/>
  </xdr:twoCellAnchor>
  <xdr:twoCellAnchor>
    <xdr:from>
      <xdr:col>6</xdr:col>
      <xdr:colOff>525780</xdr:colOff>
      <xdr:row>24</xdr:row>
      <xdr:rowOff>123825</xdr:rowOff>
    </xdr:from>
    <xdr:to>
      <xdr:col>11</xdr:col>
      <xdr:colOff>198120</xdr:colOff>
      <xdr:row>31</xdr:row>
      <xdr:rowOff>114300</xdr:rowOff>
    </xdr:to>
    <xdr:grpSp>
      <xdr:nvGrpSpPr>
        <xdr:cNvPr id="13" name="グループ化 1">
          <a:extLst>
            <a:ext uri="{FF2B5EF4-FFF2-40B4-BE49-F238E27FC236}">
              <a16:creationId xmlns:a16="http://schemas.microsoft.com/office/drawing/2014/main" id="{00000000-0008-0000-0800-00000D000000}"/>
            </a:ext>
          </a:extLst>
        </xdr:cNvPr>
        <xdr:cNvGrpSpPr>
          <a:grpSpLocks/>
        </xdr:cNvGrpSpPr>
      </xdr:nvGrpSpPr>
      <xdr:grpSpPr bwMode="auto">
        <a:xfrm>
          <a:off x="4183380" y="4086225"/>
          <a:ext cx="2720340" cy="1146175"/>
          <a:chOff x="4460983" y="4603110"/>
          <a:chExt cx="2989866" cy="1187062"/>
        </a:xfrm>
      </xdr:grpSpPr>
      <xdr:sp macro="" textlink="">
        <xdr:nvSpPr>
          <xdr:cNvPr id="14" name="メモ 97" title="下請負契約書">
            <a:extLst>
              <a:ext uri="{FF2B5EF4-FFF2-40B4-BE49-F238E27FC236}">
                <a16:creationId xmlns:a16="http://schemas.microsoft.com/office/drawing/2014/main" id="{00000000-0008-0000-0800-00000E000000}"/>
              </a:ext>
            </a:extLst>
          </xdr:cNvPr>
          <xdr:cNvSpPr/>
        </xdr:nvSpPr>
        <xdr:spPr>
          <a:xfrm>
            <a:off x="4460983" y="4603110"/>
            <a:ext cx="2989866" cy="1187062"/>
          </a:xfrm>
          <a:prstGeom prst="foldedCorner">
            <a:avLst/>
          </a:prstGeom>
          <a:solidFill>
            <a:schemeClr val="bg1"/>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sp macro="" textlink="">
        <xdr:nvSpPr>
          <xdr:cNvPr id="15" name="テキスト ボックス 14">
            <a:extLst>
              <a:ext uri="{FF2B5EF4-FFF2-40B4-BE49-F238E27FC236}">
                <a16:creationId xmlns:a16="http://schemas.microsoft.com/office/drawing/2014/main" id="{00000000-0008-0000-0800-00000F000000}"/>
              </a:ext>
            </a:extLst>
          </xdr:cNvPr>
          <xdr:cNvSpPr txBox="1"/>
        </xdr:nvSpPr>
        <xdr:spPr>
          <a:xfrm>
            <a:off x="4470475" y="5077934"/>
            <a:ext cx="2951899" cy="360868"/>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1100"/>
              <a:t>工事打合簿</a:t>
            </a:r>
          </a:p>
        </xdr:txBody>
      </xdr:sp>
    </xdr:grpSp>
    <xdr:clientData/>
  </xdr:twoCellAnchor>
  <xdr:twoCellAnchor>
    <xdr:from>
      <xdr:col>0</xdr:col>
      <xdr:colOff>401953</xdr:colOff>
      <xdr:row>20</xdr:row>
      <xdr:rowOff>83488</xdr:rowOff>
    </xdr:from>
    <xdr:to>
      <xdr:col>5</xdr:col>
      <xdr:colOff>68580</xdr:colOff>
      <xdr:row>26</xdr:row>
      <xdr:rowOff>16814</xdr:rowOff>
    </xdr:to>
    <xdr:sp macro="" textlink="">
      <xdr:nvSpPr>
        <xdr:cNvPr id="16" name="テキスト ボックス 15">
          <a:extLst>
            <a:ext uri="{FF2B5EF4-FFF2-40B4-BE49-F238E27FC236}">
              <a16:creationId xmlns:a16="http://schemas.microsoft.com/office/drawing/2014/main" id="{00000000-0008-0000-0800-000010000000}"/>
            </a:ext>
          </a:extLst>
        </xdr:cNvPr>
        <xdr:cNvSpPr txBox="1"/>
      </xdr:nvSpPr>
      <xdr:spPr>
        <a:xfrm>
          <a:off x="401953" y="3436288"/>
          <a:ext cx="2714627" cy="939166"/>
        </a:xfrm>
        <a:prstGeom prst="rect">
          <a:avLst/>
        </a:prstGeom>
        <a:solidFill>
          <a:sysClr val="window" lastClr="FFFFFF"/>
        </a:solidFill>
        <a:ln w="12700"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④</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cs typeface="+mn-cs"/>
            </a:rPr>
            <a:t>(2</a:t>
          </a:r>
          <a:r>
            <a:rPr kumimoji="1" lang="ja-JP" altLang="ja-JP" sz="1100" b="0" i="0" u="none" strike="noStrike" kern="0" cap="none" spc="0" normalizeH="0" baseline="0" noProof="0">
              <a:ln>
                <a:noFill/>
              </a:ln>
              <a:solidFill>
                <a:sysClr val="windowText" lastClr="000000"/>
              </a:solidFill>
              <a:effectLst/>
              <a:uLnTx/>
              <a:uFillTx/>
              <a:latin typeface="Calibri"/>
              <a:ea typeface="ＭＳ Ｐゴシック"/>
              <a:cs typeface="+mn-cs"/>
            </a:rPr>
            <a:t>次</a:t>
          </a: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以下</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cs typeface="+mn-cs"/>
            </a:rPr>
            <a:t>)</a:t>
          </a: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下請負契約書</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rPr>
            <a:t>(</a:t>
          </a: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写し</a:t>
          </a:r>
          <a:r>
            <a:rPr kumimoji="1" lang="en-US" altLang="ja-JP" sz="1100" b="0" i="0" u="none" strike="noStrike" kern="0" cap="none" spc="0" normalizeH="0" baseline="0" noProof="0">
              <a:ln>
                <a:noFill/>
              </a:ln>
              <a:solidFill>
                <a:sysClr val="windowText" lastClr="000000"/>
              </a:solidFill>
              <a:effectLst/>
              <a:uLnTx/>
              <a:uFillTx/>
              <a:latin typeface="Calibri"/>
              <a:ea typeface="ＭＳ Ｐゴシック"/>
            </a:rPr>
            <a:t>)</a:t>
          </a:r>
          <a:endPar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endParaRPr>
        </a:p>
      </xdr:txBody>
    </xdr:sp>
    <xdr:clientData/>
  </xdr:twoCellAnchor>
  <xdr:twoCellAnchor>
    <xdr:from>
      <xdr:col>0</xdr:col>
      <xdr:colOff>455295</xdr:colOff>
      <xdr:row>22</xdr:row>
      <xdr:rowOff>32949</xdr:rowOff>
    </xdr:from>
    <xdr:to>
      <xdr:col>5</xdr:col>
      <xdr:colOff>129540</xdr:colOff>
      <xdr:row>29</xdr:row>
      <xdr:rowOff>42475</xdr:rowOff>
    </xdr:to>
    <xdr:sp macro="" textlink="">
      <xdr:nvSpPr>
        <xdr:cNvPr id="17" name="テキスト ボックス 16">
          <a:extLst>
            <a:ext uri="{FF2B5EF4-FFF2-40B4-BE49-F238E27FC236}">
              <a16:creationId xmlns:a16="http://schemas.microsoft.com/office/drawing/2014/main" id="{00000000-0008-0000-0800-000011000000}"/>
            </a:ext>
          </a:extLst>
        </xdr:cNvPr>
        <xdr:cNvSpPr txBox="1"/>
      </xdr:nvSpPr>
      <xdr:spPr>
        <a:xfrm>
          <a:off x="455295" y="3721029"/>
          <a:ext cx="2722245" cy="1183006"/>
        </a:xfrm>
        <a:prstGeom prst="rect">
          <a:avLst/>
        </a:prstGeom>
        <a:solidFill>
          <a:sysClr val="window" lastClr="FFFFFF"/>
        </a:solidFill>
        <a:ln w="12700"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rPr>
            <a:t>⑥再下請負通知書（写し）</a:t>
          </a:r>
        </a:p>
      </xdr:txBody>
    </xdr:sp>
    <xdr:clientData/>
  </xdr:twoCellAnchor>
  <xdr:twoCellAnchor>
    <xdr:from>
      <xdr:col>2</xdr:col>
      <xdr:colOff>419100</xdr:colOff>
      <xdr:row>13</xdr:row>
      <xdr:rowOff>123825</xdr:rowOff>
    </xdr:from>
    <xdr:to>
      <xdr:col>5</xdr:col>
      <xdr:colOff>238125</xdr:colOff>
      <xdr:row>18</xdr:row>
      <xdr:rowOff>104775</xdr:rowOff>
    </xdr:to>
    <xdr:sp macro="" textlink="">
      <xdr:nvSpPr>
        <xdr:cNvPr id="18" name="曲折矢印 116">
          <a:extLst>
            <a:ext uri="{FF2B5EF4-FFF2-40B4-BE49-F238E27FC236}">
              <a16:creationId xmlns:a16="http://schemas.microsoft.com/office/drawing/2014/main" id="{00000000-0008-0000-0800-000012000000}"/>
            </a:ext>
          </a:extLst>
        </xdr:cNvPr>
        <xdr:cNvSpPr/>
      </xdr:nvSpPr>
      <xdr:spPr>
        <a:xfrm>
          <a:off x="1638300" y="2303145"/>
          <a:ext cx="1647825" cy="819150"/>
        </a:xfrm>
        <a:prstGeom prst="bentArrow">
          <a:avLst/>
        </a:prstGeom>
        <a:solidFill>
          <a:schemeClr val="bg1"/>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0</xdr:col>
      <xdr:colOff>449580</xdr:colOff>
      <xdr:row>13</xdr:row>
      <xdr:rowOff>57150</xdr:rowOff>
    </xdr:from>
    <xdr:to>
      <xdr:col>2</xdr:col>
      <xdr:colOff>571501</xdr:colOff>
      <xdr:row>18</xdr:row>
      <xdr:rowOff>104775</xdr:rowOff>
    </xdr:to>
    <xdr:sp macro="" textlink="">
      <xdr:nvSpPr>
        <xdr:cNvPr id="19" name="テキスト ボックス 18">
          <a:extLst>
            <a:ext uri="{FF2B5EF4-FFF2-40B4-BE49-F238E27FC236}">
              <a16:creationId xmlns:a16="http://schemas.microsoft.com/office/drawing/2014/main" id="{00000000-0008-0000-0800-000013000000}"/>
            </a:ext>
          </a:extLst>
        </xdr:cNvPr>
        <xdr:cNvSpPr txBox="1"/>
      </xdr:nvSpPr>
      <xdr:spPr>
        <a:xfrm>
          <a:off x="449580" y="2236470"/>
          <a:ext cx="1341121" cy="885825"/>
        </a:xfrm>
        <a:prstGeom prst="rect">
          <a:avLst/>
        </a:prstGeom>
        <a:noFill/>
        <a:ln w="9525" cmpd="sng">
          <a:solidFill>
            <a:schemeClr val="bg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ja-JP" altLang="en-US" sz="1100"/>
            <a:t>Ａ社の下請負人が決まっている場合の書類添付位置。</a:t>
          </a:r>
        </a:p>
      </xdr:txBody>
    </xdr:sp>
    <xdr:clientData/>
  </xdr:twoCellAnchor>
  <xdr:twoCellAnchor>
    <xdr:from>
      <xdr:col>0</xdr:col>
      <xdr:colOff>512445</xdr:colOff>
      <xdr:row>23</xdr:row>
      <xdr:rowOff>158114</xdr:rowOff>
    </xdr:from>
    <xdr:to>
      <xdr:col>5</xdr:col>
      <xdr:colOff>198680</xdr:colOff>
      <xdr:row>30</xdr:row>
      <xdr:rowOff>91440</xdr:rowOff>
    </xdr:to>
    <xdr:sp macro="" textlink="">
      <xdr:nvSpPr>
        <xdr:cNvPr id="20" name="テキスト ボックス 19">
          <a:extLst>
            <a:ext uri="{FF2B5EF4-FFF2-40B4-BE49-F238E27FC236}">
              <a16:creationId xmlns:a16="http://schemas.microsoft.com/office/drawing/2014/main" id="{00000000-0008-0000-0800-000014000000}"/>
            </a:ext>
          </a:extLst>
        </xdr:cNvPr>
        <xdr:cNvSpPr txBox="1"/>
      </xdr:nvSpPr>
      <xdr:spPr>
        <a:xfrm>
          <a:off x="512445" y="4013834"/>
          <a:ext cx="2734235" cy="1106806"/>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⑧注文者が承諾した書面</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clientData/>
  </xdr:twoCellAnchor>
  <xdr:twoCellAnchor>
    <xdr:from>
      <xdr:col>0</xdr:col>
      <xdr:colOff>564891</xdr:colOff>
      <xdr:row>25</xdr:row>
      <xdr:rowOff>107248</xdr:rowOff>
    </xdr:from>
    <xdr:to>
      <xdr:col>5</xdr:col>
      <xdr:colOff>251126</xdr:colOff>
      <xdr:row>31</xdr:row>
      <xdr:rowOff>160019</xdr:rowOff>
    </xdr:to>
    <xdr:sp macro="" textlink="">
      <xdr:nvSpPr>
        <xdr:cNvPr id="21" name="テキスト ボックス 20">
          <a:extLst>
            <a:ext uri="{FF2B5EF4-FFF2-40B4-BE49-F238E27FC236}">
              <a16:creationId xmlns:a16="http://schemas.microsoft.com/office/drawing/2014/main" id="{00000000-0008-0000-0800-000015000000}"/>
            </a:ext>
          </a:extLst>
        </xdr:cNvPr>
        <xdr:cNvSpPr txBox="1"/>
      </xdr:nvSpPr>
      <xdr:spPr>
        <a:xfrm>
          <a:off x="564891" y="4298248"/>
          <a:ext cx="2734235" cy="1058611"/>
        </a:xfrm>
        <a:prstGeom prst="rect">
          <a:avLst/>
        </a:prstGeom>
        <a:solidFill>
          <a:schemeClr val="lt1"/>
        </a:solidFill>
        <a:ln w="127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⑦</a:t>
          </a:r>
          <a:r>
            <a:rPr kumimoji="1" lang="en-US" altLang="ja-JP" sz="1100">
              <a:solidFill>
                <a:sysClr val="windowText" lastClr="000000"/>
              </a:solidFill>
            </a:rPr>
            <a:t>(1</a:t>
          </a:r>
          <a:r>
            <a:rPr kumimoji="1" lang="ja-JP" altLang="en-US" sz="1100">
              <a:solidFill>
                <a:sysClr val="windowText" lastClr="000000"/>
              </a:solidFill>
            </a:rPr>
            <a:t>次</a:t>
          </a:r>
          <a:r>
            <a:rPr kumimoji="1" lang="en-US" altLang="ja-JP" sz="1100">
              <a:solidFill>
                <a:sysClr val="windowText" lastClr="000000"/>
              </a:solidFill>
            </a:rPr>
            <a:t>-2</a:t>
          </a:r>
          <a:r>
            <a:rPr kumimoji="1" lang="ja-JP" altLang="en-US" sz="1100">
              <a:solidFill>
                <a:sysClr val="windowText" lastClr="000000"/>
              </a:solidFill>
            </a:rPr>
            <a:t>次</a:t>
          </a:r>
          <a:r>
            <a:rPr kumimoji="1" lang="en-US" altLang="ja-JP" sz="1100">
              <a:solidFill>
                <a:sysClr val="windowText" lastClr="000000"/>
              </a:solidFill>
            </a:rPr>
            <a:t>)</a:t>
          </a:r>
          <a:r>
            <a:rPr kumimoji="1" lang="ja-JP" altLang="en-US" sz="1100">
              <a:solidFill>
                <a:sysClr val="windowText" lastClr="000000"/>
              </a:solidFill>
            </a:rPr>
            <a:t>合意書</a:t>
          </a:r>
          <a:r>
            <a:rPr kumimoji="1" lang="en-US" altLang="ja-JP" sz="1100">
              <a:solidFill>
                <a:sysClr val="windowText" lastClr="000000"/>
              </a:solidFill>
            </a:rPr>
            <a:t>(</a:t>
          </a:r>
          <a:r>
            <a:rPr kumimoji="1" lang="ja-JP" altLang="en-US" sz="1100">
              <a:solidFill>
                <a:sysClr val="windowText" lastClr="000000"/>
              </a:solidFill>
            </a:rPr>
            <a:t>写し</a:t>
          </a:r>
          <a:r>
            <a:rPr kumimoji="1" lang="en-US" altLang="ja-JP" sz="1100">
              <a:solidFill>
                <a:sysClr val="windowText" lastClr="000000"/>
              </a:solidFill>
            </a:rPr>
            <a:t>)※</a:t>
          </a:r>
          <a:endParaRPr kumimoji="1" lang="ja-JP" altLang="en-US" sz="1100">
            <a:solidFill>
              <a:sysClr val="windowText" lastClr="000000"/>
            </a:solidFill>
          </a:endParaRPr>
        </a:p>
      </xdr:txBody>
    </xdr:sp>
    <xdr:clientData/>
  </xdr:twoCellAnchor>
  <xdr:twoCellAnchor>
    <xdr:from>
      <xdr:col>18</xdr:col>
      <xdr:colOff>0</xdr:colOff>
      <xdr:row>14</xdr:row>
      <xdr:rowOff>0</xdr:rowOff>
    </xdr:from>
    <xdr:to>
      <xdr:col>20</xdr:col>
      <xdr:colOff>548640</xdr:colOff>
      <xdr:row>14</xdr:row>
      <xdr:rowOff>0</xdr:rowOff>
    </xdr:to>
    <xdr:cxnSp macro="">
      <xdr:nvCxnSpPr>
        <xdr:cNvPr id="22" name="直線コネクタ 21">
          <a:extLst>
            <a:ext uri="{FF2B5EF4-FFF2-40B4-BE49-F238E27FC236}">
              <a16:creationId xmlns:a16="http://schemas.microsoft.com/office/drawing/2014/main" id="{00000000-0008-0000-0800-000016000000}"/>
            </a:ext>
          </a:extLst>
        </xdr:cNvPr>
        <xdr:cNvCxnSpPr/>
      </xdr:nvCxnSpPr>
      <xdr:spPr>
        <a:xfrm>
          <a:off x="11071860" y="2346960"/>
          <a:ext cx="1767840" cy="0"/>
        </a:xfrm>
        <a:prstGeom prst="line">
          <a:avLst/>
        </a:prstGeom>
        <a:ln>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152400</xdr:colOff>
      <xdr:row>14</xdr:row>
      <xdr:rowOff>152400</xdr:rowOff>
    </xdr:from>
    <xdr:to>
      <xdr:col>21</xdr:col>
      <xdr:colOff>91440</xdr:colOff>
      <xdr:row>14</xdr:row>
      <xdr:rowOff>152400</xdr:rowOff>
    </xdr:to>
    <xdr:cxnSp macro="">
      <xdr:nvCxnSpPr>
        <xdr:cNvPr id="23" name="直線コネクタ 22">
          <a:extLst>
            <a:ext uri="{FF2B5EF4-FFF2-40B4-BE49-F238E27FC236}">
              <a16:creationId xmlns:a16="http://schemas.microsoft.com/office/drawing/2014/main" id="{00000000-0008-0000-0800-000017000000}"/>
            </a:ext>
          </a:extLst>
        </xdr:cNvPr>
        <xdr:cNvCxnSpPr/>
      </xdr:nvCxnSpPr>
      <xdr:spPr>
        <a:xfrm>
          <a:off x="11224260" y="2499360"/>
          <a:ext cx="1767840" cy="0"/>
        </a:xfrm>
        <a:prstGeom prst="line">
          <a:avLst/>
        </a:prstGeom>
        <a:ln>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9.xml><?xml version="1.0" encoding="utf-8"?>
<xdr:wsDr xmlns:xdr="http://schemas.openxmlformats.org/drawingml/2006/spreadsheetDrawing" xmlns:a="http://schemas.openxmlformats.org/drawingml/2006/main">
  <xdr:twoCellAnchor>
    <xdr:from>
      <xdr:col>2</xdr:col>
      <xdr:colOff>1257300</xdr:colOff>
      <xdr:row>19</xdr:row>
      <xdr:rowOff>19050</xdr:rowOff>
    </xdr:from>
    <xdr:to>
      <xdr:col>2</xdr:col>
      <xdr:colOff>1257300</xdr:colOff>
      <xdr:row>19</xdr:row>
      <xdr:rowOff>400050</xdr:rowOff>
    </xdr:to>
    <xdr:sp macro="" textlink="">
      <xdr:nvSpPr>
        <xdr:cNvPr id="2" name="Line 1">
          <a:extLst>
            <a:ext uri="{FF2B5EF4-FFF2-40B4-BE49-F238E27FC236}">
              <a16:creationId xmlns:a16="http://schemas.microsoft.com/office/drawing/2014/main" id="{00000000-0008-0000-0B00-000002000000}"/>
            </a:ext>
          </a:extLst>
        </xdr:cNvPr>
        <xdr:cNvSpPr>
          <a:spLocks noChangeShapeType="1"/>
        </xdr:cNvSpPr>
      </xdr:nvSpPr>
      <xdr:spPr bwMode="auto">
        <a:xfrm>
          <a:off x="2057400" y="3276600"/>
          <a:ext cx="0" cy="15240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xdr:col>
      <xdr:colOff>1257300</xdr:colOff>
      <xdr:row>19</xdr:row>
      <xdr:rowOff>209550</xdr:rowOff>
    </xdr:from>
    <xdr:to>
      <xdr:col>3</xdr:col>
      <xdr:colOff>209550</xdr:colOff>
      <xdr:row>19</xdr:row>
      <xdr:rowOff>209550</xdr:rowOff>
    </xdr:to>
    <xdr:sp macro="" textlink="">
      <xdr:nvSpPr>
        <xdr:cNvPr id="3" name="Line 2">
          <a:extLst>
            <a:ext uri="{FF2B5EF4-FFF2-40B4-BE49-F238E27FC236}">
              <a16:creationId xmlns:a16="http://schemas.microsoft.com/office/drawing/2014/main" id="{00000000-0008-0000-0B00-000003000000}"/>
            </a:ext>
          </a:extLst>
        </xdr:cNvPr>
        <xdr:cNvSpPr>
          <a:spLocks noChangeShapeType="1"/>
        </xdr:cNvSpPr>
      </xdr:nvSpPr>
      <xdr:spPr bwMode="auto">
        <a:xfrm>
          <a:off x="2057400" y="3429000"/>
          <a:ext cx="20955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xdr:col>
      <xdr:colOff>209550</xdr:colOff>
      <xdr:row>15</xdr:row>
      <xdr:rowOff>19050</xdr:rowOff>
    </xdr:from>
    <xdr:to>
      <xdr:col>3</xdr:col>
      <xdr:colOff>219075</xdr:colOff>
      <xdr:row>19</xdr:row>
      <xdr:rowOff>219075</xdr:rowOff>
    </xdr:to>
    <xdr:sp macro="" textlink="">
      <xdr:nvSpPr>
        <xdr:cNvPr id="4" name="Line 3">
          <a:extLst>
            <a:ext uri="{FF2B5EF4-FFF2-40B4-BE49-F238E27FC236}">
              <a16:creationId xmlns:a16="http://schemas.microsoft.com/office/drawing/2014/main" id="{00000000-0008-0000-0B00-000004000000}"/>
            </a:ext>
          </a:extLst>
        </xdr:cNvPr>
        <xdr:cNvSpPr>
          <a:spLocks noChangeShapeType="1"/>
        </xdr:cNvSpPr>
      </xdr:nvSpPr>
      <xdr:spPr bwMode="auto">
        <a:xfrm>
          <a:off x="2266950" y="2590800"/>
          <a:ext cx="9525" cy="83820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xdr:col>
      <xdr:colOff>228600</xdr:colOff>
      <xdr:row>15</xdr:row>
      <xdr:rowOff>0</xdr:rowOff>
    </xdr:from>
    <xdr:to>
      <xdr:col>3</xdr:col>
      <xdr:colOff>361950</xdr:colOff>
      <xdr:row>15</xdr:row>
      <xdr:rowOff>0</xdr:rowOff>
    </xdr:to>
    <xdr:sp macro="" textlink="">
      <xdr:nvSpPr>
        <xdr:cNvPr id="5" name="Line 4">
          <a:extLst>
            <a:ext uri="{FF2B5EF4-FFF2-40B4-BE49-F238E27FC236}">
              <a16:creationId xmlns:a16="http://schemas.microsoft.com/office/drawing/2014/main" id="{00000000-0008-0000-0B00-000005000000}"/>
            </a:ext>
          </a:extLst>
        </xdr:cNvPr>
        <xdr:cNvSpPr>
          <a:spLocks noChangeShapeType="1"/>
        </xdr:cNvSpPr>
      </xdr:nvSpPr>
      <xdr:spPr bwMode="auto">
        <a:xfrm>
          <a:off x="2286000" y="2571750"/>
          <a:ext cx="13335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xdr:col>
      <xdr:colOff>238125</xdr:colOff>
      <xdr:row>19</xdr:row>
      <xdr:rowOff>209550</xdr:rowOff>
    </xdr:from>
    <xdr:to>
      <xdr:col>5</xdr:col>
      <xdr:colOff>152400</xdr:colOff>
      <xdr:row>19</xdr:row>
      <xdr:rowOff>209550</xdr:rowOff>
    </xdr:to>
    <xdr:sp macro="" textlink="">
      <xdr:nvSpPr>
        <xdr:cNvPr id="6" name="Line 6">
          <a:extLst>
            <a:ext uri="{FF2B5EF4-FFF2-40B4-BE49-F238E27FC236}">
              <a16:creationId xmlns:a16="http://schemas.microsoft.com/office/drawing/2014/main" id="{00000000-0008-0000-0B00-000006000000}"/>
            </a:ext>
          </a:extLst>
        </xdr:cNvPr>
        <xdr:cNvSpPr>
          <a:spLocks noChangeShapeType="1"/>
        </xdr:cNvSpPr>
      </xdr:nvSpPr>
      <xdr:spPr bwMode="auto">
        <a:xfrm>
          <a:off x="2295525" y="3429000"/>
          <a:ext cx="1285875"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xdr:col>
      <xdr:colOff>171450</xdr:colOff>
      <xdr:row>10</xdr:row>
      <xdr:rowOff>228600</xdr:rowOff>
    </xdr:from>
    <xdr:to>
      <xdr:col>5</xdr:col>
      <xdr:colOff>323850</xdr:colOff>
      <xdr:row>10</xdr:row>
      <xdr:rowOff>228600</xdr:rowOff>
    </xdr:to>
    <xdr:sp macro="" textlink="">
      <xdr:nvSpPr>
        <xdr:cNvPr id="7" name="Line 7">
          <a:extLst>
            <a:ext uri="{FF2B5EF4-FFF2-40B4-BE49-F238E27FC236}">
              <a16:creationId xmlns:a16="http://schemas.microsoft.com/office/drawing/2014/main" id="{00000000-0008-0000-0B00-000007000000}"/>
            </a:ext>
          </a:extLst>
        </xdr:cNvPr>
        <xdr:cNvSpPr>
          <a:spLocks noChangeShapeType="1"/>
        </xdr:cNvSpPr>
      </xdr:nvSpPr>
      <xdr:spPr bwMode="auto">
        <a:xfrm flipV="1">
          <a:off x="3600450" y="1885950"/>
          <a:ext cx="1524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xdr:col>
      <xdr:colOff>161925</xdr:colOff>
      <xdr:row>23</xdr:row>
      <xdr:rowOff>276225</xdr:rowOff>
    </xdr:from>
    <xdr:to>
      <xdr:col>6</xdr:col>
      <xdr:colOff>9525</xdr:colOff>
      <xdr:row>23</xdr:row>
      <xdr:rowOff>276225</xdr:rowOff>
    </xdr:to>
    <xdr:sp macro="" textlink="">
      <xdr:nvSpPr>
        <xdr:cNvPr id="8" name="Line 8">
          <a:extLst>
            <a:ext uri="{FF2B5EF4-FFF2-40B4-BE49-F238E27FC236}">
              <a16:creationId xmlns:a16="http://schemas.microsoft.com/office/drawing/2014/main" id="{00000000-0008-0000-0B00-000008000000}"/>
            </a:ext>
          </a:extLst>
        </xdr:cNvPr>
        <xdr:cNvSpPr>
          <a:spLocks noChangeShapeType="1"/>
        </xdr:cNvSpPr>
      </xdr:nvSpPr>
      <xdr:spPr bwMode="auto">
        <a:xfrm flipV="1">
          <a:off x="3590925" y="4114800"/>
          <a:ext cx="5334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xdr:col>
      <xdr:colOff>180975</xdr:colOff>
      <xdr:row>32</xdr:row>
      <xdr:rowOff>28575</xdr:rowOff>
    </xdr:from>
    <xdr:to>
      <xdr:col>5</xdr:col>
      <xdr:colOff>352425</xdr:colOff>
      <xdr:row>32</xdr:row>
      <xdr:rowOff>28575</xdr:rowOff>
    </xdr:to>
    <xdr:sp macro="" textlink="">
      <xdr:nvSpPr>
        <xdr:cNvPr id="9" name="Line 9">
          <a:extLst>
            <a:ext uri="{FF2B5EF4-FFF2-40B4-BE49-F238E27FC236}">
              <a16:creationId xmlns:a16="http://schemas.microsoft.com/office/drawing/2014/main" id="{00000000-0008-0000-0B00-000009000000}"/>
            </a:ext>
          </a:extLst>
        </xdr:cNvPr>
        <xdr:cNvSpPr>
          <a:spLocks noChangeShapeType="1"/>
        </xdr:cNvSpPr>
      </xdr:nvSpPr>
      <xdr:spPr bwMode="auto">
        <a:xfrm>
          <a:off x="3609975" y="5514975"/>
          <a:ext cx="17145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xdr:col>
      <xdr:colOff>171450</xdr:colOff>
      <xdr:row>10</xdr:row>
      <xdr:rowOff>247650</xdr:rowOff>
    </xdr:from>
    <xdr:to>
      <xdr:col>5</xdr:col>
      <xdr:colOff>180975</xdr:colOff>
      <xdr:row>42</xdr:row>
      <xdr:rowOff>219075</xdr:rowOff>
    </xdr:to>
    <xdr:sp macro="" textlink="">
      <xdr:nvSpPr>
        <xdr:cNvPr id="10" name="Line 10">
          <a:extLst>
            <a:ext uri="{FF2B5EF4-FFF2-40B4-BE49-F238E27FC236}">
              <a16:creationId xmlns:a16="http://schemas.microsoft.com/office/drawing/2014/main" id="{00000000-0008-0000-0B00-00000A000000}"/>
            </a:ext>
          </a:extLst>
        </xdr:cNvPr>
        <xdr:cNvSpPr>
          <a:spLocks noChangeShapeType="1"/>
        </xdr:cNvSpPr>
      </xdr:nvSpPr>
      <xdr:spPr bwMode="auto">
        <a:xfrm>
          <a:off x="3600450" y="1885950"/>
          <a:ext cx="9525" cy="548640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32</xdr:row>
      <xdr:rowOff>9525</xdr:rowOff>
    </xdr:from>
    <xdr:to>
      <xdr:col>12</xdr:col>
      <xdr:colOff>342900</xdr:colOff>
      <xdr:row>32</xdr:row>
      <xdr:rowOff>9525</xdr:rowOff>
    </xdr:to>
    <xdr:sp macro="" textlink="">
      <xdr:nvSpPr>
        <xdr:cNvPr id="11" name="Line 9">
          <a:extLst>
            <a:ext uri="{FF2B5EF4-FFF2-40B4-BE49-F238E27FC236}">
              <a16:creationId xmlns:a16="http://schemas.microsoft.com/office/drawing/2014/main" id="{00000000-0008-0000-0B00-00000B000000}"/>
            </a:ext>
          </a:extLst>
        </xdr:cNvPr>
        <xdr:cNvSpPr>
          <a:spLocks noChangeShapeType="1"/>
        </xdr:cNvSpPr>
      </xdr:nvSpPr>
      <xdr:spPr bwMode="auto">
        <a:xfrm flipV="1">
          <a:off x="8229600" y="5495925"/>
          <a:ext cx="3429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9</xdr:col>
      <xdr:colOff>19050</xdr:colOff>
      <xdr:row>23</xdr:row>
      <xdr:rowOff>276225</xdr:rowOff>
    </xdr:from>
    <xdr:to>
      <xdr:col>20</xdr:col>
      <xdr:colOff>0</xdr:colOff>
      <xdr:row>23</xdr:row>
      <xdr:rowOff>276225</xdr:rowOff>
    </xdr:to>
    <xdr:sp macro="" textlink="">
      <xdr:nvSpPr>
        <xdr:cNvPr id="12" name="Line 8">
          <a:extLst>
            <a:ext uri="{FF2B5EF4-FFF2-40B4-BE49-F238E27FC236}">
              <a16:creationId xmlns:a16="http://schemas.microsoft.com/office/drawing/2014/main" id="{00000000-0008-0000-0B00-00000C000000}"/>
            </a:ext>
          </a:extLst>
        </xdr:cNvPr>
        <xdr:cNvSpPr>
          <a:spLocks noChangeShapeType="1"/>
        </xdr:cNvSpPr>
      </xdr:nvSpPr>
      <xdr:spPr bwMode="auto">
        <a:xfrm>
          <a:off x="13049250" y="4114800"/>
          <a:ext cx="66675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6</xdr:col>
      <xdr:colOff>19050</xdr:colOff>
      <xdr:row>23</xdr:row>
      <xdr:rowOff>285750</xdr:rowOff>
    </xdr:from>
    <xdr:to>
      <xdr:col>26</xdr:col>
      <xdr:colOff>333375</xdr:colOff>
      <xdr:row>23</xdr:row>
      <xdr:rowOff>285750</xdr:rowOff>
    </xdr:to>
    <xdr:sp macro="" textlink="">
      <xdr:nvSpPr>
        <xdr:cNvPr id="13" name="Line 8">
          <a:extLst>
            <a:ext uri="{FF2B5EF4-FFF2-40B4-BE49-F238E27FC236}">
              <a16:creationId xmlns:a16="http://schemas.microsoft.com/office/drawing/2014/main" id="{00000000-0008-0000-0B00-00000D000000}"/>
            </a:ext>
          </a:extLst>
        </xdr:cNvPr>
        <xdr:cNvSpPr>
          <a:spLocks noChangeShapeType="1"/>
        </xdr:cNvSpPr>
      </xdr:nvSpPr>
      <xdr:spPr bwMode="auto">
        <a:xfrm>
          <a:off x="17849850" y="4114800"/>
          <a:ext cx="314325"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xdr:col>
      <xdr:colOff>1571625</xdr:colOff>
      <xdr:row>23</xdr:row>
      <xdr:rowOff>247650</xdr:rowOff>
    </xdr:from>
    <xdr:to>
      <xdr:col>13</xdr:col>
      <xdr:colOff>0</xdr:colOff>
      <xdr:row>23</xdr:row>
      <xdr:rowOff>247650</xdr:rowOff>
    </xdr:to>
    <xdr:sp macro="" textlink="">
      <xdr:nvSpPr>
        <xdr:cNvPr id="14" name="Line 8">
          <a:extLst>
            <a:ext uri="{FF2B5EF4-FFF2-40B4-BE49-F238E27FC236}">
              <a16:creationId xmlns:a16="http://schemas.microsoft.com/office/drawing/2014/main" id="{00000000-0008-0000-0B00-00000E000000}"/>
            </a:ext>
          </a:extLst>
        </xdr:cNvPr>
        <xdr:cNvSpPr>
          <a:spLocks noChangeShapeType="1"/>
        </xdr:cNvSpPr>
      </xdr:nvSpPr>
      <xdr:spPr bwMode="auto">
        <a:xfrm>
          <a:off x="8229600" y="4114800"/>
          <a:ext cx="6858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xdr:col>
      <xdr:colOff>9525</xdr:colOff>
      <xdr:row>10</xdr:row>
      <xdr:rowOff>190500</xdr:rowOff>
    </xdr:from>
    <xdr:to>
      <xdr:col>13</xdr:col>
      <xdr:colOff>9525</xdr:colOff>
      <xdr:row>10</xdr:row>
      <xdr:rowOff>190500</xdr:rowOff>
    </xdr:to>
    <xdr:sp macro="" textlink="">
      <xdr:nvSpPr>
        <xdr:cNvPr id="15" name="Line 8">
          <a:extLst>
            <a:ext uri="{FF2B5EF4-FFF2-40B4-BE49-F238E27FC236}">
              <a16:creationId xmlns:a16="http://schemas.microsoft.com/office/drawing/2014/main" id="{00000000-0008-0000-0B00-00000F000000}"/>
            </a:ext>
          </a:extLst>
        </xdr:cNvPr>
        <xdr:cNvSpPr>
          <a:spLocks noChangeShapeType="1"/>
        </xdr:cNvSpPr>
      </xdr:nvSpPr>
      <xdr:spPr bwMode="auto">
        <a:xfrm>
          <a:off x="8239125" y="1885950"/>
          <a:ext cx="6858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9</xdr:col>
      <xdr:colOff>19050</xdr:colOff>
      <xdr:row>10</xdr:row>
      <xdr:rowOff>190500</xdr:rowOff>
    </xdr:from>
    <xdr:to>
      <xdr:col>20</xdr:col>
      <xdr:colOff>0</xdr:colOff>
      <xdr:row>10</xdr:row>
      <xdr:rowOff>190500</xdr:rowOff>
    </xdr:to>
    <xdr:sp macro="" textlink="">
      <xdr:nvSpPr>
        <xdr:cNvPr id="16" name="Line 8">
          <a:extLst>
            <a:ext uri="{FF2B5EF4-FFF2-40B4-BE49-F238E27FC236}">
              <a16:creationId xmlns:a16="http://schemas.microsoft.com/office/drawing/2014/main" id="{00000000-0008-0000-0B00-000010000000}"/>
            </a:ext>
          </a:extLst>
        </xdr:cNvPr>
        <xdr:cNvSpPr>
          <a:spLocks noChangeShapeType="1"/>
        </xdr:cNvSpPr>
      </xdr:nvSpPr>
      <xdr:spPr bwMode="auto">
        <a:xfrm flipV="1">
          <a:off x="13049250" y="1885950"/>
          <a:ext cx="66675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6</xdr:col>
      <xdr:colOff>0</xdr:colOff>
      <xdr:row>10</xdr:row>
      <xdr:rowOff>228600</xdr:rowOff>
    </xdr:from>
    <xdr:to>
      <xdr:col>26</xdr:col>
      <xdr:colOff>342900</xdr:colOff>
      <xdr:row>10</xdr:row>
      <xdr:rowOff>228600</xdr:rowOff>
    </xdr:to>
    <xdr:sp macro="" textlink="">
      <xdr:nvSpPr>
        <xdr:cNvPr id="17" name="Line 8">
          <a:extLst>
            <a:ext uri="{FF2B5EF4-FFF2-40B4-BE49-F238E27FC236}">
              <a16:creationId xmlns:a16="http://schemas.microsoft.com/office/drawing/2014/main" id="{00000000-0008-0000-0B00-000011000000}"/>
            </a:ext>
          </a:extLst>
        </xdr:cNvPr>
        <xdr:cNvSpPr>
          <a:spLocks noChangeShapeType="1"/>
        </xdr:cNvSpPr>
      </xdr:nvSpPr>
      <xdr:spPr bwMode="auto">
        <a:xfrm>
          <a:off x="17830800" y="1885950"/>
          <a:ext cx="3429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9</xdr:col>
      <xdr:colOff>0</xdr:colOff>
      <xdr:row>32</xdr:row>
      <xdr:rowOff>28575</xdr:rowOff>
    </xdr:from>
    <xdr:to>
      <xdr:col>19</xdr:col>
      <xdr:colOff>342900</xdr:colOff>
      <xdr:row>32</xdr:row>
      <xdr:rowOff>28575</xdr:rowOff>
    </xdr:to>
    <xdr:sp macro="" textlink="">
      <xdr:nvSpPr>
        <xdr:cNvPr id="18" name="Line 9">
          <a:extLst>
            <a:ext uri="{FF2B5EF4-FFF2-40B4-BE49-F238E27FC236}">
              <a16:creationId xmlns:a16="http://schemas.microsoft.com/office/drawing/2014/main" id="{00000000-0008-0000-0B00-000012000000}"/>
            </a:ext>
          </a:extLst>
        </xdr:cNvPr>
        <xdr:cNvSpPr>
          <a:spLocks noChangeShapeType="1"/>
        </xdr:cNvSpPr>
      </xdr:nvSpPr>
      <xdr:spPr bwMode="auto">
        <a:xfrm flipV="1">
          <a:off x="13030200" y="5514975"/>
          <a:ext cx="3429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6</xdr:col>
      <xdr:colOff>9525</xdr:colOff>
      <xdr:row>32</xdr:row>
      <xdr:rowOff>28575</xdr:rowOff>
    </xdr:from>
    <xdr:to>
      <xdr:col>27</xdr:col>
      <xdr:colOff>9525</xdr:colOff>
      <xdr:row>32</xdr:row>
      <xdr:rowOff>28575</xdr:rowOff>
    </xdr:to>
    <xdr:sp macro="" textlink="">
      <xdr:nvSpPr>
        <xdr:cNvPr id="19" name="Line 9">
          <a:extLst>
            <a:ext uri="{FF2B5EF4-FFF2-40B4-BE49-F238E27FC236}">
              <a16:creationId xmlns:a16="http://schemas.microsoft.com/office/drawing/2014/main" id="{00000000-0008-0000-0B00-000013000000}"/>
            </a:ext>
          </a:extLst>
        </xdr:cNvPr>
        <xdr:cNvSpPr>
          <a:spLocks noChangeShapeType="1"/>
        </xdr:cNvSpPr>
      </xdr:nvSpPr>
      <xdr:spPr bwMode="auto">
        <a:xfrm flipV="1">
          <a:off x="17840325" y="5514975"/>
          <a:ext cx="6858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xdr:col>
      <xdr:colOff>180975</xdr:colOff>
      <xdr:row>42</xdr:row>
      <xdr:rowOff>209550</xdr:rowOff>
    </xdr:from>
    <xdr:to>
      <xdr:col>6</xdr:col>
      <xdr:colOff>0</xdr:colOff>
      <xdr:row>42</xdr:row>
      <xdr:rowOff>209550</xdr:rowOff>
    </xdr:to>
    <xdr:sp macro="" textlink="">
      <xdr:nvSpPr>
        <xdr:cNvPr id="20" name="Line 9">
          <a:extLst>
            <a:ext uri="{FF2B5EF4-FFF2-40B4-BE49-F238E27FC236}">
              <a16:creationId xmlns:a16="http://schemas.microsoft.com/office/drawing/2014/main" id="{00000000-0008-0000-0B00-000014000000}"/>
            </a:ext>
          </a:extLst>
        </xdr:cNvPr>
        <xdr:cNvSpPr>
          <a:spLocks noChangeShapeType="1"/>
        </xdr:cNvSpPr>
      </xdr:nvSpPr>
      <xdr:spPr bwMode="auto">
        <a:xfrm>
          <a:off x="3609975" y="7372350"/>
          <a:ext cx="504825"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xdr:col>
      <xdr:colOff>9525</xdr:colOff>
      <xdr:row>42</xdr:row>
      <xdr:rowOff>190500</xdr:rowOff>
    </xdr:from>
    <xdr:to>
      <xdr:col>13</xdr:col>
      <xdr:colOff>9525</xdr:colOff>
      <xdr:row>42</xdr:row>
      <xdr:rowOff>190500</xdr:rowOff>
    </xdr:to>
    <xdr:sp macro="" textlink="">
      <xdr:nvSpPr>
        <xdr:cNvPr id="21" name="Line 9">
          <a:extLst>
            <a:ext uri="{FF2B5EF4-FFF2-40B4-BE49-F238E27FC236}">
              <a16:creationId xmlns:a16="http://schemas.microsoft.com/office/drawing/2014/main" id="{00000000-0008-0000-0B00-000015000000}"/>
            </a:ext>
          </a:extLst>
        </xdr:cNvPr>
        <xdr:cNvSpPr>
          <a:spLocks noChangeShapeType="1"/>
        </xdr:cNvSpPr>
      </xdr:nvSpPr>
      <xdr:spPr bwMode="auto">
        <a:xfrm flipV="1">
          <a:off x="8239125" y="7372350"/>
          <a:ext cx="6858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9</xdr:col>
      <xdr:colOff>19050</xdr:colOff>
      <xdr:row>42</xdr:row>
      <xdr:rowOff>209550</xdr:rowOff>
    </xdr:from>
    <xdr:to>
      <xdr:col>20</xdr:col>
      <xdr:colOff>19050</xdr:colOff>
      <xdr:row>42</xdr:row>
      <xdr:rowOff>209550</xdr:rowOff>
    </xdr:to>
    <xdr:sp macro="" textlink="">
      <xdr:nvSpPr>
        <xdr:cNvPr id="22" name="Line 9">
          <a:extLst>
            <a:ext uri="{FF2B5EF4-FFF2-40B4-BE49-F238E27FC236}">
              <a16:creationId xmlns:a16="http://schemas.microsoft.com/office/drawing/2014/main" id="{00000000-0008-0000-0B00-000016000000}"/>
            </a:ext>
          </a:extLst>
        </xdr:cNvPr>
        <xdr:cNvSpPr>
          <a:spLocks noChangeShapeType="1"/>
        </xdr:cNvSpPr>
      </xdr:nvSpPr>
      <xdr:spPr bwMode="auto">
        <a:xfrm flipV="1">
          <a:off x="13049250" y="7372350"/>
          <a:ext cx="6858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6</xdr:col>
      <xdr:colOff>9525</xdr:colOff>
      <xdr:row>42</xdr:row>
      <xdr:rowOff>200025</xdr:rowOff>
    </xdr:from>
    <xdr:to>
      <xdr:col>27</xdr:col>
      <xdr:colOff>9525</xdr:colOff>
      <xdr:row>42</xdr:row>
      <xdr:rowOff>200025</xdr:rowOff>
    </xdr:to>
    <xdr:sp macro="" textlink="">
      <xdr:nvSpPr>
        <xdr:cNvPr id="23" name="Line 9">
          <a:extLst>
            <a:ext uri="{FF2B5EF4-FFF2-40B4-BE49-F238E27FC236}">
              <a16:creationId xmlns:a16="http://schemas.microsoft.com/office/drawing/2014/main" id="{00000000-0008-0000-0B00-000017000000}"/>
            </a:ext>
          </a:extLst>
        </xdr:cNvPr>
        <xdr:cNvSpPr>
          <a:spLocks noChangeShapeType="1"/>
        </xdr:cNvSpPr>
      </xdr:nvSpPr>
      <xdr:spPr bwMode="auto">
        <a:xfrm flipV="1">
          <a:off x="17840325" y="7372350"/>
          <a:ext cx="685800" cy="0"/>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5.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34.xml"/><Relationship Id="rId13" Type="http://schemas.openxmlformats.org/officeDocument/2006/relationships/ctrlProp" Target="../ctrlProps/ctrlProp39.xml"/><Relationship Id="rId3" Type="http://schemas.openxmlformats.org/officeDocument/2006/relationships/vmlDrawing" Target="../drawings/vmlDrawing2.vml"/><Relationship Id="rId7" Type="http://schemas.openxmlformats.org/officeDocument/2006/relationships/ctrlProp" Target="../ctrlProps/ctrlProp33.xml"/><Relationship Id="rId12" Type="http://schemas.openxmlformats.org/officeDocument/2006/relationships/ctrlProp" Target="../ctrlProps/ctrlProp38.xml"/><Relationship Id="rId17" Type="http://schemas.openxmlformats.org/officeDocument/2006/relationships/ctrlProp" Target="../ctrlProps/ctrlProp43.xml"/><Relationship Id="rId2" Type="http://schemas.openxmlformats.org/officeDocument/2006/relationships/drawing" Target="../drawings/drawing3.xml"/><Relationship Id="rId16" Type="http://schemas.openxmlformats.org/officeDocument/2006/relationships/ctrlProp" Target="../ctrlProps/ctrlProp42.xml"/><Relationship Id="rId1" Type="http://schemas.openxmlformats.org/officeDocument/2006/relationships/printerSettings" Target="../printerSettings/printerSettings4.bin"/><Relationship Id="rId6" Type="http://schemas.openxmlformats.org/officeDocument/2006/relationships/ctrlProp" Target="../ctrlProps/ctrlProp32.xml"/><Relationship Id="rId11" Type="http://schemas.openxmlformats.org/officeDocument/2006/relationships/ctrlProp" Target="../ctrlProps/ctrlProp37.xml"/><Relationship Id="rId5" Type="http://schemas.openxmlformats.org/officeDocument/2006/relationships/ctrlProp" Target="../ctrlProps/ctrlProp31.xml"/><Relationship Id="rId15" Type="http://schemas.openxmlformats.org/officeDocument/2006/relationships/ctrlProp" Target="../ctrlProps/ctrlProp41.xml"/><Relationship Id="rId10" Type="http://schemas.openxmlformats.org/officeDocument/2006/relationships/ctrlProp" Target="../ctrlProps/ctrlProp36.xml"/><Relationship Id="rId4" Type="http://schemas.openxmlformats.org/officeDocument/2006/relationships/ctrlProp" Target="../ctrlProps/ctrlProp30.xml"/><Relationship Id="rId9" Type="http://schemas.openxmlformats.org/officeDocument/2006/relationships/ctrlProp" Target="../ctrlProps/ctrlProp35.xml"/><Relationship Id="rId14" Type="http://schemas.openxmlformats.org/officeDocument/2006/relationships/ctrlProp" Target="../ctrlProps/ctrlProp40.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48.xml"/><Relationship Id="rId3" Type="http://schemas.openxmlformats.org/officeDocument/2006/relationships/vmlDrawing" Target="../drawings/vmlDrawing3.vml"/><Relationship Id="rId7" Type="http://schemas.openxmlformats.org/officeDocument/2006/relationships/ctrlProp" Target="../ctrlProps/ctrlProp47.xml"/><Relationship Id="rId2" Type="http://schemas.openxmlformats.org/officeDocument/2006/relationships/drawing" Target="../drawings/drawing4.xml"/><Relationship Id="rId1" Type="http://schemas.openxmlformats.org/officeDocument/2006/relationships/printerSettings" Target="../printerSettings/printerSettings5.bin"/><Relationship Id="rId6" Type="http://schemas.openxmlformats.org/officeDocument/2006/relationships/ctrlProp" Target="../ctrlProps/ctrlProp46.xml"/><Relationship Id="rId5" Type="http://schemas.openxmlformats.org/officeDocument/2006/relationships/ctrlProp" Target="../ctrlProps/ctrlProp45.xml"/><Relationship Id="rId10" Type="http://schemas.openxmlformats.org/officeDocument/2006/relationships/ctrlProp" Target="../ctrlProps/ctrlProp50.xml"/><Relationship Id="rId4" Type="http://schemas.openxmlformats.org/officeDocument/2006/relationships/ctrlProp" Target="../ctrlProps/ctrlProp44.xml"/><Relationship Id="rId9" Type="http://schemas.openxmlformats.org/officeDocument/2006/relationships/ctrlProp" Target="../ctrlProps/ctrlProp49.xml"/></Relationships>
</file>

<file path=xl/worksheets/_rels/sheet6.xml.rels><?xml version="1.0" encoding="UTF-8" standalone="yes"?>
<Relationships xmlns="http://schemas.openxmlformats.org/package/2006/relationships"><Relationship Id="rId8" Type="http://schemas.openxmlformats.org/officeDocument/2006/relationships/ctrlProp" Target="../ctrlProps/ctrlProp55.xml"/><Relationship Id="rId3" Type="http://schemas.openxmlformats.org/officeDocument/2006/relationships/vmlDrawing" Target="../drawings/vmlDrawing4.vml"/><Relationship Id="rId7" Type="http://schemas.openxmlformats.org/officeDocument/2006/relationships/ctrlProp" Target="../ctrlProps/ctrlProp54.xml"/><Relationship Id="rId2" Type="http://schemas.openxmlformats.org/officeDocument/2006/relationships/drawing" Target="../drawings/drawing5.xml"/><Relationship Id="rId1" Type="http://schemas.openxmlformats.org/officeDocument/2006/relationships/printerSettings" Target="../printerSettings/printerSettings6.bin"/><Relationship Id="rId6" Type="http://schemas.openxmlformats.org/officeDocument/2006/relationships/ctrlProp" Target="../ctrlProps/ctrlProp53.xml"/><Relationship Id="rId5" Type="http://schemas.openxmlformats.org/officeDocument/2006/relationships/ctrlProp" Target="../ctrlProps/ctrlProp52.xml"/><Relationship Id="rId4" Type="http://schemas.openxmlformats.org/officeDocument/2006/relationships/ctrlProp" Target="../ctrlProps/ctrlProp51.xml"/><Relationship Id="rId9" Type="http://schemas.openxmlformats.org/officeDocument/2006/relationships/ctrlProp" Target="../ctrlProps/ctrlProp56.xml"/></Relationships>
</file>

<file path=xl/worksheets/_rels/sheet7.xml.rels><?xml version="1.0" encoding="UTF-8" standalone="yes"?>
<Relationships xmlns="http://schemas.openxmlformats.org/package/2006/relationships"><Relationship Id="rId8" Type="http://schemas.openxmlformats.org/officeDocument/2006/relationships/ctrlProp" Target="../ctrlProps/ctrlProp61.xml"/><Relationship Id="rId3" Type="http://schemas.openxmlformats.org/officeDocument/2006/relationships/vmlDrawing" Target="../drawings/vmlDrawing5.vml"/><Relationship Id="rId7" Type="http://schemas.openxmlformats.org/officeDocument/2006/relationships/ctrlProp" Target="../ctrlProps/ctrlProp60.xml"/><Relationship Id="rId2" Type="http://schemas.openxmlformats.org/officeDocument/2006/relationships/drawing" Target="../drawings/drawing6.xml"/><Relationship Id="rId1" Type="http://schemas.openxmlformats.org/officeDocument/2006/relationships/printerSettings" Target="../printerSettings/printerSettings7.bin"/><Relationship Id="rId6" Type="http://schemas.openxmlformats.org/officeDocument/2006/relationships/ctrlProp" Target="../ctrlProps/ctrlProp59.xml"/><Relationship Id="rId11" Type="http://schemas.openxmlformats.org/officeDocument/2006/relationships/ctrlProp" Target="../ctrlProps/ctrlProp64.xml"/><Relationship Id="rId5" Type="http://schemas.openxmlformats.org/officeDocument/2006/relationships/ctrlProp" Target="../ctrlProps/ctrlProp58.xml"/><Relationship Id="rId10" Type="http://schemas.openxmlformats.org/officeDocument/2006/relationships/ctrlProp" Target="../ctrlProps/ctrlProp63.xml"/><Relationship Id="rId4" Type="http://schemas.openxmlformats.org/officeDocument/2006/relationships/ctrlProp" Target="../ctrlProps/ctrlProp57.xml"/><Relationship Id="rId9" Type="http://schemas.openxmlformats.org/officeDocument/2006/relationships/ctrlProp" Target="../ctrlProps/ctrlProp62.xml"/></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2:AL40"/>
  <sheetViews>
    <sheetView tabSelected="1" view="pageBreakPreview" zoomScale="70" zoomScaleNormal="100" zoomScaleSheetLayoutView="70" workbookViewId="0">
      <selection activeCell="AA27" sqref="AA27"/>
    </sheetView>
  </sheetViews>
  <sheetFormatPr defaultRowHeight="13" x14ac:dyDescent="0.2"/>
  <cols>
    <col min="1" max="1" width="2" customWidth="1"/>
    <col min="2" max="2" width="1.08984375" customWidth="1"/>
    <col min="3" max="3" width="2.08984375" customWidth="1"/>
    <col min="4" max="4" width="4.08984375" customWidth="1"/>
    <col min="5" max="5" width="8.1796875" customWidth="1"/>
    <col min="6" max="6" width="10.36328125" customWidth="1"/>
    <col min="8" max="8" width="11.36328125" customWidth="1"/>
    <col min="9" max="9" width="4" customWidth="1"/>
    <col min="10" max="10" width="6.90625" customWidth="1"/>
    <col min="11" max="11" width="2.36328125" customWidth="1"/>
    <col min="12" max="12" width="4.453125" customWidth="1"/>
    <col min="13" max="19" width="5.453125" customWidth="1"/>
    <col min="20" max="20" width="2.6328125" customWidth="1"/>
    <col min="22" max="22" width="9" customWidth="1"/>
    <col min="23" max="23" width="4.36328125" customWidth="1"/>
    <col min="24" max="24" width="4.453125" customWidth="1"/>
    <col min="26" max="26" width="6.36328125" customWidth="1"/>
    <col min="27" max="27" width="6.453125" customWidth="1"/>
    <col min="28" max="28" width="6.6328125" customWidth="1"/>
    <col min="29" max="29" width="3.6328125" customWidth="1"/>
    <col min="36" max="36" width="2.1796875" customWidth="1"/>
    <col min="37" max="37" width="3.36328125" customWidth="1"/>
  </cols>
  <sheetData>
    <row r="2" spans="2:38" ht="23.25" customHeight="1" x14ac:dyDescent="0.2">
      <c r="B2" s="63" t="s">
        <v>36</v>
      </c>
      <c r="O2" s="309" t="s">
        <v>378</v>
      </c>
    </row>
    <row r="3" spans="2:38" ht="9.9" customHeight="1" thickBot="1" x14ac:dyDescent="0.25"/>
    <row r="4" spans="2:38" ht="9.9" customHeight="1" thickTop="1" x14ac:dyDescent="0.2">
      <c r="B4" s="66"/>
      <c r="C4" s="11"/>
      <c r="D4" s="337"/>
      <c r="E4" s="337"/>
      <c r="F4" s="337"/>
      <c r="G4" s="337"/>
      <c r="H4" s="337"/>
      <c r="I4" s="11"/>
      <c r="J4" s="11"/>
      <c r="K4" s="67"/>
      <c r="L4" s="11"/>
      <c r="M4" s="11"/>
      <c r="N4" s="11"/>
      <c r="O4" s="11"/>
      <c r="P4" s="11"/>
      <c r="Q4" s="11"/>
      <c r="R4" s="11"/>
      <c r="S4" s="67"/>
      <c r="T4" s="67"/>
      <c r="U4" s="11"/>
      <c r="V4" s="11"/>
      <c r="W4" s="11"/>
      <c r="X4" s="11"/>
      <c r="Y4" s="11"/>
      <c r="Z4" s="11"/>
      <c r="AA4" s="11"/>
      <c r="AB4" s="11"/>
      <c r="AC4" s="11"/>
      <c r="AD4" s="11"/>
      <c r="AE4" s="11"/>
      <c r="AF4" s="11"/>
      <c r="AG4" s="11"/>
      <c r="AH4" s="11"/>
      <c r="AI4" s="11"/>
      <c r="AJ4" s="11"/>
      <c r="AK4" s="12"/>
      <c r="AL4" s="13"/>
    </row>
    <row r="5" spans="2:38" s="31" customFormat="1" ht="18.75" customHeight="1" x14ac:dyDescent="0.2">
      <c r="B5" s="30"/>
      <c r="D5" s="10" t="s">
        <v>7</v>
      </c>
      <c r="AK5" s="32"/>
      <c r="AL5" s="30"/>
    </row>
    <row r="6" spans="2:38" s="31" customFormat="1" ht="27.75" customHeight="1" x14ac:dyDescent="0.2">
      <c r="B6" s="30"/>
      <c r="D6" s="33"/>
      <c r="E6" s="64" t="s">
        <v>367</v>
      </c>
      <c r="F6" s="64"/>
      <c r="G6" s="34"/>
      <c r="H6" s="34"/>
      <c r="I6" s="34"/>
      <c r="J6" s="34"/>
      <c r="K6" s="34"/>
      <c r="L6" s="34"/>
      <c r="M6" s="34"/>
      <c r="N6" s="34"/>
      <c r="O6" s="34"/>
      <c r="P6" s="34"/>
      <c r="Q6" s="34"/>
      <c r="R6" s="34"/>
      <c r="S6" s="34"/>
      <c r="T6" s="34"/>
      <c r="U6" s="34"/>
      <c r="V6" s="34"/>
      <c r="W6" s="34"/>
      <c r="X6" s="34"/>
      <c r="Y6" s="34"/>
      <c r="Z6" s="34"/>
      <c r="AA6" s="34"/>
      <c r="AB6" s="34"/>
      <c r="AC6" s="34"/>
      <c r="AD6" s="34"/>
      <c r="AE6" s="34"/>
      <c r="AF6" s="34"/>
      <c r="AG6" s="34"/>
      <c r="AH6" s="34"/>
      <c r="AI6" s="34"/>
      <c r="AJ6" s="35"/>
      <c r="AK6" s="32"/>
      <c r="AL6" s="30"/>
    </row>
    <row r="7" spans="2:38" s="31" customFormat="1" ht="27.75" customHeight="1" x14ac:dyDescent="0.2">
      <c r="B7" s="30"/>
      <c r="D7" s="36"/>
      <c r="E7" s="65" t="s">
        <v>398</v>
      </c>
      <c r="F7" s="65"/>
      <c r="AJ7" s="37"/>
      <c r="AK7" s="32"/>
      <c r="AL7" s="30"/>
    </row>
    <row r="8" spans="2:38" s="31" customFormat="1" ht="27.75" customHeight="1" x14ac:dyDescent="0.2">
      <c r="B8" s="30"/>
      <c r="D8" s="36"/>
      <c r="E8" s="65" t="s">
        <v>24</v>
      </c>
      <c r="F8" s="65"/>
      <c r="AJ8" s="37"/>
      <c r="AK8" s="32"/>
      <c r="AL8" s="30"/>
    </row>
    <row r="9" spans="2:38" s="31" customFormat="1" ht="27.75" customHeight="1" x14ac:dyDescent="0.2">
      <c r="B9" s="30"/>
      <c r="D9" s="36"/>
      <c r="E9" s="65"/>
      <c r="F9" s="65" t="s">
        <v>9</v>
      </c>
      <c r="AJ9" s="37"/>
      <c r="AK9" s="32"/>
      <c r="AL9" s="30"/>
    </row>
    <row r="10" spans="2:38" s="31" customFormat="1" ht="27.75" customHeight="1" x14ac:dyDescent="0.2">
      <c r="B10" s="30"/>
      <c r="D10" s="36"/>
      <c r="E10" s="65"/>
      <c r="F10" s="65" t="s">
        <v>10</v>
      </c>
      <c r="AJ10" s="37"/>
      <c r="AK10" s="32"/>
      <c r="AL10" s="30"/>
    </row>
    <row r="11" spans="2:38" s="31" customFormat="1" ht="27.75" customHeight="1" x14ac:dyDescent="0.2">
      <c r="B11" s="30"/>
      <c r="D11" s="36"/>
      <c r="E11" s="65" t="s">
        <v>25</v>
      </c>
      <c r="F11" s="65"/>
      <c r="AJ11" s="37"/>
      <c r="AK11" s="32"/>
      <c r="AL11" s="30"/>
    </row>
    <row r="12" spans="2:38" s="31" customFormat="1" ht="27.75" customHeight="1" x14ac:dyDescent="0.2">
      <c r="B12" s="30"/>
      <c r="D12" s="36"/>
      <c r="E12" s="65"/>
      <c r="F12" s="65" t="s">
        <v>409</v>
      </c>
      <c r="AJ12" s="37"/>
      <c r="AK12" s="32"/>
      <c r="AL12" s="30"/>
    </row>
    <row r="13" spans="2:38" s="31" customFormat="1" ht="27.75" customHeight="1" x14ac:dyDescent="0.2">
      <c r="B13" s="30"/>
      <c r="D13" s="36"/>
      <c r="E13" s="270" t="s">
        <v>278</v>
      </c>
      <c r="F13" s="271"/>
      <c r="G13" s="272"/>
      <c r="H13" s="272"/>
      <c r="I13" s="272"/>
      <c r="J13" s="272"/>
      <c r="K13" s="273"/>
      <c r="L13" s="273"/>
      <c r="M13" s="273"/>
      <c r="N13" s="273"/>
      <c r="O13" s="273"/>
      <c r="P13" s="273"/>
      <c r="Q13" s="273"/>
      <c r="R13" s="273"/>
      <c r="S13" s="273"/>
      <c r="T13" s="273"/>
      <c r="U13" s="273"/>
      <c r="V13" s="273"/>
      <c r="W13" s="273"/>
      <c r="X13" s="273"/>
      <c r="Y13" s="273"/>
      <c r="Z13" s="273"/>
      <c r="AA13" s="273"/>
      <c r="AB13" s="273"/>
      <c r="AC13" s="273"/>
      <c r="AD13" s="273"/>
      <c r="AE13" s="273"/>
      <c r="AF13" s="273"/>
      <c r="AG13" s="273"/>
      <c r="AH13" s="273"/>
      <c r="AI13" s="273"/>
      <c r="AJ13" s="37"/>
      <c r="AK13" s="32"/>
      <c r="AL13" s="30"/>
    </row>
    <row r="14" spans="2:38" s="31" customFormat="1" ht="27.75" customHeight="1" x14ac:dyDescent="0.2">
      <c r="B14" s="30"/>
      <c r="D14" s="36"/>
      <c r="E14" s="270" t="s">
        <v>180</v>
      </c>
      <c r="F14" s="271"/>
      <c r="G14" s="272"/>
      <c r="H14" s="272"/>
      <c r="I14" s="272"/>
      <c r="J14" s="272"/>
      <c r="K14" s="273"/>
      <c r="L14" s="273"/>
      <c r="M14" s="273"/>
      <c r="N14" s="273"/>
      <c r="O14" s="273"/>
      <c r="P14" s="273"/>
      <c r="Q14" s="273"/>
      <c r="R14" s="273"/>
      <c r="S14" s="273"/>
      <c r="T14" s="273"/>
      <c r="U14" s="273"/>
      <c r="V14" s="273"/>
      <c r="W14" s="273"/>
      <c r="X14" s="273"/>
      <c r="Y14" s="273"/>
      <c r="Z14" s="273"/>
      <c r="AA14" s="273"/>
      <c r="AB14" s="273"/>
      <c r="AC14" s="273"/>
      <c r="AD14" s="273"/>
      <c r="AE14" s="273"/>
      <c r="AF14" s="273"/>
      <c r="AG14" s="273"/>
      <c r="AH14" s="273"/>
      <c r="AI14" s="273"/>
      <c r="AJ14" s="37"/>
      <c r="AK14" s="32"/>
      <c r="AL14" s="30"/>
    </row>
    <row r="15" spans="2:38" s="31" customFormat="1" ht="27.75" customHeight="1" x14ac:dyDescent="0.2">
      <c r="B15" s="30"/>
      <c r="D15" s="36"/>
      <c r="E15" s="270" t="s">
        <v>216</v>
      </c>
      <c r="F15" s="271"/>
      <c r="G15" s="272"/>
      <c r="H15" s="272"/>
      <c r="I15" s="272"/>
      <c r="J15" s="272"/>
      <c r="K15" s="273"/>
      <c r="L15" s="273"/>
      <c r="M15" s="273"/>
      <c r="N15" s="273"/>
      <c r="O15" s="273"/>
      <c r="P15" s="273"/>
      <c r="Q15" s="273"/>
      <c r="R15" s="273"/>
      <c r="S15" s="273"/>
      <c r="T15" s="273"/>
      <c r="U15" s="273"/>
      <c r="V15" s="273"/>
      <c r="W15" s="273"/>
      <c r="X15" s="273"/>
      <c r="Y15" s="273"/>
      <c r="Z15" s="273"/>
      <c r="AA15" s="273"/>
      <c r="AB15" s="273"/>
      <c r="AC15" s="273"/>
      <c r="AD15" s="273"/>
      <c r="AE15" s="273"/>
      <c r="AF15" s="273"/>
      <c r="AG15" s="273"/>
      <c r="AH15" s="273"/>
      <c r="AI15" s="273"/>
      <c r="AJ15" s="37"/>
      <c r="AK15" s="32"/>
      <c r="AL15" s="30"/>
    </row>
    <row r="16" spans="2:38" s="31" customFormat="1" ht="27.75" customHeight="1" x14ac:dyDescent="0.2">
      <c r="B16" s="30"/>
      <c r="D16" s="36"/>
      <c r="E16" s="270"/>
      <c r="F16" s="270" t="s">
        <v>411</v>
      </c>
      <c r="G16" s="273"/>
      <c r="H16" s="273"/>
      <c r="I16" s="273"/>
      <c r="J16" s="273"/>
      <c r="K16" s="273"/>
      <c r="L16" s="273"/>
      <c r="M16" s="273"/>
      <c r="N16" s="273"/>
      <c r="O16" s="273"/>
      <c r="P16" s="273"/>
      <c r="Q16" s="273"/>
      <c r="R16" s="273"/>
      <c r="S16" s="273"/>
      <c r="T16" s="273"/>
      <c r="U16" s="273"/>
      <c r="V16" s="273"/>
      <c r="W16" s="273"/>
      <c r="X16" s="273"/>
      <c r="Y16" s="273"/>
      <c r="Z16" s="273"/>
      <c r="AA16" s="273"/>
      <c r="AB16" s="273"/>
      <c r="AC16" s="273"/>
      <c r="AD16" s="273"/>
      <c r="AE16" s="273"/>
      <c r="AF16" s="273"/>
      <c r="AG16" s="273"/>
      <c r="AH16" s="273"/>
      <c r="AI16" s="273"/>
      <c r="AJ16" s="37"/>
      <c r="AK16" s="32"/>
      <c r="AL16" s="30"/>
    </row>
    <row r="17" spans="2:38" s="31" customFormat="1" ht="27.75" customHeight="1" x14ac:dyDescent="0.2">
      <c r="B17" s="30"/>
      <c r="D17" s="92"/>
      <c r="E17" s="274"/>
      <c r="F17" s="274" t="s">
        <v>191</v>
      </c>
      <c r="G17" s="275"/>
      <c r="H17" s="275"/>
      <c r="I17" s="275"/>
      <c r="J17" s="275"/>
      <c r="K17" s="275"/>
      <c r="L17" s="275"/>
      <c r="M17" s="275"/>
      <c r="N17" s="275"/>
      <c r="O17" s="275"/>
      <c r="P17" s="275"/>
      <c r="Q17" s="275"/>
      <c r="R17" s="275"/>
      <c r="S17" s="275"/>
      <c r="T17" s="275"/>
      <c r="U17" s="275"/>
      <c r="V17" s="275"/>
      <c r="W17" s="275"/>
      <c r="X17" s="275"/>
      <c r="Y17" s="275"/>
      <c r="Z17" s="275"/>
      <c r="AA17" s="275"/>
      <c r="AB17" s="275"/>
      <c r="AC17" s="275"/>
      <c r="AD17" s="275"/>
      <c r="AE17" s="275"/>
      <c r="AF17" s="275"/>
      <c r="AG17" s="275"/>
      <c r="AH17" s="275"/>
      <c r="AI17" s="275"/>
      <c r="AJ17" s="93"/>
      <c r="AK17" s="32"/>
      <c r="AL17" s="30"/>
    </row>
    <row r="18" spans="2:38" s="31" customFormat="1" ht="3" customHeight="1" x14ac:dyDescent="0.2">
      <c r="B18" s="30"/>
      <c r="AK18" s="32"/>
      <c r="AL18" s="30"/>
    </row>
    <row r="19" spans="2:38" s="31" customFormat="1" ht="21.75" customHeight="1" x14ac:dyDescent="0.2">
      <c r="B19" s="30"/>
      <c r="D19" s="14" t="s">
        <v>8</v>
      </c>
      <c r="AK19" s="32"/>
      <c r="AL19" s="30"/>
    </row>
    <row r="20" spans="2:38" s="31" customFormat="1" ht="26.25" customHeight="1" x14ac:dyDescent="0.2">
      <c r="B20" s="30"/>
      <c r="D20" s="33"/>
      <c r="E20" s="64" t="s">
        <v>375</v>
      </c>
      <c r="F20" s="64"/>
      <c r="G20" s="34"/>
      <c r="H20" s="34"/>
      <c r="I20" s="34"/>
      <c r="J20" s="34"/>
      <c r="K20" s="34"/>
      <c r="L20" s="34"/>
      <c r="M20" s="34"/>
      <c r="N20" s="34"/>
      <c r="O20" s="34"/>
      <c r="P20" s="34"/>
      <c r="Q20" s="34"/>
      <c r="R20" s="34"/>
      <c r="S20" s="34"/>
      <c r="T20" s="34"/>
      <c r="U20" s="34"/>
      <c r="V20" s="34"/>
      <c r="W20" s="34"/>
      <c r="X20" s="34"/>
      <c r="Y20" s="34"/>
      <c r="Z20" s="34"/>
      <c r="AA20" s="34"/>
      <c r="AB20" s="34"/>
      <c r="AC20" s="34"/>
      <c r="AD20" s="34"/>
      <c r="AE20" s="34"/>
      <c r="AF20" s="34"/>
      <c r="AG20" s="34"/>
      <c r="AH20" s="34"/>
      <c r="AI20" s="34"/>
      <c r="AJ20" s="35"/>
      <c r="AK20" s="32"/>
      <c r="AL20" s="30"/>
    </row>
    <row r="21" spans="2:38" s="31" customFormat="1" ht="26.25" customHeight="1" x14ac:dyDescent="0.2">
      <c r="B21" s="30"/>
      <c r="D21" s="36"/>
      <c r="E21" s="65" t="s">
        <v>399</v>
      </c>
      <c r="F21" s="65"/>
      <c r="AJ21" s="37"/>
      <c r="AK21" s="32"/>
      <c r="AL21" s="30"/>
    </row>
    <row r="22" spans="2:38" s="31" customFormat="1" ht="26.25" customHeight="1" x14ac:dyDescent="0.2">
      <c r="B22" s="30"/>
      <c r="D22" s="68"/>
      <c r="E22" s="270" t="s">
        <v>400</v>
      </c>
      <c r="AJ22" s="37"/>
      <c r="AK22" s="32"/>
      <c r="AL22" s="30"/>
    </row>
    <row r="23" spans="2:38" s="31" customFormat="1" ht="26.25" customHeight="1" x14ac:dyDescent="0.2">
      <c r="B23" s="30"/>
      <c r="D23" s="36"/>
      <c r="E23" s="270" t="s">
        <v>401</v>
      </c>
      <c r="F23" s="65"/>
      <c r="AJ23" s="37"/>
      <c r="AK23" s="32"/>
      <c r="AL23" s="30"/>
    </row>
    <row r="24" spans="2:38" s="31" customFormat="1" ht="26.25" customHeight="1" x14ac:dyDescent="0.2">
      <c r="B24" s="30"/>
      <c r="D24" s="36"/>
      <c r="E24" s="270" t="s">
        <v>403</v>
      </c>
      <c r="F24" s="270"/>
      <c r="G24" s="273"/>
      <c r="H24" s="273"/>
      <c r="I24" s="273"/>
      <c r="J24" s="273"/>
      <c r="K24" s="273"/>
      <c r="L24" s="273"/>
      <c r="M24" s="273"/>
      <c r="N24" s="273"/>
      <c r="O24" s="273"/>
      <c r="P24" s="273"/>
      <c r="Q24" s="273"/>
      <c r="R24" s="273"/>
      <c r="S24" s="273"/>
      <c r="T24" s="273"/>
      <c r="U24" s="273"/>
      <c r="V24" s="273"/>
      <c r="W24" s="273"/>
      <c r="X24" s="273"/>
      <c r="AJ24" s="37"/>
      <c r="AK24" s="32"/>
      <c r="AL24" s="30"/>
    </row>
    <row r="25" spans="2:38" s="31" customFormat="1" ht="26.25" customHeight="1" x14ac:dyDescent="0.2">
      <c r="B25" s="30"/>
      <c r="D25" s="36"/>
      <c r="E25" s="270" t="s">
        <v>402</v>
      </c>
      <c r="F25" s="270"/>
      <c r="G25" s="273"/>
      <c r="H25" s="273"/>
      <c r="I25" s="273"/>
      <c r="J25" s="273"/>
      <c r="K25" s="273"/>
      <c r="L25" s="273"/>
      <c r="M25" s="273"/>
      <c r="N25" s="273"/>
      <c r="O25" s="273"/>
      <c r="P25" s="273"/>
      <c r="Q25" s="273"/>
      <c r="R25" s="273"/>
      <c r="S25" s="273"/>
      <c r="T25" s="273"/>
      <c r="U25" s="273"/>
      <c r="V25" s="273"/>
      <c r="W25" s="273"/>
      <c r="X25" s="273"/>
      <c r="AJ25" s="37"/>
      <c r="AK25" s="32"/>
      <c r="AL25" s="30"/>
    </row>
    <row r="26" spans="2:38" s="31" customFormat="1" ht="26.25" customHeight="1" x14ac:dyDescent="0.2">
      <c r="B26" s="30"/>
      <c r="D26" s="36"/>
      <c r="E26" s="270"/>
      <c r="F26" s="270"/>
      <c r="G26" s="273"/>
      <c r="H26" s="273"/>
      <c r="I26" s="273"/>
      <c r="J26" s="273"/>
      <c r="K26" s="273"/>
      <c r="L26" s="273"/>
      <c r="M26" s="273"/>
      <c r="N26" s="273"/>
      <c r="O26" s="273"/>
      <c r="P26" s="273"/>
      <c r="Q26" s="273"/>
      <c r="R26" s="273"/>
      <c r="S26" s="273"/>
      <c r="T26" s="273"/>
      <c r="U26" s="273"/>
      <c r="V26" s="273"/>
      <c r="W26" s="273"/>
      <c r="X26" s="273"/>
      <c r="AJ26" s="37"/>
      <c r="AK26" s="32"/>
      <c r="AL26" s="30"/>
    </row>
    <row r="27" spans="2:38" s="31" customFormat="1" ht="26.25" customHeight="1" x14ac:dyDescent="0.2">
      <c r="B27" s="30"/>
      <c r="D27" s="36"/>
      <c r="E27" s="270" t="s">
        <v>406</v>
      </c>
      <c r="F27" s="270"/>
      <c r="G27" s="273"/>
      <c r="H27" s="273"/>
      <c r="I27" s="273"/>
      <c r="J27" s="273"/>
      <c r="K27" s="273"/>
      <c r="L27" s="273"/>
      <c r="M27" s="273"/>
      <c r="N27" s="273"/>
      <c r="O27" s="273"/>
      <c r="P27" s="273"/>
      <c r="Q27" s="273"/>
      <c r="R27" s="273"/>
      <c r="S27" s="273"/>
      <c r="T27" s="273"/>
      <c r="U27" s="273"/>
      <c r="V27" s="273"/>
      <c r="W27" s="273"/>
      <c r="X27" s="273"/>
      <c r="AJ27" s="37"/>
      <c r="AK27" s="32"/>
      <c r="AL27" s="30"/>
    </row>
    <row r="28" spans="2:38" s="31" customFormat="1" ht="26.25" customHeight="1" x14ac:dyDescent="0.2">
      <c r="B28" s="30"/>
      <c r="D28" s="36"/>
      <c r="E28" s="270" t="s">
        <v>404</v>
      </c>
      <c r="F28" s="270"/>
      <c r="G28" s="273"/>
      <c r="H28" s="273"/>
      <c r="I28" s="273"/>
      <c r="J28" s="273"/>
      <c r="K28" s="273"/>
      <c r="L28" s="273"/>
      <c r="M28" s="273"/>
      <c r="N28" s="273"/>
      <c r="O28" s="273"/>
      <c r="P28" s="273"/>
      <c r="Q28" s="273"/>
      <c r="R28" s="273"/>
      <c r="S28" s="273"/>
      <c r="T28" s="273"/>
      <c r="U28" s="273"/>
      <c r="V28" s="273"/>
      <c r="W28" s="273"/>
      <c r="X28" s="273"/>
      <c r="AJ28" s="37"/>
      <c r="AK28" s="32"/>
      <c r="AL28" s="30"/>
    </row>
    <row r="29" spans="2:38" s="31" customFormat="1" ht="26.25" customHeight="1" x14ac:dyDescent="0.2">
      <c r="B29" s="30"/>
      <c r="D29" s="36"/>
      <c r="E29" s="270" t="s">
        <v>405</v>
      </c>
      <c r="F29" s="270"/>
      <c r="G29" s="273"/>
      <c r="H29" s="273"/>
      <c r="I29" s="273"/>
      <c r="J29" s="273"/>
      <c r="K29" s="273"/>
      <c r="L29" s="273"/>
      <c r="M29" s="273"/>
      <c r="N29" s="273"/>
      <c r="O29" s="273"/>
      <c r="P29" s="273"/>
      <c r="Q29" s="273"/>
      <c r="R29" s="273"/>
      <c r="S29" s="273"/>
      <c r="T29" s="273"/>
      <c r="U29" s="273"/>
      <c r="V29" s="273"/>
      <c r="W29" s="273"/>
      <c r="X29" s="273"/>
      <c r="AJ29" s="37"/>
      <c r="AK29" s="32"/>
      <c r="AL29" s="30"/>
    </row>
    <row r="30" spans="2:38" s="31" customFormat="1" ht="26.25" customHeight="1" x14ac:dyDescent="0.2">
      <c r="B30" s="30"/>
      <c r="D30" s="36"/>
      <c r="E30" s="270"/>
      <c r="F30" s="270"/>
      <c r="G30" s="273"/>
      <c r="H30" s="273"/>
      <c r="I30" s="273"/>
      <c r="J30" s="273"/>
      <c r="K30" s="273"/>
      <c r="L30" s="273"/>
      <c r="M30" s="273"/>
      <c r="N30" s="273"/>
      <c r="O30" s="273"/>
      <c r="P30" s="273"/>
      <c r="Q30" s="273"/>
      <c r="R30" s="273"/>
      <c r="S30" s="273"/>
      <c r="T30" s="273"/>
      <c r="U30" s="273"/>
      <c r="V30" s="273"/>
      <c r="W30" s="273"/>
      <c r="X30" s="273"/>
      <c r="AJ30" s="37"/>
      <c r="AK30" s="32"/>
      <c r="AL30" s="30"/>
    </row>
    <row r="31" spans="2:38" s="31" customFormat="1" ht="26.25" customHeight="1" x14ac:dyDescent="0.2">
      <c r="B31" s="30"/>
      <c r="D31" s="36"/>
      <c r="E31" s="270"/>
      <c r="F31" s="270"/>
      <c r="G31" s="273"/>
      <c r="H31" s="273"/>
      <c r="I31" s="273"/>
      <c r="J31" s="273"/>
      <c r="K31" s="273"/>
      <c r="L31" s="273"/>
      <c r="M31" s="273"/>
      <c r="N31" s="273"/>
      <c r="O31" s="273"/>
      <c r="P31" s="273"/>
      <c r="Q31" s="273"/>
      <c r="R31" s="273"/>
      <c r="S31" s="273"/>
      <c r="T31" s="273"/>
      <c r="U31" s="273"/>
      <c r="V31" s="273"/>
      <c r="W31" s="273"/>
      <c r="X31" s="273"/>
      <c r="AJ31" s="37"/>
      <c r="AK31" s="32"/>
      <c r="AL31" s="30"/>
    </row>
    <row r="32" spans="2:38" s="31" customFormat="1" ht="26.25" customHeight="1" x14ac:dyDescent="0.2">
      <c r="B32" s="30"/>
      <c r="D32" s="36"/>
      <c r="E32" s="270"/>
      <c r="F32" s="270"/>
      <c r="G32" s="273"/>
      <c r="H32" s="273"/>
      <c r="I32" s="273"/>
      <c r="J32" s="273"/>
      <c r="K32" s="273"/>
      <c r="L32" s="273"/>
      <c r="M32" s="273"/>
      <c r="N32" s="273"/>
      <c r="O32" s="273"/>
      <c r="P32" s="273"/>
      <c r="Q32" s="273"/>
      <c r="R32" s="273"/>
      <c r="S32" s="273"/>
      <c r="T32" s="273"/>
      <c r="U32" s="273"/>
      <c r="V32" s="273"/>
      <c r="W32" s="273"/>
      <c r="X32" s="273"/>
      <c r="AJ32" s="37"/>
      <c r="AK32" s="32"/>
      <c r="AL32" s="30"/>
    </row>
    <row r="33" spans="2:38" s="31" customFormat="1" ht="26.25" customHeight="1" x14ac:dyDescent="0.2">
      <c r="B33" s="30"/>
      <c r="D33" s="36"/>
      <c r="E33" s="270"/>
      <c r="F33" s="270"/>
      <c r="G33" s="273"/>
      <c r="H33" s="273"/>
      <c r="I33" s="273"/>
      <c r="J33" s="273"/>
      <c r="K33" s="273"/>
      <c r="L33" s="273"/>
      <c r="M33" s="273"/>
      <c r="N33" s="273"/>
      <c r="O33" s="273"/>
      <c r="P33" s="273"/>
      <c r="Q33" s="273"/>
      <c r="R33" s="273"/>
      <c r="S33" s="273"/>
      <c r="T33" s="273"/>
      <c r="U33" s="273"/>
      <c r="V33" s="273"/>
      <c r="W33" s="273"/>
      <c r="X33" s="273"/>
      <c r="AJ33" s="37"/>
      <c r="AK33" s="32"/>
      <c r="AL33" s="30"/>
    </row>
    <row r="34" spans="2:38" s="31" customFormat="1" ht="26.25" customHeight="1" x14ac:dyDescent="0.2">
      <c r="B34" s="30"/>
      <c r="D34" s="36"/>
      <c r="E34" s="270"/>
      <c r="F34" s="270"/>
      <c r="G34" s="273"/>
      <c r="H34" s="273"/>
      <c r="I34" s="273"/>
      <c r="J34" s="273"/>
      <c r="K34" s="273"/>
      <c r="L34" s="273"/>
      <c r="M34" s="273"/>
      <c r="N34" s="273"/>
      <c r="O34" s="273"/>
      <c r="P34" s="273"/>
      <c r="Q34" s="273"/>
      <c r="R34" s="273"/>
      <c r="S34" s="273"/>
      <c r="T34" s="273"/>
      <c r="U34" s="273"/>
      <c r="V34" s="273"/>
      <c r="W34" s="273"/>
      <c r="X34" s="273"/>
      <c r="AJ34" s="37"/>
      <c r="AK34" s="32"/>
      <c r="AL34" s="30"/>
    </row>
    <row r="35" spans="2:38" s="31" customFormat="1" ht="26.25" customHeight="1" x14ac:dyDescent="0.2">
      <c r="B35" s="30"/>
      <c r="D35" s="36"/>
      <c r="E35" s="270"/>
      <c r="F35" s="270"/>
      <c r="G35" s="273"/>
      <c r="H35" s="273"/>
      <c r="I35" s="273"/>
      <c r="J35" s="273"/>
      <c r="K35" s="273"/>
      <c r="L35" s="273"/>
      <c r="M35" s="273"/>
      <c r="N35" s="273"/>
      <c r="O35" s="273"/>
      <c r="P35" s="273"/>
      <c r="Q35" s="273"/>
      <c r="R35" s="273"/>
      <c r="S35" s="273"/>
      <c r="T35" s="273"/>
      <c r="U35" s="273"/>
      <c r="V35" s="273"/>
      <c r="W35" s="273"/>
      <c r="X35" s="273"/>
      <c r="AJ35" s="37"/>
      <c r="AK35" s="32"/>
      <c r="AL35" s="30"/>
    </row>
    <row r="36" spans="2:38" s="31" customFormat="1" ht="26.25" customHeight="1" x14ac:dyDescent="0.2">
      <c r="B36" s="30"/>
      <c r="D36" s="36"/>
      <c r="E36" s="270"/>
      <c r="F36" s="270"/>
      <c r="G36" s="273"/>
      <c r="H36" s="273"/>
      <c r="I36" s="273"/>
      <c r="J36" s="273"/>
      <c r="K36" s="273"/>
      <c r="L36" s="273"/>
      <c r="M36" s="273"/>
      <c r="N36" s="273"/>
      <c r="O36" s="273"/>
      <c r="P36" s="273"/>
      <c r="Q36" s="273"/>
      <c r="R36" s="273"/>
      <c r="S36" s="273"/>
      <c r="T36" s="273"/>
      <c r="U36" s="273"/>
      <c r="V36" s="273"/>
      <c r="W36" s="273"/>
      <c r="X36" s="273"/>
      <c r="AJ36" s="37"/>
      <c r="AK36" s="32"/>
      <c r="AL36" s="30"/>
    </row>
    <row r="37" spans="2:38" s="31" customFormat="1" ht="26.25" customHeight="1" x14ac:dyDescent="0.2">
      <c r="B37" s="30"/>
      <c r="D37" s="36"/>
      <c r="E37" s="270" t="s">
        <v>407</v>
      </c>
      <c r="F37" s="270"/>
      <c r="G37" s="273"/>
      <c r="H37" s="273"/>
      <c r="I37" s="273"/>
      <c r="J37" s="273"/>
      <c r="K37" s="273"/>
      <c r="L37" s="273"/>
      <c r="M37" s="273"/>
      <c r="N37" s="273"/>
      <c r="O37" s="273"/>
      <c r="P37" s="273"/>
      <c r="Q37" s="273"/>
      <c r="R37" s="273"/>
      <c r="S37" s="273"/>
      <c r="T37" s="273"/>
      <c r="U37" s="273"/>
      <c r="V37" s="273"/>
      <c r="W37" s="273"/>
      <c r="X37" s="273"/>
      <c r="AJ37" s="37"/>
      <c r="AK37" s="32"/>
      <c r="AL37" s="30"/>
    </row>
    <row r="38" spans="2:38" ht="5.25" customHeight="1" x14ac:dyDescent="0.2">
      <c r="B38" s="13"/>
      <c r="D38" s="6"/>
      <c r="E38" s="7"/>
      <c r="F38" s="7"/>
      <c r="G38" s="7"/>
      <c r="H38" s="7"/>
      <c r="I38" s="7"/>
      <c r="J38" s="7"/>
      <c r="K38" s="7"/>
      <c r="L38" s="7"/>
      <c r="M38" s="7"/>
      <c r="N38" s="7"/>
      <c r="O38" s="7"/>
      <c r="P38" s="7"/>
      <c r="Q38" s="7"/>
      <c r="R38" s="7"/>
      <c r="S38" s="7"/>
      <c r="T38" s="7"/>
      <c r="U38" s="7"/>
      <c r="V38" s="7"/>
      <c r="W38" s="7"/>
      <c r="X38" s="7"/>
      <c r="Y38" s="7"/>
      <c r="Z38" s="7"/>
      <c r="AA38" s="7"/>
      <c r="AB38" s="7"/>
      <c r="AC38" s="7"/>
      <c r="AD38" s="7"/>
      <c r="AE38" s="7"/>
      <c r="AF38" s="7"/>
      <c r="AG38" s="7"/>
      <c r="AH38" s="7"/>
      <c r="AI38" s="7"/>
      <c r="AJ38" s="8"/>
      <c r="AK38" s="16"/>
      <c r="AL38" s="13"/>
    </row>
    <row r="39" spans="2:38" ht="13.5" thickBot="1" x14ac:dyDescent="0.25">
      <c r="B39" s="19"/>
      <c r="C39" s="20"/>
      <c r="D39" s="20"/>
      <c r="E39" s="20"/>
      <c r="F39" s="20"/>
      <c r="G39" s="20"/>
      <c r="H39" s="20"/>
      <c r="I39" s="20"/>
      <c r="J39" s="20"/>
      <c r="K39" s="20"/>
      <c r="L39" s="20"/>
      <c r="M39" s="20"/>
      <c r="N39" s="20"/>
      <c r="O39" s="20"/>
      <c r="P39" s="20"/>
      <c r="Q39" s="20"/>
      <c r="R39" s="20"/>
      <c r="S39" s="20"/>
      <c r="T39" s="20"/>
      <c r="U39" s="20"/>
      <c r="V39" s="20"/>
      <c r="W39" s="20"/>
      <c r="X39" s="20"/>
      <c r="Y39" s="20"/>
      <c r="Z39" s="20"/>
      <c r="AA39" s="20"/>
      <c r="AB39" s="20"/>
      <c r="AC39" s="20"/>
      <c r="AD39" s="20"/>
      <c r="AE39" s="20"/>
      <c r="AF39" s="20"/>
      <c r="AG39" s="20"/>
      <c r="AH39" s="20"/>
      <c r="AI39" s="20"/>
      <c r="AJ39" s="20"/>
      <c r="AK39" s="21"/>
      <c r="AL39" s="13"/>
    </row>
    <row r="40" spans="2:38" ht="13.5" thickTop="1" x14ac:dyDescent="0.2"/>
  </sheetData>
  <mergeCells count="1">
    <mergeCell ref="D4:H4"/>
  </mergeCells>
  <phoneticPr fontId="2"/>
  <printOptions horizontalCentered="1" verticalCentered="1"/>
  <pageMargins left="0.39370078740157483" right="0.39370078740157483" top="0.78740157480314965" bottom="0.23622047244094491" header="0.55118110236220474" footer="0.19685039370078741"/>
  <pageSetup paperSize="9" scale="60" orientation="landscape" r:id="rId1"/>
  <headerFooter alignWithMargins="0">
    <oddHeader>&amp;R&amp;"ＭＳ Ｐゴシック,太字"&amp;18【別紙－１】</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36865" r:id="rId4" name="Check Box 1">
              <controlPr defaultSize="0" autoFill="0" autoLine="0" autoPict="0">
                <anchor moveWithCells="1">
                  <from>
                    <xdr:col>3</xdr:col>
                    <xdr:colOff>63500</xdr:colOff>
                    <xdr:row>5</xdr:row>
                    <xdr:rowOff>38100</xdr:rowOff>
                  </from>
                  <to>
                    <xdr:col>4</xdr:col>
                    <xdr:colOff>25400</xdr:colOff>
                    <xdr:row>5</xdr:row>
                    <xdr:rowOff>298450</xdr:rowOff>
                  </to>
                </anchor>
              </controlPr>
            </control>
          </mc:Choice>
        </mc:AlternateContent>
        <mc:AlternateContent xmlns:mc="http://schemas.openxmlformats.org/markup-compatibility/2006">
          <mc:Choice Requires="x14">
            <control shapeId="36866" r:id="rId5" name="Check Box 2">
              <controlPr defaultSize="0" autoFill="0" autoLine="0" autoPict="0">
                <anchor moveWithCells="1">
                  <from>
                    <xdr:col>3</xdr:col>
                    <xdr:colOff>63500</xdr:colOff>
                    <xdr:row>7</xdr:row>
                    <xdr:rowOff>38100</xdr:rowOff>
                  </from>
                  <to>
                    <xdr:col>4</xdr:col>
                    <xdr:colOff>25400</xdr:colOff>
                    <xdr:row>7</xdr:row>
                    <xdr:rowOff>298450</xdr:rowOff>
                  </to>
                </anchor>
              </controlPr>
            </control>
          </mc:Choice>
        </mc:AlternateContent>
        <mc:AlternateContent xmlns:mc="http://schemas.openxmlformats.org/markup-compatibility/2006">
          <mc:Choice Requires="x14">
            <control shapeId="36867" r:id="rId6" name="Check Box 3">
              <controlPr defaultSize="0" autoFill="0" autoLine="0" autoPict="0">
                <anchor moveWithCells="1">
                  <from>
                    <xdr:col>3</xdr:col>
                    <xdr:colOff>63500</xdr:colOff>
                    <xdr:row>10</xdr:row>
                    <xdr:rowOff>44450</xdr:rowOff>
                  </from>
                  <to>
                    <xdr:col>4</xdr:col>
                    <xdr:colOff>25400</xdr:colOff>
                    <xdr:row>10</xdr:row>
                    <xdr:rowOff>304800</xdr:rowOff>
                  </to>
                </anchor>
              </controlPr>
            </control>
          </mc:Choice>
        </mc:AlternateContent>
        <mc:AlternateContent xmlns:mc="http://schemas.openxmlformats.org/markup-compatibility/2006">
          <mc:Choice Requires="x14">
            <control shapeId="36868" r:id="rId7" name="Check Box 4">
              <controlPr defaultSize="0" autoFill="0" autoLine="0" autoPict="0">
                <anchor moveWithCells="1">
                  <from>
                    <xdr:col>3</xdr:col>
                    <xdr:colOff>63500</xdr:colOff>
                    <xdr:row>10</xdr:row>
                    <xdr:rowOff>44450</xdr:rowOff>
                  </from>
                  <to>
                    <xdr:col>4</xdr:col>
                    <xdr:colOff>25400</xdr:colOff>
                    <xdr:row>10</xdr:row>
                    <xdr:rowOff>304800</xdr:rowOff>
                  </to>
                </anchor>
              </controlPr>
            </control>
          </mc:Choice>
        </mc:AlternateContent>
        <mc:AlternateContent xmlns:mc="http://schemas.openxmlformats.org/markup-compatibility/2006">
          <mc:Choice Requires="x14">
            <control shapeId="36870" r:id="rId8" name="Check Box 6">
              <controlPr defaultSize="0" autoFill="0" autoLine="0" autoPict="0">
                <anchor moveWithCells="1">
                  <from>
                    <xdr:col>3</xdr:col>
                    <xdr:colOff>63500</xdr:colOff>
                    <xdr:row>6</xdr:row>
                    <xdr:rowOff>38100</xdr:rowOff>
                  </from>
                  <to>
                    <xdr:col>4</xdr:col>
                    <xdr:colOff>25400</xdr:colOff>
                    <xdr:row>6</xdr:row>
                    <xdr:rowOff>298450</xdr:rowOff>
                  </to>
                </anchor>
              </controlPr>
            </control>
          </mc:Choice>
        </mc:AlternateContent>
        <mc:AlternateContent xmlns:mc="http://schemas.openxmlformats.org/markup-compatibility/2006">
          <mc:Choice Requires="x14">
            <control shapeId="36871" r:id="rId9" name="Check Box 7">
              <controlPr defaultSize="0" autoFill="0" autoLine="0" autoPict="0">
                <anchor moveWithCells="1">
                  <from>
                    <xdr:col>3</xdr:col>
                    <xdr:colOff>63500</xdr:colOff>
                    <xdr:row>19</xdr:row>
                    <xdr:rowOff>69850</xdr:rowOff>
                  </from>
                  <to>
                    <xdr:col>4</xdr:col>
                    <xdr:colOff>25400</xdr:colOff>
                    <xdr:row>19</xdr:row>
                    <xdr:rowOff>330200</xdr:rowOff>
                  </to>
                </anchor>
              </controlPr>
            </control>
          </mc:Choice>
        </mc:AlternateContent>
        <mc:AlternateContent xmlns:mc="http://schemas.openxmlformats.org/markup-compatibility/2006">
          <mc:Choice Requires="x14">
            <control shapeId="36872" r:id="rId10" name="Check Box 8">
              <controlPr defaultSize="0" autoFill="0" autoLine="0" autoPict="0">
                <anchor moveWithCells="1">
                  <from>
                    <xdr:col>3</xdr:col>
                    <xdr:colOff>63500</xdr:colOff>
                    <xdr:row>20</xdr:row>
                    <xdr:rowOff>76200</xdr:rowOff>
                  </from>
                  <to>
                    <xdr:col>4</xdr:col>
                    <xdr:colOff>25400</xdr:colOff>
                    <xdr:row>21</xdr:row>
                    <xdr:rowOff>0</xdr:rowOff>
                  </to>
                </anchor>
              </controlPr>
            </control>
          </mc:Choice>
        </mc:AlternateContent>
        <mc:AlternateContent xmlns:mc="http://schemas.openxmlformats.org/markup-compatibility/2006">
          <mc:Choice Requires="x14">
            <control shapeId="36873" r:id="rId11" name="Check Box 9">
              <controlPr defaultSize="0" autoFill="0" autoLine="0" autoPict="0">
                <anchor moveWithCells="1">
                  <from>
                    <xdr:col>3</xdr:col>
                    <xdr:colOff>63500</xdr:colOff>
                    <xdr:row>20</xdr:row>
                    <xdr:rowOff>76200</xdr:rowOff>
                  </from>
                  <to>
                    <xdr:col>4</xdr:col>
                    <xdr:colOff>25400</xdr:colOff>
                    <xdr:row>21</xdr:row>
                    <xdr:rowOff>0</xdr:rowOff>
                  </to>
                </anchor>
              </controlPr>
            </control>
          </mc:Choice>
        </mc:AlternateContent>
        <mc:AlternateContent xmlns:mc="http://schemas.openxmlformats.org/markup-compatibility/2006">
          <mc:Choice Requires="x14">
            <control shapeId="36874" r:id="rId12" name="Check Box 10">
              <controlPr defaultSize="0" autoFill="0" autoLine="0" autoPict="0">
                <anchor moveWithCells="1">
                  <from>
                    <xdr:col>3</xdr:col>
                    <xdr:colOff>63500</xdr:colOff>
                    <xdr:row>21</xdr:row>
                    <xdr:rowOff>63500</xdr:rowOff>
                  </from>
                  <to>
                    <xdr:col>4</xdr:col>
                    <xdr:colOff>44450</xdr:colOff>
                    <xdr:row>21</xdr:row>
                    <xdr:rowOff>311150</xdr:rowOff>
                  </to>
                </anchor>
              </controlPr>
            </control>
          </mc:Choice>
        </mc:AlternateContent>
        <mc:AlternateContent xmlns:mc="http://schemas.openxmlformats.org/markup-compatibility/2006">
          <mc:Choice Requires="x14">
            <control shapeId="36875" r:id="rId13" name="Check Box 11">
              <controlPr defaultSize="0" autoFill="0" autoLine="0" autoPict="0">
                <anchor moveWithCells="1">
                  <from>
                    <xdr:col>3</xdr:col>
                    <xdr:colOff>63500</xdr:colOff>
                    <xdr:row>22</xdr:row>
                    <xdr:rowOff>63500</xdr:rowOff>
                  </from>
                  <to>
                    <xdr:col>4</xdr:col>
                    <xdr:colOff>44450</xdr:colOff>
                    <xdr:row>22</xdr:row>
                    <xdr:rowOff>311150</xdr:rowOff>
                  </to>
                </anchor>
              </controlPr>
            </control>
          </mc:Choice>
        </mc:AlternateContent>
        <mc:AlternateContent xmlns:mc="http://schemas.openxmlformats.org/markup-compatibility/2006">
          <mc:Choice Requires="x14">
            <control shapeId="36878" r:id="rId14" name="Check Box 14">
              <controlPr defaultSize="0" autoFill="0" autoLine="0" autoPict="0">
                <anchor moveWithCells="1">
                  <from>
                    <xdr:col>3</xdr:col>
                    <xdr:colOff>63500</xdr:colOff>
                    <xdr:row>27</xdr:row>
                    <xdr:rowOff>76200</xdr:rowOff>
                  </from>
                  <to>
                    <xdr:col>4</xdr:col>
                    <xdr:colOff>6350</xdr:colOff>
                    <xdr:row>28</xdr:row>
                    <xdr:rowOff>0</xdr:rowOff>
                  </to>
                </anchor>
              </controlPr>
            </control>
          </mc:Choice>
        </mc:AlternateContent>
        <mc:AlternateContent xmlns:mc="http://schemas.openxmlformats.org/markup-compatibility/2006">
          <mc:Choice Requires="x14">
            <control shapeId="36879" r:id="rId15" name="Check Box 15">
              <controlPr defaultSize="0" autoFill="0" autoLine="0" autoPict="0">
                <anchor moveWithCells="1">
                  <from>
                    <xdr:col>3</xdr:col>
                    <xdr:colOff>63500</xdr:colOff>
                    <xdr:row>28</xdr:row>
                    <xdr:rowOff>82550</xdr:rowOff>
                  </from>
                  <to>
                    <xdr:col>4</xdr:col>
                    <xdr:colOff>6350</xdr:colOff>
                    <xdr:row>29</xdr:row>
                    <xdr:rowOff>6350</xdr:rowOff>
                  </to>
                </anchor>
              </controlPr>
            </control>
          </mc:Choice>
        </mc:AlternateContent>
        <mc:AlternateContent xmlns:mc="http://schemas.openxmlformats.org/markup-compatibility/2006">
          <mc:Choice Requires="x14">
            <control shapeId="36883" r:id="rId16" name="Check Box 19">
              <controlPr defaultSize="0" autoFill="0" autoLine="0" autoPict="0">
                <anchor moveWithCells="1">
                  <from>
                    <xdr:col>3</xdr:col>
                    <xdr:colOff>63500</xdr:colOff>
                    <xdr:row>13</xdr:row>
                    <xdr:rowOff>44450</xdr:rowOff>
                  </from>
                  <to>
                    <xdr:col>4</xdr:col>
                    <xdr:colOff>25400</xdr:colOff>
                    <xdr:row>13</xdr:row>
                    <xdr:rowOff>304800</xdr:rowOff>
                  </to>
                </anchor>
              </controlPr>
            </control>
          </mc:Choice>
        </mc:AlternateContent>
        <mc:AlternateContent xmlns:mc="http://schemas.openxmlformats.org/markup-compatibility/2006">
          <mc:Choice Requires="x14">
            <control shapeId="37071" r:id="rId17" name="Check Box 207">
              <controlPr defaultSize="0" autoFill="0" autoLine="0" autoPict="0">
                <anchor moveWithCells="1">
                  <from>
                    <xdr:col>3</xdr:col>
                    <xdr:colOff>63500</xdr:colOff>
                    <xdr:row>24</xdr:row>
                    <xdr:rowOff>63500</xdr:rowOff>
                  </from>
                  <to>
                    <xdr:col>4</xdr:col>
                    <xdr:colOff>44450</xdr:colOff>
                    <xdr:row>24</xdr:row>
                    <xdr:rowOff>311150</xdr:rowOff>
                  </to>
                </anchor>
              </controlPr>
            </control>
          </mc:Choice>
        </mc:AlternateContent>
        <mc:AlternateContent xmlns:mc="http://schemas.openxmlformats.org/markup-compatibility/2006">
          <mc:Choice Requires="x14">
            <control shapeId="37072" r:id="rId18" name="Check Box 208">
              <controlPr defaultSize="0" autoFill="0" autoLine="0" autoPict="0">
                <anchor moveWithCells="1">
                  <from>
                    <xdr:col>3</xdr:col>
                    <xdr:colOff>63500</xdr:colOff>
                    <xdr:row>24</xdr:row>
                    <xdr:rowOff>63500</xdr:rowOff>
                  </from>
                  <to>
                    <xdr:col>4</xdr:col>
                    <xdr:colOff>44450</xdr:colOff>
                    <xdr:row>24</xdr:row>
                    <xdr:rowOff>311150</xdr:rowOff>
                  </to>
                </anchor>
              </controlPr>
            </control>
          </mc:Choice>
        </mc:AlternateContent>
        <mc:AlternateContent xmlns:mc="http://schemas.openxmlformats.org/markup-compatibility/2006">
          <mc:Choice Requires="x14">
            <control shapeId="37103" r:id="rId19" name="Check Box 239">
              <controlPr defaultSize="0" autoFill="0" autoLine="0" autoPict="0">
                <anchor moveWithCells="1">
                  <from>
                    <xdr:col>3</xdr:col>
                    <xdr:colOff>63500</xdr:colOff>
                    <xdr:row>14</xdr:row>
                    <xdr:rowOff>44450</xdr:rowOff>
                  </from>
                  <to>
                    <xdr:col>4</xdr:col>
                    <xdr:colOff>25400</xdr:colOff>
                    <xdr:row>14</xdr:row>
                    <xdr:rowOff>311150</xdr:rowOff>
                  </to>
                </anchor>
              </controlPr>
            </control>
          </mc:Choice>
        </mc:AlternateContent>
        <mc:AlternateContent xmlns:mc="http://schemas.openxmlformats.org/markup-compatibility/2006">
          <mc:Choice Requires="x14">
            <control shapeId="37107" r:id="rId20" name="Check Box 243">
              <controlPr defaultSize="0" autoFill="0" autoLine="0" autoPict="0">
                <anchor moveWithCells="1">
                  <from>
                    <xdr:col>3</xdr:col>
                    <xdr:colOff>63500</xdr:colOff>
                    <xdr:row>12</xdr:row>
                    <xdr:rowOff>44450</xdr:rowOff>
                  </from>
                  <to>
                    <xdr:col>4</xdr:col>
                    <xdr:colOff>6350</xdr:colOff>
                    <xdr:row>12</xdr:row>
                    <xdr:rowOff>311150</xdr:rowOff>
                  </to>
                </anchor>
              </controlPr>
            </control>
          </mc:Choice>
        </mc:AlternateContent>
        <mc:AlternateContent xmlns:mc="http://schemas.openxmlformats.org/markup-compatibility/2006">
          <mc:Choice Requires="x14">
            <control shapeId="37110" r:id="rId21" name="Check Box 246">
              <controlPr defaultSize="0" autoFill="0" autoLine="0" autoPict="0">
                <anchor moveWithCells="1">
                  <from>
                    <xdr:col>3</xdr:col>
                    <xdr:colOff>63500</xdr:colOff>
                    <xdr:row>23</xdr:row>
                    <xdr:rowOff>63500</xdr:rowOff>
                  </from>
                  <to>
                    <xdr:col>4</xdr:col>
                    <xdr:colOff>63500</xdr:colOff>
                    <xdr:row>23</xdr:row>
                    <xdr:rowOff>311150</xdr:rowOff>
                  </to>
                </anchor>
              </controlPr>
            </control>
          </mc:Choice>
        </mc:AlternateContent>
        <mc:AlternateContent xmlns:mc="http://schemas.openxmlformats.org/markup-compatibility/2006">
          <mc:Choice Requires="x14">
            <control shapeId="37111" r:id="rId22" name="Check Box 247">
              <controlPr defaultSize="0" autoFill="0" autoLine="0" autoPict="0">
                <anchor moveWithCells="1">
                  <from>
                    <xdr:col>3</xdr:col>
                    <xdr:colOff>63500</xdr:colOff>
                    <xdr:row>23</xdr:row>
                    <xdr:rowOff>63500</xdr:rowOff>
                  </from>
                  <to>
                    <xdr:col>4</xdr:col>
                    <xdr:colOff>63500</xdr:colOff>
                    <xdr:row>23</xdr:row>
                    <xdr:rowOff>311150</xdr:rowOff>
                  </to>
                </anchor>
              </controlPr>
            </control>
          </mc:Choice>
        </mc:AlternateContent>
        <mc:AlternateContent xmlns:mc="http://schemas.openxmlformats.org/markup-compatibility/2006">
          <mc:Choice Requires="x14">
            <control shapeId="37117" r:id="rId23" name="Check Box 253">
              <controlPr defaultSize="0" autoFill="0" autoLine="0" autoPict="0">
                <anchor moveWithCells="1">
                  <from>
                    <xdr:col>3</xdr:col>
                    <xdr:colOff>63500</xdr:colOff>
                    <xdr:row>20</xdr:row>
                    <xdr:rowOff>63500</xdr:rowOff>
                  </from>
                  <to>
                    <xdr:col>4</xdr:col>
                    <xdr:colOff>44450</xdr:colOff>
                    <xdr:row>20</xdr:row>
                    <xdr:rowOff>311150</xdr:rowOff>
                  </to>
                </anchor>
              </controlPr>
            </control>
          </mc:Choice>
        </mc:AlternateContent>
        <mc:AlternateContent xmlns:mc="http://schemas.openxmlformats.org/markup-compatibility/2006">
          <mc:Choice Requires="x14">
            <control shapeId="37118" r:id="rId24" name="Check Box 254">
              <controlPr defaultSize="0" autoFill="0" autoLine="0" autoPict="0">
                <anchor moveWithCells="1">
                  <from>
                    <xdr:col>3</xdr:col>
                    <xdr:colOff>63500</xdr:colOff>
                    <xdr:row>21</xdr:row>
                    <xdr:rowOff>63500</xdr:rowOff>
                  </from>
                  <to>
                    <xdr:col>4</xdr:col>
                    <xdr:colOff>44450</xdr:colOff>
                    <xdr:row>21</xdr:row>
                    <xdr:rowOff>311150</xdr:rowOff>
                  </to>
                </anchor>
              </controlPr>
            </control>
          </mc:Choice>
        </mc:AlternateContent>
        <mc:AlternateContent xmlns:mc="http://schemas.openxmlformats.org/markup-compatibility/2006">
          <mc:Choice Requires="x14">
            <control shapeId="37119" r:id="rId25" name="Check Box 255">
              <controlPr defaultSize="0" autoFill="0" autoLine="0" autoPict="0">
                <anchor moveWithCells="1">
                  <from>
                    <xdr:col>3</xdr:col>
                    <xdr:colOff>63500</xdr:colOff>
                    <xdr:row>21</xdr:row>
                    <xdr:rowOff>63500</xdr:rowOff>
                  </from>
                  <to>
                    <xdr:col>4</xdr:col>
                    <xdr:colOff>44450</xdr:colOff>
                    <xdr:row>21</xdr:row>
                    <xdr:rowOff>311150</xdr:rowOff>
                  </to>
                </anchor>
              </controlPr>
            </control>
          </mc:Choice>
        </mc:AlternateContent>
        <mc:AlternateContent xmlns:mc="http://schemas.openxmlformats.org/markup-compatibility/2006">
          <mc:Choice Requires="x14">
            <control shapeId="37120" r:id="rId26" name="Check Box 256">
              <controlPr defaultSize="0" autoFill="0" autoLine="0" autoPict="0">
                <anchor moveWithCells="1">
                  <from>
                    <xdr:col>3</xdr:col>
                    <xdr:colOff>63500</xdr:colOff>
                    <xdr:row>21</xdr:row>
                    <xdr:rowOff>69850</xdr:rowOff>
                  </from>
                  <to>
                    <xdr:col>4</xdr:col>
                    <xdr:colOff>6350</xdr:colOff>
                    <xdr:row>22</xdr:row>
                    <xdr:rowOff>0</xdr:rowOff>
                  </to>
                </anchor>
              </controlPr>
            </control>
          </mc:Choice>
        </mc:AlternateContent>
        <mc:AlternateContent xmlns:mc="http://schemas.openxmlformats.org/markup-compatibility/2006">
          <mc:Choice Requires="x14">
            <control shapeId="37121" r:id="rId27" name="Check Box 257">
              <controlPr defaultSize="0" autoFill="0" autoLine="0" autoPict="0">
                <anchor moveWithCells="1">
                  <from>
                    <xdr:col>3</xdr:col>
                    <xdr:colOff>63500</xdr:colOff>
                    <xdr:row>22</xdr:row>
                    <xdr:rowOff>76200</xdr:rowOff>
                  </from>
                  <to>
                    <xdr:col>4</xdr:col>
                    <xdr:colOff>6350</xdr:colOff>
                    <xdr:row>23</xdr:row>
                    <xdr:rowOff>0</xdr:rowOff>
                  </to>
                </anchor>
              </controlPr>
            </control>
          </mc:Choice>
        </mc:AlternateContent>
        <mc:AlternateContent xmlns:mc="http://schemas.openxmlformats.org/markup-compatibility/2006">
          <mc:Choice Requires="x14">
            <control shapeId="37122" r:id="rId28" name="Check Box 258">
              <controlPr defaultSize="0" autoFill="0" autoLine="0" autoPict="0">
                <anchor moveWithCells="1">
                  <from>
                    <xdr:col>3</xdr:col>
                    <xdr:colOff>63500</xdr:colOff>
                    <xdr:row>23</xdr:row>
                    <xdr:rowOff>63500</xdr:rowOff>
                  </from>
                  <to>
                    <xdr:col>4</xdr:col>
                    <xdr:colOff>63500</xdr:colOff>
                    <xdr:row>23</xdr:row>
                    <xdr:rowOff>311150</xdr:rowOff>
                  </to>
                </anchor>
              </controlPr>
            </control>
          </mc:Choice>
        </mc:AlternateContent>
        <mc:AlternateContent xmlns:mc="http://schemas.openxmlformats.org/markup-compatibility/2006">
          <mc:Choice Requires="x14">
            <control shapeId="37123" r:id="rId29" name="Check Box 259">
              <controlPr defaultSize="0" autoFill="0" autoLine="0" autoPict="0">
                <anchor moveWithCells="1">
                  <from>
                    <xdr:col>3</xdr:col>
                    <xdr:colOff>63500</xdr:colOff>
                    <xdr:row>23</xdr:row>
                    <xdr:rowOff>63500</xdr:rowOff>
                  </from>
                  <to>
                    <xdr:col>4</xdr:col>
                    <xdr:colOff>63500</xdr:colOff>
                    <xdr:row>23</xdr:row>
                    <xdr:rowOff>311150</xdr:rowOff>
                  </to>
                </anchor>
              </controlPr>
            </control>
          </mc:Choice>
        </mc:AlternateContent>
        <mc:AlternateContent xmlns:mc="http://schemas.openxmlformats.org/markup-compatibility/2006">
          <mc:Choice Requires="x14">
            <control shapeId="37124" r:id="rId30" name="Check Box 260">
              <controlPr defaultSize="0" autoFill="0" autoLine="0" autoPict="0">
                <anchor moveWithCells="1">
                  <from>
                    <xdr:col>3</xdr:col>
                    <xdr:colOff>63500</xdr:colOff>
                    <xdr:row>23</xdr:row>
                    <xdr:rowOff>69850</xdr:rowOff>
                  </from>
                  <to>
                    <xdr:col>4</xdr:col>
                    <xdr:colOff>6350</xdr:colOff>
                    <xdr:row>24</xdr:row>
                    <xdr:rowOff>0</xdr:rowOff>
                  </to>
                </anchor>
              </controlPr>
            </control>
          </mc:Choice>
        </mc:AlternateContent>
        <mc:AlternateContent xmlns:mc="http://schemas.openxmlformats.org/markup-compatibility/2006">
          <mc:Choice Requires="x14">
            <control shapeId="37125" r:id="rId31" name="Check Box 261">
              <controlPr defaultSize="0" autoFill="0" autoLine="0" autoPict="0">
                <anchor moveWithCells="1">
                  <from>
                    <xdr:col>3</xdr:col>
                    <xdr:colOff>63500</xdr:colOff>
                    <xdr:row>24</xdr:row>
                    <xdr:rowOff>63500</xdr:rowOff>
                  </from>
                  <to>
                    <xdr:col>4</xdr:col>
                    <xdr:colOff>6350</xdr:colOff>
                    <xdr:row>24</xdr:row>
                    <xdr:rowOff>311150</xdr:rowOff>
                  </to>
                </anchor>
              </controlPr>
            </control>
          </mc:Choice>
        </mc:AlternateContent>
        <mc:AlternateContent xmlns:mc="http://schemas.openxmlformats.org/markup-compatibility/2006">
          <mc:Choice Requires="x14">
            <control shapeId="37127" r:id="rId32" name="Check Box 263">
              <controlPr defaultSize="0" autoFill="0" autoLine="0" autoPict="0">
                <anchor moveWithCells="1">
                  <from>
                    <xdr:col>3</xdr:col>
                    <xdr:colOff>63500</xdr:colOff>
                    <xdr:row>28</xdr:row>
                    <xdr:rowOff>63500</xdr:rowOff>
                  </from>
                  <to>
                    <xdr:col>4</xdr:col>
                    <xdr:colOff>6350</xdr:colOff>
                    <xdr:row>28</xdr:row>
                    <xdr:rowOff>31115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CE65"/>
  <sheetViews>
    <sheetView view="pageBreakPreview" topLeftCell="A19" zoomScaleNormal="70" zoomScaleSheetLayoutView="100" zoomScalePageLayoutView="70" workbookViewId="0">
      <selection activeCell="CV36" sqref="CV36"/>
    </sheetView>
  </sheetViews>
  <sheetFormatPr defaultColWidth="2.1796875" defaultRowHeight="13.5" customHeight="1" x14ac:dyDescent="0.2"/>
  <cols>
    <col min="1" max="1" width="1" style="99" customWidth="1"/>
    <col min="2" max="6" width="2.1796875" style="99" customWidth="1"/>
    <col min="7" max="7" width="1" style="99" customWidth="1"/>
    <col min="8" max="20" width="2.1796875" style="99" customWidth="1"/>
    <col min="21" max="21" width="1.1796875" style="99" customWidth="1"/>
    <col min="22" max="22" width="1" style="99" customWidth="1"/>
    <col min="23" max="27" width="2.1796875" style="99" customWidth="1"/>
    <col min="28" max="28" width="1" style="99" customWidth="1"/>
    <col min="29" max="41" width="2.1796875" style="99" customWidth="1"/>
    <col min="42" max="42" width="1.81640625" style="99" customWidth="1"/>
    <col min="43" max="43" width="1.6328125" style="99" customWidth="1"/>
    <col min="44" max="48" width="2.1796875" style="99" customWidth="1"/>
    <col min="49" max="49" width="1" style="99" customWidth="1"/>
    <col min="50" max="62" width="2.1796875" style="99" customWidth="1"/>
    <col min="63" max="63" width="1.1796875" style="99" customWidth="1"/>
    <col min="64" max="64" width="1" style="99" customWidth="1"/>
    <col min="65" max="69" width="2.1796875" style="99" customWidth="1"/>
    <col min="70" max="70" width="1" style="99" customWidth="1"/>
    <col min="71" max="16384" width="2.1796875" style="99"/>
  </cols>
  <sheetData>
    <row r="1" spans="1:83" ht="13.5" customHeight="1" x14ac:dyDescent="0.2">
      <c r="A1" s="100"/>
      <c r="B1" s="89" t="s">
        <v>369</v>
      </c>
      <c r="C1" s="100"/>
      <c r="D1" s="100"/>
      <c r="E1" s="100"/>
      <c r="F1" s="100"/>
      <c r="G1" s="100"/>
      <c r="H1" s="100"/>
      <c r="I1" s="100"/>
      <c r="J1" s="100"/>
      <c r="K1" s="100"/>
      <c r="L1" s="100"/>
      <c r="M1" s="100"/>
      <c r="N1" s="100"/>
      <c r="O1" s="100"/>
      <c r="P1" s="100"/>
      <c r="Q1" s="100"/>
      <c r="R1" s="100"/>
      <c r="S1" s="100"/>
      <c r="T1" s="100"/>
      <c r="U1" s="100"/>
      <c r="V1" s="100"/>
      <c r="W1" s="100"/>
      <c r="X1" s="100"/>
      <c r="Y1" s="100"/>
      <c r="Z1" s="100"/>
      <c r="AA1" s="100"/>
      <c r="AB1" s="100"/>
      <c r="AC1" s="100"/>
      <c r="AD1" s="100"/>
      <c r="AE1" s="100"/>
      <c r="AF1" s="100"/>
      <c r="AG1" s="100"/>
      <c r="AH1" s="100" t="s">
        <v>88</v>
      </c>
      <c r="AI1" s="100"/>
      <c r="AJ1" s="100"/>
      <c r="AK1" s="100" t="s">
        <v>89</v>
      </c>
      <c r="AL1" s="100"/>
      <c r="AM1" s="100"/>
      <c r="AN1" s="100" t="s">
        <v>90</v>
      </c>
      <c r="AO1" s="100"/>
      <c r="AP1" s="100"/>
      <c r="AQ1" s="100"/>
      <c r="AR1" s="100" t="s">
        <v>370</v>
      </c>
      <c r="AS1" s="100"/>
      <c r="AT1" s="100"/>
      <c r="AU1" s="100"/>
      <c r="AV1" s="100"/>
      <c r="AW1" s="100"/>
      <c r="AX1" s="100"/>
      <c r="AY1" s="100"/>
      <c r="AZ1" s="100"/>
      <c r="BA1" s="100"/>
      <c r="BB1" s="100"/>
      <c r="BC1" s="100"/>
      <c r="BD1" s="100"/>
      <c r="BE1" s="100"/>
      <c r="BF1" s="100"/>
      <c r="BG1" s="100"/>
      <c r="BH1" s="100"/>
      <c r="BI1" s="100"/>
      <c r="BJ1" s="100"/>
      <c r="BK1" s="100"/>
      <c r="BL1" s="100"/>
      <c r="BM1" s="100"/>
      <c r="BN1" s="100"/>
      <c r="BO1" s="100"/>
      <c r="BP1" s="100"/>
      <c r="BQ1" s="100"/>
      <c r="BR1" s="100"/>
      <c r="BS1" s="100"/>
      <c r="BT1" s="100"/>
      <c r="BU1" s="100"/>
      <c r="BV1" s="100"/>
      <c r="BW1" s="100"/>
      <c r="BX1" s="100"/>
      <c r="BY1" s="100"/>
      <c r="BZ1" s="100"/>
      <c r="CA1" s="100"/>
      <c r="CB1" s="100"/>
      <c r="CC1" s="100"/>
      <c r="CD1" s="100"/>
      <c r="CE1" s="100"/>
    </row>
    <row r="2" spans="1:83" ht="13.5" customHeight="1" x14ac:dyDescent="0.2">
      <c r="A2" s="514" t="s">
        <v>91</v>
      </c>
      <c r="B2" s="515"/>
      <c r="C2" s="515"/>
      <c r="D2" s="515"/>
      <c r="E2" s="515"/>
      <c r="F2" s="515"/>
      <c r="G2" s="515"/>
      <c r="H2" s="515"/>
      <c r="I2" s="515"/>
      <c r="J2" s="515"/>
      <c r="K2" s="515"/>
      <c r="L2" s="515"/>
      <c r="M2" s="515"/>
      <c r="N2" s="515"/>
      <c r="O2" s="515"/>
      <c r="P2" s="515"/>
      <c r="Q2" s="515"/>
      <c r="R2" s="515"/>
      <c r="S2" s="515"/>
      <c r="T2" s="515"/>
      <c r="U2" s="515"/>
      <c r="V2" s="515"/>
      <c r="W2" s="515"/>
      <c r="X2" s="515"/>
      <c r="Y2" s="515"/>
      <c r="Z2" s="515"/>
      <c r="AA2" s="515"/>
      <c r="AB2" s="515"/>
      <c r="AC2" s="515"/>
      <c r="AD2" s="515"/>
      <c r="AE2" s="515"/>
      <c r="AF2" s="515"/>
      <c r="AG2" s="515"/>
      <c r="AH2" s="515"/>
      <c r="AI2" s="515"/>
      <c r="AJ2" s="515"/>
      <c r="AK2" s="515"/>
      <c r="AL2" s="515"/>
      <c r="AM2" s="515"/>
      <c r="AN2" s="515"/>
      <c r="AO2" s="515"/>
      <c r="AP2" s="100"/>
      <c r="AQ2" s="100"/>
      <c r="AR2" s="100"/>
      <c r="AS2" s="100"/>
      <c r="AT2" s="100"/>
      <c r="AU2" s="100"/>
      <c r="AV2" s="100"/>
      <c r="AW2" s="100"/>
      <c r="AX2" s="100"/>
      <c r="AY2" s="100"/>
      <c r="AZ2" s="100"/>
      <c r="BA2" s="100"/>
      <c r="BB2" s="100"/>
      <c r="BC2" s="100"/>
      <c r="BD2" s="100"/>
      <c r="BE2" s="100"/>
      <c r="BF2" s="100"/>
      <c r="BG2" s="100"/>
      <c r="BH2" s="100"/>
      <c r="BI2" s="100"/>
      <c r="BJ2" s="100"/>
      <c r="BK2" s="100"/>
      <c r="BL2" s="100"/>
      <c r="BM2" s="100"/>
      <c r="BN2" s="100"/>
      <c r="BO2" s="100"/>
      <c r="BP2" s="100"/>
      <c r="BQ2" s="100"/>
      <c r="BR2" s="100"/>
      <c r="BS2" s="100"/>
      <c r="BT2" s="100"/>
      <c r="BU2" s="100"/>
      <c r="BV2" s="100"/>
      <c r="BW2" s="100"/>
      <c r="BX2" s="100"/>
      <c r="BY2" s="100"/>
      <c r="BZ2" s="100"/>
      <c r="CA2" s="100"/>
      <c r="CB2" s="100"/>
      <c r="CC2" s="100"/>
      <c r="CD2" s="100"/>
      <c r="CE2" s="100"/>
    </row>
    <row r="3" spans="1:83" ht="13.5" customHeight="1" x14ac:dyDescent="0.2">
      <c r="A3" s="515"/>
      <c r="B3" s="515"/>
      <c r="C3" s="515"/>
      <c r="D3" s="515"/>
      <c r="E3" s="515"/>
      <c r="F3" s="515"/>
      <c r="G3" s="515"/>
      <c r="H3" s="515"/>
      <c r="I3" s="515"/>
      <c r="J3" s="515"/>
      <c r="K3" s="515"/>
      <c r="L3" s="515"/>
      <c r="M3" s="515"/>
      <c r="N3" s="515"/>
      <c r="O3" s="515"/>
      <c r="P3" s="515"/>
      <c r="Q3" s="515"/>
      <c r="R3" s="515"/>
      <c r="S3" s="515"/>
      <c r="T3" s="515"/>
      <c r="U3" s="515"/>
      <c r="V3" s="515"/>
      <c r="W3" s="515"/>
      <c r="X3" s="515"/>
      <c r="Y3" s="515"/>
      <c r="Z3" s="515"/>
      <c r="AA3" s="515"/>
      <c r="AB3" s="515"/>
      <c r="AC3" s="515"/>
      <c r="AD3" s="515"/>
      <c r="AE3" s="515"/>
      <c r="AF3" s="515"/>
      <c r="AG3" s="515"/>
      <c r="AH3" s="515"/>
      <c r="AI3" s="515"/>
      <c r="AJ3" s="515"/>
      <c r="AK3" s="515"/>
      <c r="AL3" s="515"/>
      <c r="AM3" s="515"/>
      <c r="AN3" s="515"/>
      <c r="AO3" s="515"/>
      <c r="AP3" s="130"/>
      <c r="AQ3" s="569" t="s">
        <v>92</v>
      </c>
      <c r="AR3" s="569"/>
      <c r="AS3" s="569"/>
      <c r="AT3" s="569"/>
      <c r="AU3" s="569"/>
      <c r="AV3" s="569"/>
      <c r="AW3" s="569"/>
      <c r="AX3" s="569"/>
      <c r="AY3" s="569"/>
      <c r="AZ3" s="569"/>
      <c r="BA3" s="569"/>
      <c r="BB3" s="569"/>
      <c r="BC3" s="569"/>
      <c r="BD3" s="569"/>
      <c r="BE3" s="569"/>
      <c r="BF3" s="569"/>
      <c r="BG3" s="569"/>
      <c r="BH3" s="569"/>
      <c r="BI3" s="569"/>
      <c r="BJ3" s="569"/>
      <c r="BK3" s="569"/>
      <c r="BL3" s="569"/>
      <c r="BM3" s="569"/>
      <c r="BN3" s="569"/>
      <c r="BO3" s="569"/>
      <c r="BP3" s="569"/>
      <c r="BQ3" s="569"/>
      <c r="BR3" s="569"/>
      <c r="BS3" s="569"/>
      <c r="BT3" s="569"/>
      <c r="BU3" s="569"/>
      <c r="BV3" s="569"/>
      <c r="BW3" s="569"/>
      <c r="BX3" s="569"/>
      <c r="BY3" s="569"/>
      <c r="BZ3" s="569"/>
      <c r="CA3" s="569"/>
      <c r="CB3" s="569"/>
      <c r="CC3" s="569"/>
      <c r="CD3" s="569"/>
      <c r="CE3" s="569"/>
    </row>
    <row r="4" spans="1:83" ht="13.5" customHeight="1" x14ac:dyDescent="0.2">
      <c r="A4" s="100"/>
      <c r="B4" s="100"/>
      <c r="C4" s="100"/>
      <c r="D4" s="100"/>
      <c r="E4" s="100"/>
      <c r="F4" s="100"/>
      <c r="G4" s="100"/>
      <c r="H4" s="100"/>
      <c r="I4" s="100"/>
      <c r="J4" s="100"/>
      <c r="K4" s="100"/>
      <c r="L4" s="100"/>
      <c r="M4" s="100"/>
      <c r="N4" s="100"/>
      <c r="O4" s="100"/>
      <c r="P4" s="100"/>
      <c r="Q4" s="100"/>
      <c r="R4" s="100"/>
      <c r="S4" s="100"/>
      <c r="T4" s="100"/>
      <c r="U4" s="100"/>
      <c r="V4" s="100"/>
      <c r="W4" s="100"/>
      <c r="X4" s="100"/>
      <c r="Y4" s="100"/>
      <c r="Z4" s="100"/>
      <c r="AA4" s="100"/>
      <c r="AB4" s="100"/>
      <c r="AC4" s="100"/>
      <c r="AD4" s="100"/>
      <c r="AE4" s="100"/>
      <c r="AF4" s="100"/>
      <c r="AG4" s="100"/>
      <c r="AH4" s="100"/>
      <c r="AI4" s="100"/>
      <c r="AJ4" s="100"/>
      <c r="AK4" s="100"/>
      <c r="AL4" s="100"/>
      <c r="AM4" s="100"/>
      <c r="AN4" s="100"/>
      <c r="AO4" s="100"/>
      <c r="AP4" s="130"/>
      <c r="AQ4" s="569"/>
      <c r="AR4" s="569"/>
      <c r="AS4" s="569"/>
      <c r="AT4" s="569"/>
      <c r="AU4" s="569"/>
      <c r="AV4" s="569"/>
      <c r="AW4" s="569"/>
      <c r="AX4" s="569"/>
      <c r="AY4" s="569"/>
      <c r="AZ4" s="569"/>
      <c r="BA4" s="569"/>
      <c r="BB4" s="569"/>
      <c r="BC4" s="569"/>
      <c r="BD4" s="569"/>
      <c r="BE4" s="569"/>
      <c r="BF4" s="569"/>
      <c r="BG4" s="569"/>
      <c r="BH4" s="569"/>
      <c r="BI4" s="569"/>
      <c r="BJ4" s="569"/>
      <c r="BK4" s="569"/>
      <c r="BL4" s="569"/>
      <c r="BM4" s="569"/>
      <c r="BN4" s="569"/>
      <c r="BO4" s="569"/>
      <c r="BP4" s="569"/>
      <c r="BQ4" s="569"/>
      <c r="BR4" s="569"/>
      <c r="BS4" s="569"/>
      <c r="BT4" s="569"/>
      <c r="BU4" s="569"/>
      <c r="BV4" s="569"/>
      <c r="BW4" s="569"/>
      <c r="BX4" s="569"/>
      <c r="BY4" s="569"/>
      <c r="BZ4" s="569"/>
      <c r="CA4" s="569"/>
      <c r="CB4" s="569"/>
      <c r="CC4" s="569"/>
      <c r="CD4" s="569"/>
      <c r="CE4" s="569"/>
    </row>
    <row r="5" spans="1:83" ht="13.5" customHeight="1" x14ac:dyDescent="0.2">
      <c r="A5" s="100"/>
      <c r="B5" s="100" t="s">
        <v>225</v>
      </c>
      <c r="C5" s="100"/>
      <c r="D5" s="100"/>
      <c r="E5" s="100"/>
      <c r="F5" s="100"/>
      <c r="G5" s="100"/>
      <c r="H5" s="100"/>
      <c r="I5" s="100"/>
      <c r="J5" s="100"/>
      <c r="K5" s="105"/>
      <c r="L5" s="105"/>
      <c r="M5" s="105"/>
      <c r="N5" s="105"/>
      <c r="O5" s="105"/>
      <c r="P5" s="105"/>
      <c r="Q5" s="105"/>
      <c r="R5" s="105"/>
      <c r="S5" s="105"/>
      <c r="T5" s="105"/>
      <c r="U5" s="105"/>
      <c r="V5" s="105"/>
      <c r="W5" s="105"/>
      <c r="X5" s="105"/>
      <c r="Y5" s="105"/>
      <c r="Z5" s="105"/>
      <c r="AA5" s="105"/>
      <c r="AB5" s="105"/>
      <c r="AC5" s="105"/>
      <c r="AD5" s="105"/>
      <c r="AE5" s="105"/>
      <c r="AF5" s="105"/>
      <c r="AG5" s="105"/>
      <c r="AH5" s="105"/>
      <c r="AI5" s="105"/>
      <c r="AJ5" s="105"/>
      <c r="AK5" s="105"/>
      <c r="AL5" s="100"/>
      <c r="AM5" s="100"/>
      <c r="AN5" s="100"/>
      <c r="AO5" s="100"/>
      <c r="AP5" s="100"/>
      <c r="AQ5" s="110"/>
      <c r="AR5" s="496" t="s">
        <v>224</v>
      </c>
      <c r="AS5" s="470"/>
      <c r="AT5" s="470"/>
      <c r="AU5" s="470"/>
      <c r="AV5" s="470"/>
      <c r="AW5" s="109"/>
      <c r="AX5" s="531"/>
      <c r="AY5" s="532"/>
      <c r="AZ5" s="532"/>
      <c r="BA5" s="532"/>
      <c r="BB5" s="532"/>
      <c r="BC5" s="532"/>
      <c r="BD5" s="532"/>
      <c r="BE5" s="532"/>
      <c r="BF5" s="532"/>
      <c r="BG5" s="532"/>
      <c r="BH5" s="532"/>
      <c r="BI5" s="532"/>
      <c r="BJ5" s="532"/>
      <c r="BK5" s="533"/>
      <c r="BL5" s="110"/>
      <c r="BM5" s="470" t="s">
        <v>93</v>
      </c>
      <c r="BN5" s="470"/>
      <c r="BO5" s="470"/>
      <c r="BP5" s="470"/>
      <c r="BQ5" s="470"/>
      <c r="BR5" s="109"/>
      <c r="BS5" s="531"/>
      <c r="BT5" s="532"/>
      <c r="BU5" s="532"/>
      <c r="BV5" s="532"/>
      <c r="BW5" s="532"/>
      <c r="BX5" s="532"/>
      <c r="BY5" s="532"/>
      <c r="BZ5" s="532"/>
      <c r="CA5" s="532"/>
      <c r="CB5" s="532"/>
      <c r="CC5" s="532"/>
      <c r="CD5" s="532"/>
      <c r="CE5" s="533"/>
    </row>
    <row r="6" spans="1:83" ht="13.5" customHeight="1" x14ac:dyDescent="0.2">
      <c r="A6" s="100"/>
      <c r="B6" s="100"/>
      <c r="C6" s="100"/>
      <c r="D6" s="100"/>
      <c r="E6" s="100"/>
      <c r="F6" s="100"/>
      <c r="G6" s="100"/>
      <c r="H6" s="100"/>
      <c r="I6" s="100"/>
      <c r="J6" s="100"/>
      <c r="K6" s="100"/>
      <c r="L6" s="100"/>
      <c r="M6" s="100"/>
      <c r="N6" s="100"/>
      <c r="O6" s="100"/>
      <c r="P6" s="100"/>
      <c r="Q6" s="100"/>
      <c r="R6" s="100"/>
      <c r="S6" s="100"/>
      <c r="T6" s="100"/>
      <c r="U6" s="100"/>
      <c r="V6" s="100"/>
      <c r="W6" s="100"/>
      <c r="X6" s="100"/>
      <c r="Y6" s="100"/>
      <c r="Z6" s="100"/>
      <c r="AA6" s="100"/>
      <c r="AB6" s="100"/>
      <c r="AC6" s="100"/>
      <c r="AD6" s="100"/>
      <c r="AE6" s="100"/>
      <c r="AF6" s="100"/>
      <c r="AG6" s="100"/>
      <c r="AH6" s="100"/>
      <c r="AI6" s="100"/>
      <c r="AJ6" s="100"/>
      <c r="AK6" s="100"/>
      <c r="AL6" s="100"/>
      <c r="AM6" s="100"/>
      <c r="AN6" s="100"/>
      <c r="AO6" s="100"/>
      <c r="AP6" s="100"/>
      <c r="AQ6" s="107"/>
      <c r="AR6" s="471"/>
      <c r="AS6" s="471"/>
      <c r="AT6" s="471"/>
      <c r="AU6" s="471"/>
      <c r="AV6" s="471"/>
      <c r="AW6" s="108"/>
      <c r="AX6" s="570"/>
      <c r="AY6" s="571"/>
      <c r="AZ6" s="571"/>
      <c r="BA6" s="571"/>
      <c r="BB6" s="571"/>
      <c r="BC6" s="571"/>
      <c r="BD6" s="571"/>
      <c r="BE6" s="571"/>
      <c r="BF6" s="571"/>
      <c r="BG6" s="571"/>
      <c r="BH6" s="571"/>
      <c r="BI6" s="571"/>
      <c r="BJ6" s="571"/>
      <c r="BK6" s="572"/>
      <c r="BL6" s="107"/>
      <c r="BM6" s="471"/>
      <c r="BN6" s="471"/>
      <c r="BO6" s="471"/>
      <c r="BP6" s="471"/>
      <c r="BQ6" s="471"/>
      <c r="BR6" s="108"/>
      <c r="BS6" s="570"/>
      <c r="BT6" s="571"/>
      <c r="BU6" s="571"/>
      <c r="BV6" s="571"/>
      <c r="BW6" s="571"/>
      <c r="BX6" s="571"/>
      <c r="BY6" s="571"/>
      <c r="BZ6" s="571"/>
      <c r="CA6" s="571"/>
      <c r="CB6" s="571"/>
      <c r="CC6" s="571"/>
      <c r="CD6" s="571"/>
      <c r="CE6" s="572"/>
    </row>
    <row r="7" spans="1:83" ht="13.5" customHeight="1" x14ac:dyDescent="0.2">
      <c r="A7" s="100"/>
      <c r="B7" s="129" t="s">
        <v>223</v>
      </c>
      <c r="C7" s="100"/>
      <c r="D7" s="100"/>
      <c r="E7" s="100"/>
      <c r="F7" s="100"/>
      <c r="G7" s="100"/>
      <c r="H7" s="100"/>
      <c r="I7" s="100"/>
      <c r="J7" s="100"/>
      <c r="K7" s="105"/>
      <c r="L7" s="105"/>
      <c r="M7" s="105"/>
      <c r="N7" s="105"/>
      <c r="O7" s="105"/>
      <c r="P7" s="105"/>
      <c r="Q7" s="105"/>
      <c r="R7" s="105"/>
      <c r="S7" s="105"/>
      <c r="T7" s="105"/>
      <c r="U7" s="105"/>
      <c r="V7" s="105"/>
      <c r="W7" s="105"/>
      <c r="X7" s="105"/>
      <c r="Y7" s="105"/>
      <c r="Z7" s="105"/>
      <c r="AA7" s="105"/>
      <c r="AB7" s="105"/>
      <c r="AC7" s="105"/>
      <c r="AD7" s="105"/>
      <c r="AE7" s="105"/>
      <c r="AF7" s="105"/>
      <c r="AG7" s="105"/>
      <c r="AH7" s="105"/>
      <c r="AI7" s="105"/>
      <c r="AJ7" s="105"/>
      <c r="AK7" s="105"/>
      <c r="AL7" s="100"/>
      <c r="AM7" s="100"/>
      <c r="AN7" s="100"/>
      <c r="AO7" s="100"/>
      <c r="AP7" s="100"/>
      <c r="AQ7" s="106"/>
      <c r="AR7" s="472"/>
      <c r="AS7" s="472"/>
      <c r="AT7" s="472"/>
      <c r="AU7" s="472"/>
      <c r="AV7" s="472"/>
      <c r="AW7" s="111"/>
      <c r="AX7" s="534"/>
      <c r="AY7" s="535"/>
      <c r="AZ7" s="535"/>
      <c r="BA7" s="535"/>
      <c r="BB7" s="535"/>
      <c r="BC7" s="535"/>
      <c r="BD7" s="535"/>
      <c r="BE7" s="535"/>
      <c r="BF7" s="535"/>
      <c r="BG7" s="535"/>
      <c r="BH7" s="535"/>
      <c r="BI7" s="535"/>
      <c r="BJ7" s="535"/>
      <c r="BK7" s="536"/>
      <c r="BL7" s="106"/>
      <c r="BM7" s="472"/>
      <c r="BN7" s="472"/>
      <c r="BO7" s="472"/>
      <c r="BP7" s="472"/>
      <c r="BQ7" s="472"/>
      <c r="BR7" s="111"/>
      <c r="BS7" s="534"/>
      <c r="BT7" s="535"/>
      <c r="BU7" s="535"/>
      <c r="BV7" s="535"/>
      <c r="BW7" s="535"/>
      <c r="BX7" s="535"/>
      <c r="BY7" s="535"/>
      <c r="BZ7" s="535"/>
      <c r="CA7" s="535"/>
      <c r="CB7" s="535"/>
      <c r="CC7" s="535"/>
      <c r="CD7" s="535"/>
      <c r="CE7" s="536"/>
    </row>
    <row r="8" spans="1:83" ht="13.5" customHeight="1" x14ac:dyDescent="0.2">
      <c r="A8" s="100"/>
      <c r="B8" s="100"/>
      <c r="C8" s="100"/>
      <c r="D8" s="100"/>
      <c r="E8" s="100"/>
      <c r="F8" s="100"/>
      <c r="G8" s="100"/>
      <c r="H8" s="100"/>
      <c r="I8" s="100"/>
      <c r="J8" s="100"/>
      <c r="K8" s="100"/>
      <c r="L8" s="100"/>
      <c r="M8" s="100"/>
      <c r="N8" s="100"/>
      <c r="O8" s="100"/>
      <c r="P8" s="100"/>
      <c r="Q8" s="100"/>
      <c r="R8" s="100"/>
      <c r="S8" s="100"/>
      <c r="T8" s="100"/>
      <c r="U8" s="100"/>
      <c r="V8" s="100"/>
      <c r="W8" s="100"/>
      <c r="X8" s="100"/>
      <c r="Y8" s="100"/>
      <c r="Z8" s="100"/>
      <c r="AA8" s="100"/>
      <c r="AB8" s="100"/>
      <c r="AC8" s="100"/>
      <c r="AD8" s="100"/>
      <c r="AE8" s="100"/>
      <c r="AF8" s="100"/>
      <c r="AG8" s="100"/>
      <c r="AH8" s="100"/>
      <c r="AI8" s="100"/>
      <c r="AJ8" s="100"/>
      <c r="AK8" s="100"/>
      <c r="AL8" s="100"/>
      <c r="AM8" s="100"/>
      <c r="AN8" s="100"/>
      <c r="AO8" s="100"/>
      <c r="AP8" s="100"/>
      <c r="AQ8" s="110"/>
      <c r="AR8" s="496" t="s">
        <v>144</v>
      </c>
      <c r="AS8" s="496"/>
      <c r="AT8" s="496"/>
      <c r="AU8" s="496"/>
      <c r="AV8" s="496"/>
      <c r="AW8" s="109"/>
      <c r="AX8" s="573"/>
      <c r="AY8" s="574"/>
      <c r="AZ8" s="574"/>
      <c r="BA8" s="574"/>
      <c r="BB8" s="574"/>
      <c r="BC8" s="574"/>
      <c r="BD8" s="574"/>
      <c r="BE8" s="574"/>
      <c r="BF8" s="574"/>
      <c r="BG8" s="574"/>
      <c r="BH8" s="574"/>
      <c r="BI8" s="574"/>
      <c r="BJ8" s="574"/>
      <c r="BK8" s="574"/>
      <c r="BL8" s="574"/>
      <c r="BM8" s="574"/>
      <c r="BN8" s="574"/>
      <c r="BO8" s="574"/>
      <c r="BP8" s="574"/>
      <c r="BQ8" s="574"/>
      <c r="BR8" s="574"/>
      <c r="BS8" s="574"/>
      <c r="BT8" s="574"/>
      <c r="BU8" s="574"/>
      <c r="BV8" s="574"/>
      <c r="BW8" s="574"/>
      <c r="BX8" s="574"/>
      <c r="BY8" s="574"/>
      <c r="BZ8" s="574"/>
      <c r="CA8" s="574"/>
      <c r="CB8" s="574"/>
      <c r="CC8" s="574"/>
      <c r="CD8" s="574"/>
      <c r="CE8" s="575"/>
    </row>
    <row r="9" spans="1:83" ht="13.5" customHeight="1" x14ac:dyDescent="0.2">
      <c r="A9" s="110"/>
      <c r="B9" s="496" t="s">
        <v>94</v>
      </c>
      <c r="C9" s="496"/>
      <c r="D9" s="496"/>
      <c r="E9" s="496"/>
      <c r="F9" s="496"/>
      <c r="G9" s="109"/>
      <c r="H9" s="499" t="s">
        <v>95</v>
      </c>
      <c r="I9" s="500"/>
      <c r="J9" s="500"/>
      <c r="K9" s="500"/>
      <c r="L9" s="500"/>
      <c r="M9" s="500"/>
      <c r="N9" s="500"/>
      <c r="O9" s="500"/>
      <c r="P9" s="500"/>
      <c r="Q9" s="501"/>
      <c r="R9" s="499" t="s">
        <v>96</v>
      </c>
      <c r="S9" s="500"/>
      <c r="T9" s="500"/>
      <c r="U9" s="500"/>
      <c r="V9" s="500"/>
      <c r="W9" s="500"/>
      <c r="X9" s="500"/>
      <c r="Y9" s="500"/>
      <c r="Z9" s="500"/>
      <c r="AA9" s="500"/>
      <c r="AB9" s="500"/>
      <c r="AC9" s="500"/>
      <c r="AD9" s="500"/>
      <c r="AE9" s="501"/>
      <c r="AF9" s="499" t="s">
        <v>97</v>
      </c>
      <c r="AG9" s="500"/>
      <c r="AH9" s="500"/>
      <c r="AI9" s="500"/>
      <c r="AJ9" s="500"/>
      <c r="AK9" s="500"/>
      <c r="AL9" s="500"/>
      <c r="AM9" s="500"/>
      <c r="AN9" s="500"/>
      <c r="AO9" s="501"/>
      <c r="AP9" s="100"/>
      <c r="AQ9" s="107"/>
      <c r="AR9" s="497"/>
      <c r="AS9" s="497"/>
      <c r="AT9" s="497"/>
      <c r="AU9" s="497"/>
      <c r="AV9" s="497"/>
      <c r="AW9" s="108"/>
      <c r="AX9" s="576"/>
      <c r="AY9" s="577"/>
      <c r="AZ9" s="577"/>
      <c r="BA9" s="577"/>
      <c r="BB9" s="577"/>
      <c r="BC9" s="577"/>
      <c r="BD9" s="577"/>
      <c r="BE9" s="577"/>
      <c r="BF9" s="577"/>
      <c r="BG9" s="577"/>
      <c r="BH9" s="577"/>
      <c r="BI9" s="577"/>
      <c r="BJ9" s="577"/>
      <c r="BK9" s="577"/>
      <c r="BL9" s="577"/>
      <c r="BM9" s="577"/>
      <c r="BN9" s="577"/>
      <c r="BO9" s="577"/>
      <c r="BP9" s="577"/>
      <c r="BQ9" s="577"/>
      <c r="BR9" s="577"/>
      <c r="BS9" s="577"/>
      <c r="BT9" s="577"/>
      <c r="BU9" s="577"/>
      <c r="BV9" s="577"/>
      <c r="BW9" s="577"/>
      <c r="BX9" s="577"/>
      <c r="BY9" s="577"/>
      <c r="BZ9" s="577"/>
      <c r="CA9" s="577"/>
      <c r="CB9" s="577"/>
      <c r="CC9" s="577"/>
      <c r="CD9" s="577"/>
      <c r="CE9" s="578"/>
    </row>
    <row r="10" spans="1:83" ht="13.5" customHeight="1" x14ac:dyDescent="0.2">
      <c r="A10" s="107"/>
      <c r="B10" s="497"/>
      <c r="C10" s="497"/>
      <c r="D10" s="497"/>
      <c r="E10" s="497"/>
      <c r="F10" s="497"/>
      <c r="G10" s="108"/>
      <c r="H10" s="502"/>
      <c r="I10" s="503"/>
      <c r="J10" s="503"/>
      <c r="K10" s="503"/>
      <c r="L10" s="503"/>
      <c r="M10" s="503"/>
      <c r="N10" s="503"/>
      <c r="O10" s="503"/>
      <c r="P10" s="503"/>
      <c r="Q10" s="504"/>
      <c r="R10" s="502"/>
      <c r="S10" s="503"/>
      <c r="T10" s="503"/>
      <c r="U10" s="503"/>
      <c r="V10" s="503"/>
      <c r="W10" s="503"/>
      <c r="X10" s="503"/>
      <c r="Y10" s="503"/>
      <c r="Z10" s="503"/>
      <c r="AA10" s="503"/>
      <c r="AB10" s="503"/>
      <c r="AC10" s="503"/>
      <c r="AD10" s="503"/>
      <c r="AE10" s="504"/>
      <c r="AF10" s="502"/>
      <c r="AG10" s="503"/>
      <c r="AH10" s="503"/>
      <c r="AI10" s="503"/>
      <c r="AJ10" s="503"/>
      <c r="AK10" s="503"/>
      <c r="AL10" s="503"/>
      <c r="AM10" s="503"/>
      <c r="AN10" s="503"/>
      <c r="AO10" s="504"/>
      <c r="AP10" s="115"/>
      <c r="AQ10" s="106"/>
      <c r="AR10" s="498"/>
      <c r="AS10" s="498"/>
      <c r="AT10" s="498"/>
      <c r="AU10" s="498"/>
      <c r="AV10" s="498"/>
      <c r="AW10" s="111"/>
      <c r="AX10" s="479"/>
      <c r="AY10" s="480"/>
      <c r="AZ10" s="480"/>
      <c r="BA10" s="480"/>
      <c r="BB10" s="480"/>
      <c r="BC10" s="480"/>
      <c r="BD10" s="480"/>
      <c r="BE10" s="480"/>
      <c r="BF10" s="480"/>
      <c r="BG10" s="480"/>
      <c r="BH10" s="480"/>
      <c r="BI10" s="480"/>
      <c r="BJ10" s="480"/>
      <c r="BK10" s="480"/>
      <c r="BL10" s="480"/>
      <c r="BM10" s="480"/>
      <c r="BN10" s="480"/>
      <c r="BO10" s="480"/>
      <c r="BP10" s="480"/>
      <c r="BQ10" s="480"/>
      <c r="BR10" s="480"/>
      <c r="BS10" s="480"/>
      <c r="BT10" s="480"/>
      <c r="BU10" s="480"/>
      <c r="BV10" s="480"/>
      <c r="BW10" s="480"/>
      <c r="BX10" s="480"/>
      <c r="BY10" s="480"/>
      <c r="BZ10" s="480"/>
      <c r="CA10" s="480"/>
      <c r="CB10" s="480"/>
      <c r="CC10" s="480"/>
      <c r="CD10" s="480"/>
      <c r="CE10" s="481"/>
    </row>
    <row r="11" spans="1:83" ht="13.5" customHeight="1" x14ac:dyDescent="0.2">
      <c r="A11" s="107"/>
      <c r="B11" s="497"/>
      <c r="C11" s="497"/>
      <c r="D11" s="497"/>
      <c r="E11" s="497"/>
      <c r="F11" s="497"/>
      <c r="G11" s="108"/>
      <c r="H11" s="473" t="s">
        <v>99</v>
      </c>
      <c r="I11" s="474"/>
      <c r="J11" s="474"/>
      <c r="K11" s="474"/>
      <c r="L11" s="474"/>
      <c r="M11" s="474"/>
      <c r="N11" s="474"/>
      <c r="O11" s="474"/>
      <c r="P11" s="474"/>
      <c r="Q11" s="475"/>
      <c r="R11" s="494" t="s">
        <v>100</v>
      </c>
      <c r="S11" s="495"/>
      <c r="T11" s="495"/>
      <c r="U11" s="495"/>
      <c r="V11" s="495"/>
      <c r="W11" s="518" t="s">
        <v>101</v>
      </c>
      <c r="X11" s="519"/>
      <c r="Y11" s="519"/>
      <c r="Z11" s="519"/>
      <c r="AA11" s="519"/>
      <c r="AB11" s="519"/>
      <c r="AC11" s="519"/>
      <c r="AD11" s="519"/>
      <c r="AE11" s="520"/>
      <c r="AF11" s="473" t="s">
        <v>102</v>
      </c>
      <c r="AG11" s="486"/>
      <c r="AH11" s="486"/>
      <c r="AI11" s="486"/>
      <c r="AJ11" s="486"/>
      <c r="AK11" s="486"/>
      <c r="AL11" s="486"/>
      <c r="AM11" s="486"/>
      <c r="AN11" s="486"/>
      <c r="AO11" s="487"/>
      <c r="AP11" s="115"/>
      <c r="AQ11" s="110"/>
      <c r="AR11" s="482" t="s">
        <v>98</v>
      </c>
      <c r="AS11" s="482"/>
      <c r="AT11" s="482"/>
      <c r="AU11" s="482"/>
      <c r="AV11" s="482"/>
      <c r="AW11" s="109"/>
      <c r="AX11" s="531"/>
      <c r="AY11" s="532"/>
      <c r="AZ11" s="532"/>
      <c r="BA11" s="532"/>
      <c r="BB11" s="532"/>
      <c r="BC11" s="532"/>
      <c r="BD11" s="532"/>
      <c r="BE11" s="532"/>
      <c r="BF11" s="532"/>
      <c r="BG11" s="532"/>
      <c r="BH11" s="532"/>
      <c r="BI11" s="532"/>
      <c r="BJ11" s="532"/>
      <c r="BK11" s="532"/>
      <c r="BL11" s="532"/>
      <c r="BM11" s="532"/>
      <c r="BN11" s="532"/>
      <c r="BO11" s="532"/>
      <c r="BP11" s="532"/>
      <c r="BQ11" s="532"/>
      <c r="BR11" s="532"/>
      <c r="BS11" s="532"/>
      <c r="BT11" s="532"/>
      <c r="BU11" s="532"/>
      <c r="BV11" s="532"/>
      <c r="BW11" s="532"/>
      <c r="BX11" s="532"/>
      <c r="BY11" s="532"/>
      <c r="BZ11" s="532"/>
      <c r="CA11" s="532"/>
      <c r="CB11" s="532"/>
      <c r="CC11" s="532"/>
      <c r="CD11" s="532"/>
      <c r="CE11" s="533"/>
    </row>
    <row r="12" spans="1:83" ht="13.5" customHeight="1" x14ac:dyDescent="0.2">
      <c r="A12" s="107"/>
      <c r="B12" s="497"/>
      <c r="C12" s="497"/>
      <c r="D12" s="497"/>
      <c r="E12" s="497"/>
      <c r="F12" s="497"/>
      <c r="G12" s="108"/>
      <c r="H12" s="479"/>
      <c r="I12" s="480"/>
      <c r="J12" s="480"/>
      <c r="K12" s="480"/>
      <c r="L12" s="480"/>
      <c r="M12" s="480"/>
      <c r="N12" s="480"/>
      <c r="O12" s="480"/>
      <c r="P12" s="480"/>
      <c r="Q12" s="481"/>
      <c r="R12" s="516" t="s">
        <v>103</v>
      </c>
      <c r="S12" s="517"/>
      <c r="T12" s="517"/>
      <c r="U12" s="517"/>
      <c r="V12" s="517"/>
      <c r="W12" s="521"/>
      <c r="X12" s="521"/>
      <c r="Y12" s="521"/>
      <c r="Z12" s="521"/>
      <c r="AA12" s="521"/>
      <c r="AB12" s="521"/>
      <c r="AC12" s="521"/>
      <c r="AD12" s="521"/>
      <c r="AE12" s="522"/>
      <c r="AF12" s="491"/>
      <c r="AG12" s="492"/>
      <c r="AH12" s="492"/>
      <c r="AI12" s="492"/>
      <c r="AJ12" s="492"/>
      <c r="AK12" s="492"/>
      <c r="AL12" s="492"/>
      <c r="AM12" s="492"/>
      <c r="AN12" s="492"/>
      <c r="AO12" s="493"/>
      <c r="AP12" s="100"/>
      <c r="AQ12" s="107"/>
      <c r="AR12" s="483"/>
      <c r="AS12" s="483"/>
      <c r="AT12" s="483"/>
      <c r="AU12" s="483"/>
      <c r="AV12" s="483"/>
      <c r="AW12" s="108"/>
      <c r="AX12" s="570"/>
      <c r="AY12" s="571"/>
      <c r="AZ12" s="571"/>
      <c r="BA12" s="571"/>
      <c r="BB12" s="571"/>
      <c r="BC12" s="571"/>
      <c r="BD12" s="571"/>
      <c r="BE12" s="571"/>
      <c r="BF12" s="571"/>
      <c r="BG12" s="571"/>
      <c r="BH12" s="571"/>
      <c r="BI12" s="571"/>
      <c r="BJ12" s="571"/>
      <c r="BK12" s="571"/>
      <c r="BL12" s="571"/>
      <c r="BM12" s="571"/>
      <c r="BN12" s="571"/>
      <c r="BO12" s="571"/>
      <c r="BP12" s="571"/>
      <c r="BQ12" s="571"/>
      <c r="BR12" s="571"/>
      <c r="BS12" s="571"/>
      <c r="BT12" s="571"/>
      <c r="BU12" s="571"/>
      <c r="BV12" s="571"/>
      <c r="BW12" s="571"/>
      <c r="BX12" s="571"/>
      <c r="BY12" s="571"/>
      <c r="BZ12" s="571"/>
      <c r="CA12" s="571"/>
      <c r="CB12" s="571"/>
      <c r="CC12" s="571"/>
      <c r="CD12" s="571"/>
      <c r="CE12" s="572"/>
    </row>
    <row r="13" spans="1:83" ht="13.5" customHeight="1" x14ac:dyDescent="0.2">
      <c r="A13" s="107"/>
      <c r="B13" s="497"/>
      <c r="C13" s="497"/>
      <c r="D13" s="497"/>
      <c r="E13" s="497"/>
      <c r="F13" s="497"/>
      <c r="G13" s="108"/>
      <c r="H13" s="473" t="s">
        <v>99</v>
      </c>
      <c r="I13" s="474"/>
      <c r="J13" s="474"/>
      <c r="K13" s="474"/>
      <c r="L13" s="474"/>
      <c r="M13" s="474"/>
      <c r="N13" s="474"/>
      <c r="O13" s="474"/>
      <c r="P13" s="474"/>
      <c r="Q13" s="475"/>
      <c r="R13" s="494" t="s">
        <v>100</v>
      </c>
      <c r="S13" s="495"/>
      <c r="T13" s="495"/>
      <c r="U13" s="495"/>
      <c r="V13" s="495"/>
      <c r="W13" s="518" t="s">
        <v>101</v>
      </c>
      <c r="X13" s="519"/>
      <c r="Y13" s="519"/>
      <c r="Z13" s="519"/>
      <c r="AA13" s="519"/>
      <c r="AB13" s="519"/>
      <c r="AC13" s="519"/>
      <c r="AD13" s="519"/>
      <c r="AE13" s="520"/>
      <c r="AF13" s="473" t="s">
        <v>102</v>
      </c>
      <c r="AG13" s="486"/>
      <c r="AH13" s="486"/>
      <c r="AI13" s="486"/>
      <c r="AJ13" s="486"/>
      <c r="AK13" s="486"/>
      <c r="AL13" s="486"/>
      <c r="AM13" s="486"/>
      <c r="AN13" s="486"/>
      <c r="AO13" s="487"/>
      <c r="AP13" s="100"/>
      <c r="AQ13" s="106"/>
      <c r="AR13" s="484"/>
      <c r="AS13" s="484"/>
      <c r="AT13" s="484"/>
      <c r="AU13" s="484"/>
      <c r="AV13" s="484"/>
      <c r="AW13" s="111"/>
      <c r="AX13" s="534"/>
      <c r="AY13" s="535"/>
      <c r="AZ13" s="535"/>
      <c r="BA13" s="535"/>
      <c r="BB13" s="535"/>
      <c r="BC13" s="535"/>
      <c r="BD13" s="535"/>
      <c r="BE13" s="535"/>
      <c r="BF13" s="535"/>
      <c r="BG13" s="535"/>
      <c r="BH13" s="535"/>
      <c r="BI13" s="535"/>
      <c r="BJ13" s="535"/>
      <c r="BK13" s="535"/>
      <c r="BL13" s="535"/>
      <c r="BM13" s="535"/>
      <c r="BN13" s="535"/>
      <c r="BO13" s="535"/>
      <c r="BP13" s="535"/>
      <c r="BQ13" s="535"/>
      <c r="BR13" s="535"/>
      <c r="BS13" s="535"/>
      <c r="BT13" s="535"/>
      <c r="BU13" s="535"/>
      <c r="BV13" s="535"/>
      <c r="BW13" s="535"/>
      <c r="BX13" s="535"/>
      <c r="BY13" s="535"/>
      <c r="BZ13" s="535"/>
      <c r="CA13" s="535"/>
      <c r="CB13" s="535"/>
      <c r="CC13" s="535"/>
      <c r="CD13" s="535"/>
      <c r="CE13" s="536"/>
    </row>
    <row r="14" spans="1:83" ht="13.5" customHeight="1" x14ac:dyDescent="0.2">
      <c r="A14" s="106"/>
      <c r="B14" s="498"/>
      <c r="C14" s="498"/>
      <c r="D14" s="498"/>
      <c r="E14" s="498"/>
      <c r="F14" s="498"/>
      <c r="G14" s="111"/>
      <c r="H14" s="479"/>
      <c r="I14" s="480"/>
      <c r="J14" s="480"/>
      <c r="K14" s="480"/>
      <c r="L14" s="480"/>
      <c r="M14" s="480"/>
      <c r="N14" s="480"/>
      <c r="O14" s="480"/>
      <c r="P14" s="480"/>
      <c r="Q14" s="481"/>
      <c r="R14" s="516" t="s">
        <v>103</v>
      </c>
      <c r="S14" s="517"/>
      <c r="T14" s="517"/>
      <c r="U14" s="517"/>
      <c r="V14" s="517"/>
      <c r="W14" s="521"/>
      <c r="X14" s="521"/>
      <c r="Y14" s="521"/>
      <c r="Z14" s="521"/>
      <c r="AA14" s="521"/>
      <c r="AB14" s="521"/>
      <c r="AC14" s="521"/>
      <c r="AD14" s="521"/>
      <c r="AE14" s="522"/>
      <c r="AF14" s="491"/>
      <c r="AG14" s="492"/>
      <c r="AH14" s="492"/>
      <c r="AI14" s="492"/>
      <c r="AJ14" s="492"/>
      <c r="AK14" s="492"/>
      <c r="AL14" s="492"/>
      <c r="AM14" s="492"/>
      <c r="AN14" s="492"/>
      <c r="AO14" s="493"/>
      <c r="AP14" s="100"/>
      <c r="AQ14" s="110"/>
      <c r="AR14" s="470" t="s">
        <v>104</v>
      </c>
      <c r="AS14" s="470"/>
      <c r="AT14" s="470"/>
      <c r="AU14" s="470"/>
      <c r="AV14" s="470"/>
      <c r="AW14" s="109"/>
      <c r="AX14" s="597" t="s">
        <v>377</v>
      </c>
      <c r="AY14" s="598"/>
      <c r="AZ14" s="598"/>
      <c r="BA14" s="598"/>
      <c r="BB14" s="598"/>
      <c r="BC14" s="598"/>
      <c r="BD14" s="598"/>
      <c r="BE14" s="598"/>
      <c r="BF14" s="598"/>
      <c r="BG14" s="598"/>
      <c r="BH14" s="598"/>
      <c r="BI14" s="598"/>
      <c r="BJ14" s="598"/>
      <c r="BK14" s="598"/>
      <c r="BL14" s="110"/>
      <c r="BM14" s="470" t="s">
        <v>105</v>
      </c>
      <c r="BN14" s="470"/>
      <c r="BO14" s="470"/>
      <c r="BP14" s="470"/>
      <c r="BQ14" s="470"/>
      <c r="BR14" s="109"/>
      <c r="BS14" s="473" t="s">
        <v>106</v>
      </c>
      <c r="BT14" s="474"/>
      <c r="BU14" s="474"/>
      <c r="BV14" s="474"/>
      <c r="BW14" s="474"/>
      <c r="BX14" s="474"/>
      <c r="BY14" s="474"/>
      <c r="BZ14" s="474"/>
      <c r="CA14" s="474"/>
      <c r="CB14" s="474"/>
      <c r="CC14" s="474"/>
      <c r="CD14" s="474"/>
      <c r="CE14" s="475"/>
    </row>
    <row r="15" spans="1:83" ht="13.5" customHeight="1" x14ac:dyDescent="0.2">
      <c r="A15" s="102"/>
      <c r="B15" s="128"/>
      <c r="C15" s="128"/>
      <c r="D15" s="128"/>
      <c r="E15" s="128"/>
      <c r="F15" s="128"/>
      <c r="G15" s="102"/>
      <c r="H15" s="102"/>
      <c r="I15" s="102"/>
      <c r="J15" s="102"/>
      <c r="K15" s="102"/>
      <c r="L15" s="102"/>
      <c r="M15" s="102"/>
      <c r="N15" s="102"/>
      <c r="O15" s="102"/>
      <c r="P15" s="102"/>
      <c r="Q15" s="102"/>
      <c r="R15" s="102"/>
      <c r="S15" s="102"/>
      <c r="T15" s="102"/>
      <c r="U15" s="102"/>
      <c r="V15" s="102"/>
      <c r="W15" s="102"/>
      <c r="X15" s="102"/>
      <c r="Y15" s="102"/>
      <c r="Z15" s="102"/>
      <c r="AA15" s="102"/>
      <c r="AB15" s="102"/>
      <c r="AC15" s="102"/>
      <c r="AD15" s="102"/>
      <c r="AE15" s="102"/>
      <c r="AF15" s="102"/>
      <c r="AG15" s="102"/>
      <c r="AH15" s="102"/>
      <c r="AI15" s="102"/>
      <c r="AJ15" s="102"/>
      <c r="AK15" s="102"/>
      <c r="AL15" s="102"/>
      <c r="AM15" s="102"/>
      <c r="AN15" s="102"/>
      <c r="AO15" s="102"/>
      <c r="AP15" s="100"/>
      <c r="AQ15" s="107"/>
      <c r="AR15" s="471"/>
      <c r="AS15" s="471"/>
      <c r="AT15" s="471"/>
      <c r="AU15" s="471"/>
      <c r="AV15" s="471"/>
      <c r="AW15" s="108"/>
      <c r="AX15" s="599"/>
      <c r="AY15" s="600"/>
      <c r="AZ15" s="600"/>
      <c r="BA15" s="600"/>
      <c r="BB15" s="600"/>
      <c r="BC15" s="600"/>
      <c r="BD15" s="600"/>
      <c r="BE15" s="600"/>
      <c r="BF15" s="600"/>
      <c r="BG15" s="600"/>
      <c r="BH15" s="600"/>
      <c r="BI15" s="600"/>
      <c r="BJ15" s="600"/>
      <c r="BK15" s="600"/>
      <c r="BL15" s="107"/>
      <c r="BM15" s="471"/>
      <c r="BN15" s="471"/>
      <c r="BO15" s="471"/>
      <c r="BP15" s="471"/>
      <c r="BQ15" s="471"/>
      <c r="BR15" s="108"/>
      <c r="BS15" s="476"/>
      <c r="BT15" s="477"/>
      <c r="BU15" s="477"/>
      <c r="BV15" s="477"/>
      <c r="BW15" s="477"/>
      <c r="BX15" s="477"/>
      <c r="BY15" s="477"/>
      <c r="BZ15" s="477"/>
      <c r="CA15" s="477"/>
      <c r="CB15" s="477"/>
      <c r="CC15" s="477"/>
      <c r="CD15" s="477"/>
      <c r="CE15" s="478"/>
    </row>
    <row r="16" spans="1:83" ht="13.5" customHeight="1" x14ac:dyDescent="0.2">
      <c r="A16" s="110"/>
      <c r="B16" s="482" t="s">
        <v>98</v>
      </c>
      <c r="C16" s="482"/>
      <c r="D16" s="482"/>
      <c r="E16" s="482"/>
      <c r="F16" s="482"/>
      <c r="G16" s="109"/>
      <c r="H16" s="485"/>
      <c r="I16" s="486"/>
      <c r="J16" s="486"/>
      <c r="K16" s="486"/>
      <c r="L16" s="486"/>
      <c r="M16" s="486"/>
      <c r="N16" s="486"/>
      <c r="O16" s="486"/>
      <c r="P16" s="486"/>
      <c r="Q16" s="486"/>
      <c r="R16" s="486"/>
      <c r="S16" s="486"/>
      <c r="T16" s="486"/>
      <c r="U16" s="486"/>
      <c r="V16" s="486"/>
      <c r="W16" s="486"/>
      <c r="X16" s="486"/>
      <c r="Y16" s="486"/>
      <c r="Z16" s="486"/>
      <c r="AA16" s="486"/>
      <c r="AB16" s="486"/>
      <c r="AC16" s="486"/>
      <c r="AD16" s="486"/>
      <c r="AE16" s="486"/>
      <c r="AF16" s="486"/>
      <c r="AG16" s="486"/>
      <c r="AH16" s="486"/>
      <c r="AI16" s="486"/>
      <c r="AJ16" s="486"/>
      <c r="AK16" s="486"/>
      <c r="AL16" s="486"/>
      <c r="AM16" s="486"/>
      <c r="AN16" s="486"/>
      <c r="AO16" s="487"/>
      <c r="AP16" s="100"/>
      <c r="AQ16" s="106"/>
      <c r="AR16" s="472"/>
      <c r="AS16" s="472"/>
      <c r="AT16" s="472"/>
      <c r="AU16" s="472"/>
      <c r="AV16" s="472"/>
      <c r="AW16" s="111"/>
      <c r="AX16" s="601"/>
      <c r="AY16" s="602"/>
      <c r="AZ16" s="602"/>
      <c r="BA16" s="602"/>
      <c r="BB16" s="602"/>
      <c r="BC16" s="602"/>
      <c r="BD16" s="602"/>
      <c r="BE16" s="602"/>
      <c r="BF16" s="602"/>
      <c r="BG16" s="602"/>
      <c r="BH16" s="602"/>
      <c r="BI16" s="602"/>
      <c r="BJ16" s="602"/>
      <c r="BK16" s="602"/>
      <c r="BL16" s="106"/>
      <c r="BM16" s="472"/>
      <c r="BN16" s="472"/>
      <c r="BO16" s="472"/>
      <c r="BP16" s="472"/>
      <c r="BQ16" s="472"/>
      <c r="BR16" s="111"/>
      <c r="BS16" s="479"/>
      <c r="BT16" s="480"/>
      <c r="BU16" s="480"/>
      <c r="BV16" s="480"/>
      <c r="BW16" s="480"/>
      <c r="BX16" s="480"/>
      <c r="BY16" s="480"/>
      <c r="BZ16" s="480"/>
      <c r="CA16" s="480"/>
      <c r="CB16" s="480"/>
      <c r="CC16" s="480"/>
      <c r="CD16" s="480"/>
      <c r="CE16" s="481"/>
    </row>
    <row r="17" spans="1:83" ht="13.5" customHeight="1" x14ac:dyDescent="0.2">
      <c r="A17" s="107"/>
      <c r="B17" s="483"/>
      <c r="C17" s="483"/>
      <c r="D17" s="483"/>
      <c r="E17" s="483"/>
      <c r="F17" s="483"/>
      <c r="G17" s="108"/>
      <c r="H17" s="488"/>
      <c r="I17" s="489"/>
      <c r="J17" s="489"/>
      <c r="K17" s="489"/>
      <c r="L17" s="489"/>
      <c r="M17" s="489"/>
      <c r="N17" s="489"/>
      <c r="O17" s="489"/>
      <c r="P17" s="489"/>
      <c r="Q17" s="489"/>
      <c r="R17" s="489"/>
      <c r="S17" s="489"/>
      <c r="T17" s="489"/>
      <c r="U17" s="489"/>
      <c r="V17" s="489"/>
      <c r="W17" s="489"/>
      <c r="X17" s="489"/>
      <c r="Y17" s="489"/>
      <c r="Z17" s="489"/>
      <c r="AA17" s="489"/>
      <c r="AB17" s="489"/>
      <c r="AC17" s="489"/>
      <c r="AD17" s="489"/>
      <c r="AE17" s="489"/>
      <c r="AF17" s="489"/>
      <c r="AG17" s="489"/>
      <c r="AH17" s="489"/>
      <c r="AI17" s="489"/>
      <c r="AJ17" s="489"/>
      <c r="AK17" s="489"/>
      <c r="AL17" s="489"/>
      <c r="AM17" s="489"/>
      <c r="AN17" s="489"/>
      <c r="AO17" s="490"/>
      <c r="AP17" s="100"/>
      <c r="AQ17" s="127"/>
      <c r="AR17" s="127"/>
      <c r="AS17" s="127"/>
      <c r="AT17" s="127"/>
      <c r="AU17" s="127"/>
      <c r="AV17" s="127"/>
      <c r="AW17" s="127"/>
      <c r="AX17" s="127"/>
      <c r="AY17" s="127"/>
      <c r="AZ17" s="127"/>
      <c r="BA17" s="127"/>
      <c r="BB17" s="127"/>
      <c r="BC17" s="127"/>
      <c r="BD17" s="127"/>
      <c r="BE17" s="127"/>
      <c r="BF17" s="127"/>
      <c r="BG17" s="127"/>
      <c r="BH17" s="127"/>
      <c r="BI17" s="127"/>
      <c r="BJ17" s="127"/>
      <c r="BK17" s="127"/>
      <c r="BL17" s="127"/>
      <c r="BM17" s="127"/>
      <c r="BN17" s="127"/>
      <c r="BO17" s="127"/>
      <c r="BP17" s="127"/>
      <c r="BQ17" s="127"/>
      <c r="BR17" s="127"/>
      <c r="BS17" s="127"/>
      <c r="BT17" s="127"/>
      <c r="BU17" s="127"/>
      <c r="BV17" s="127"/>
      <c r="BW17" s="127"/>
      <c r="BX17" s="127"/>
      <c r="BY17" s="127"/>
      <c r="BZ17" s="127"/>
      <c r="CA17" s="127"/>
      <c r="CB17" s="127"/>
      <c r="CC17" s="127"/>
      <c r="CD17" s="127"/>
      <c r="CE17" s="127"/>
    </row>
    <row r="18" spans="1:83" ht="13.5" customHeight="1" x14ac:dyDescent="0.2">
      <c r="A18" s="106"/>
      <c r="B18" s="484"/>
      <c r="C18" s="484"/>
      <c r="D18" s="484"/>
      <c r="E18" s="484"/>
      <c r="F18" s="484"/>
      <c r="G18" s="111"/>
      <c r="H18" s="491"/>
      <c r="I18" s="492"/>
      <c r="J18" s="492"/>
      <c r="K18" s="492"/>
      <c r="L18" s="492"/>
      <c r="M18" s="492"/>
      <c r="N18" s="492"/>
      <c r="O18" s="492"/>
      <c r="P18" s="492"/>
      <c r="Q18" s="492"/>
      <c r="R18" s="492"/>
      <c r="S18" s="492"/>
      <c r="T18" s="492"/>
      <c r="U18" s="492"/>
      <c r="V18" s="492"/>
      <c r="W18" s="492"/>
      <c r="X18" s="492"/>
      <c r="Y18" s="492"/>
      <c r="Z18" s="492"/>
      <c r="AA18" s="492"/>
      <c r="AB18" s="492"/>
      <c r="AC18" s="492"/>
      <c r="AD18" s="492"/>
      <c r="AE18" s="492"/>
      <c r="AF18" s="492"/>
      <c r="AG18" s="492"/>
      <c r="AH18" s="492"/>
      <c r="AI18" s="492"/>
      <c r="AJ18" s="492"/>
      <c r="AK18" s="492"/>
      <c r="AL18" s="492"/>
      <c r="AM18" s="492"/>
      <c r="AN18" s="492"/>
      <c r="AO18" s="493"/>
      <c r="AP18" s="100"/>
      <c r="AQ18" s="110"/>
      <c r="AR18" s="496" t="s">
        <v>94</v>
      </c>
      <c r="AS18" s="496"/>
      <c r="AT18" s="496"/>
      <c r="AU18" s="496"/>
      <c r="AV18" s="496"/>
      <c r="AW18" s="109"/>
      <c r="AX18" s="499" t="s">
        <v>107</v>
      </c>
      <c r="AY18" s="500"/>
      <c r="AZ18" s="500"/>
      <c r="BA18" s="500"/>
      <c r="BB18" s="500"/>
      <c r="BC18" s="500"/>
      <c r="BD18" s="500"/>
      <c r="BE18" s="500"/>
      <c r="BF18" s="500"/>
      <c r="BG18" s="501"/>
      <c r="BH18" s="499" t="s">
        <v>96</v>
      </c>
      <c r="BI18" s="500"/>
      <c r="BJ18" s="500"/>
      <c r="BK18" s="500"/>
      <c r="BL18" s="500"/>
      <c r="BM18" s="500"/>
      <c r="BN18" s="500"/>
      <c r="BO18" s="500"/>
      <c r="BP18" s="500"/>
      <c r="BQ18" s="500"/>
      <c r="BR18" s="500"/>
      <c r="BS18" s="500"/>
      <c r="BT18" s="500"/>
      <c r="BU18" s="501"/>
      <c r="BV18" s="499" t="s">
        <v>97</v>
      </c>
      <c r="BW18" s="500"/>
      <c r="BX18" s="500"/>
      <c r="BY18" s="500"/>
      <c r="BZ18" s="500"/>
      <c r="CA18" s="500"/>
      <c r="CB18" s="500"/>
      <c r="CC18" s="500"/>
      <c r="CD18" s="500"/>
      <c r="CE18" s="501"/>
    </row>
    <row r="19" spans="1:83" ht="13.5" customHeight="1" x14ac:dyDescent="0.2">
      <c r="A19" s="110"/>
      <c r="B19" s="482" t="s">
        <v>108</v>
      </c>
      <c r="C19" s="482"/>
      <c r="D19" s="482"/>
      <c r="E19" s="482"/>
      <c r="F19" s="482"/>
      <c r="G19" s="109"/>
      <c r="H19" s="505"/>
      <c r="I19" s="506"/>
      <c r="J19" s="506"/>
      <c r="K19" s="506"/>
      <c r="L19" s="506"/>
      <c r="M19" s="506"/>
      <c r="N19" s="506"/>
      <c r="O19" s="506"/>
      <c r="P19" s="506"/>
      <c r="Q19" s="506"/>
      <c r="R19" s="506"/>
      <c r="S19" s="506"/>
      <c r="T19" s="506"/>
      <c r="U19" s="506"/>
      <c r="V19" s="506"/>
      <c r="W19" s="506"/>
      <c r="X19" s="506"/>
      <c r="Y19" s="506"/>
      <c r="Z19" s="506"/>
      <c r="AA19" s="506"/>
      <c r="AB19" s="506"/>
      <c r="AC19" s="506"/>
      <c r="AD19" s="506"/>
      <c r="AE19" s="506"/>
      <c r="AF19" s="506"/>
      <c r="AG19" s="506"/>
      <c r="AH19" s="506"/>
      <c r="AI19" s="506"/>
      <c r="AJ19" s="506"/>
      <c r="AK19" s="506"/>
      <c r="AL19" s="506"/>
      <c r="AM19" s="506"/>
      <c r="AN19" s="506"/>
      <c r="AO19" s="507"/>
      <c r="AP19" s="100"/>
      <c r="AQ19" s="107"/>
      <c r="AR19" s="497"/>
      <c r="AS19" s="497"/>
      <c r="AT19" s="497"/>
      <c r="AU19" s="497"/>
      <c r="AV19" s="497"/>
      <c r="AW19" s="108"/>
      <c r="AX19" s="502"/>
      <c r="AY19" s="503"/>
      <c r="AZ19" s="503"/>
      <c r="BA19" s="503"/>
      <c r="BB19" s="503"/>
      <c r="BC19" s="503"/>
      <c r="BD19" s="503"/>
      <c r="BE19" s="503"/>
      <c r="BF19" s="503"/>
      <c r="BG19" s="504"/>
      <c r="BH19" s="502"/>
      <c r="BI19" s="503"/>
      <c r="BJ19" s="503"/>
      <c r="BK19" s="503"/>
      <c r="BL19" s="503"/>
      <c r="BM19" s="503"/>
      <c r="BN19" s="503"/>
      <c r="BO19" s="503"/>
      <c r="BP19" s="503"/>
      <c r="BQ19" s="503"/>
      <c r="BR19" s="503"/>
      <c r="BS19" s="503"/>
      <c r="BT19" s="503"/>
      <c r="BU19" s="504"/>
      <c r="BV19" s="502"/>
      <c r="BW19" s="503"/>
      <c r="BX19" s="503"/>
      <c r="BY19" s="503"/>
      <c r="BZ19" s="503"/>
      <c r="CA19" s="503"/>
      <c r="CB19" s="503"/>
      <c r="CC19" s="503"/>
      <c r="CD19" s="503"/>
      <c r="CE19" s="504"/>
    </row>
    <row r="20" spans="1:83" ht="13.5" customHeight="1" x14ac:dyDescent="0.2">
      <c r="A20" s="107"/>
      <c r="B20" s="483"/>
      <c r="C20" s="483"/>
      <c r="D20" s="483"/>
      <c r="E20" s="483"/>
      <c r="F20" s="483"/>
      <c r="G20" s="108"/>
      <c r="H20" s="508"/>
      <c r="I20" s="509"/>
      <c r="J20" s="509"/>
      <c r="K20" s="509"/>
      <c r="L20" s="509"/>
      <c r="M20" s="509"/>
      <c r="N20" s="509"/>
      <c r="O20" s="509"/>
      <c r="P20" s="509"/>
      <c r="Q20" s="509"/>
      <c r="R20" s="509"/>
      <c r="S20" s="509"/>
      <c r="T20" s="509"/>
      <c r="U20" s="509"/>
      <c r="V20" s="509"/>
      <c r="W20" s="509"/>
      <c r="X20" s="509"/>
      <c r="Y20" s="509"/>
      <c r="Z20" s="509"/>
      <c r="AA20" s="509"/>
      <c r="AB20" s="509"/>
      <c r="AC20" s="509"/>
      <c r="AD20" s="509"/>
      <c r="AE20" s="509"/>
      <c r="AF20" s="509"/>
      <c r="AG20" s="509"/>
      <c r="AH20" s="509"/>
      <c r="AI20" s="509"/>
      <c r="AJ20" s="509"/>
      <c r="AK20" s="509"/>
      <c r="AL20" s="509"/>
      <c r="AM20" s="509"/>
      <c r="AN20" s="509"/>
      <c r="AO20" s="510"/>
      <c r="AP20" s="125"/>
      <c r="AQ20" s="107"/>
      <c r="AR20" s="497"/>
      <c r="AS20" s="497"/>
      <c r="AT20" s="497"/>
      <c r="AU20" s="497"/>
      <c r="AV20" s="497"/>
      <c r="AW20" s="108"/>
      <c r="AX20" s="473" t="s">
        <v>99</v>
      </c>
      <c r="AY20" s="474"/>
      <c r="AZ20" s="474"/>
      <c r="BA20" s="474"/>
      <c r="BB20" s="474"/>
      <c r="BC20" s="474"/>
      <c r="BD20" s="474"/>
      <c r="BE20" s="474"/>
      <c r="BF20" s="474"/>
      <c r="BG20" s="475"/>
      <c r="BH20" s="494" t="s">
        <v>100</v>
      </c>
      <c r="BI20" s="495"/>
      <c r="BJ20" s="495"/>
      <c r="BK20" s="495"/>
      <c r="BL20" s="495"/>
      <c r="BM20" s="518" t="s">
        <v>101</v>
      </c>
      <c r="BN20" s="519"/>
      <c r="BO20" s="519"/>
      <c r="BP20" s="519"/>
      <c r="BQ20" s="519"/>
      <c r="BR20" s="519"/>
      <c r="BS20" s="519"/>
      <c r="BT20" s="519"/>
      <c r="BU20" s="520"/>
      <c r="BV20" s="473" t="s">
        <v>102</v>
      </c>
      <c r="BW20" s="486"/>
      <c r="BX20" s="486"/>
      <c r="BY20" s="486"/>
      <c r="BZ20" s="486"/>
      <c r="CA20" s="486"/>
      <c r="CB20" s="486"/>
      <c r="CC20" s="486"/>
      <c r="CD20" s="486"/>
      <c r="CE20" s="487"/>
    </row>
    <row r="21" spans="1:83" ht="13.5" customHeight="1" x14ac:dyDescent="0.2">
      <c r="A21" s="106"/>
      <c r="B21" s="484"/>
      <c r="C21" s="484"/>
      <c r="D21" s="484"/>
      <c r="E21" s="484"/>
      <c r="F21" s="484"/>
      <c r="G21" s="111"/>
      <c r="H21" s="511"/>
      <c r="I21" s="512"/>
      <c r="J21" s="512"/>
      <c r="K21" s="512"/>
      <c r="L21" s="512"/>
      <c r="M21" s="512"/>
      <c r="N21" s="512"/>
      <c r="O21" s="512"/>
      <c r="P21" s="512"/>
      <c r="Q21" s="512"/>
      <c r="R21" s="512"/>
      <c r="S21" s="512"/>
      <c r="T21" s="512"/>
      <c r="U21" s="512"/>
      <c r="V21" s="512"/>
      <c r="W21" s="512"/>
      <c r="X21" s="512"/>
      <c r="Y21" s="512"/>
      <c r="Z21" s="512"/>
      <c r="AA21" s="512"/>
      <c r="AB21" s="512"/>
      <c r="AC21" s="512"/>
      <c r="AD21" s="512"/>
      <c r="AE21" s="512"/>
      <c r="AF21" s="512"/>
      <c r="AG21" s="512"/>
      <c r="AH21" s="512"/>
      <c r="AI21" s="512"/>
      <c r="AJ21" s="512"/>
      <c r="AK21" s="512"/>
      <c r="AL21" s="512"/>
      <c r="AM21" s="512"/>
      <c r="AN21" s="512"/>
      <c r="AO21" s="513"/>
      <c r="AP21" s="125"/>
      <c r="AQ21" s="107"/>
      <c r="AR21" s="497"/>
      <c r="AS21" s="497"/>
      <c r="AT21" s="497"/>
      <c r="AU21" s="497"/>
      <c r="AV21" s="497"/>
      <c r="AW21" s="108"/>
      <c r="AX21" s="479"/>
      <c r="AY21" s="480"/>
      <c r="AZ21" s="480"/>
      <c r="BA21" s="480"/>
      <c r="BB21" s="480"/>
      <c r="BC21" s="480"/>
      <c r="BD21" s="480"/>
      <c r="BE21" s="480"/>
      <c r="BF21" s="480"/>
      <c r="BG21" s="481"/>
      <c r="BH21" s="516" t="s">
        <v>103</v>
      </c>
      <c r="BI21" s="517"/>
      <c r="BJ21" s="517"/>
      <c r="BK21" s="517"/>
      <c r="BL21" s="517"/>
      <c r="BM21" s="521"/>
      <c r="BN21" s="521"/>
      <c r="BO21" s="521"/>
      <c r="BP21" s="521"/>
      <c r="BQ21" s="521"/>
      <c r="BR21" s="521"/>
      <c r="BS21" s="521"/>
      <c r="BT21" s="521"/>
      <c r="BU21" s="522"/>
      <c r="BV21" s="491"/>
      <c r="BW21" s="492"/>
      <c r="BX21" s="492"/>
      <c r="BY21" s="492"/>
      <c r="BZ21" s="492"/>
      <c r="CA21" s="492"/>
      <c r="CB21" s="492"/>
      <c r="CC21" s="492"/>
      <c r="CD21" s="492"/>
      <c r="CE21" s="493"/>
    </row>
    <row r="22" spans="1:83" ht="13.5" customHeight="1" x14ac:dyDescent="0.2">
      <c r="A22" s="107"/>
      <c r="B22" s="470" t="s">
        <v>104</v>
      </c>
      <c r="C22" s="470"/>
      <c r="D22" s="470"/>
      <c r="E22" s="470"/>
      <c r="F22" s="470"/>
      <c r="G22" s="108"/>
      <c r="H22" s="597" t="s">
        <v>377</v>
      </c>
      <c r="I22" s="598"/>
      <c r="J22" s="598"/>
      <c r="K22" s="598"/>
      <c r="L22" s="598"/>
      <c r="M22" s="598"/>
      <c r="N22" s="598"/>
      <c r="O22" s="598"/>
      <c r="P22" s="598"/>
      <c r="Q22" s="598"/>
      <c r="R22" s="598"/>
      <c r="S22" s="598"/>
      <c r="T22" s="598"/>
      <c r="U22" s="598"/>
      <c r="V22" s="126"/>
      <c r="W22" s="470" t="s">
        <v>105</v>
      </c>
      <c r="X22" s="470"/>
      <c r="Y22" s="470"/>
      <c r="Z22" s="470"/>
      <c r="AA22" s="470"/>
      <c r="AB22" s="109"/>
      <c r="AC22" s="473" t="s">
        <v>106</v>
      </c>
      <c r="AD22" s="474"/>
      <c r="AE22" s="474"/>
      <c r="AF22" s="474"/>
      <c r="AG22" s="474"/>
      <c r="AH22" s="474"/>
      <c r="AI22" s="474"/>
      <c r="AJ22" s="474"/>
      <c r="AK22" s="474"/>
      <c r="AL22" s="474"/>
      <c r="AM22" s="474"/>
      <c r="AN22" s="474"/>
      <c r="AO22" s="475"/>
      <c r="AP22" s="125"/>
      <c r="AQ22" s="107"/>
      <c r="AR22" s="497"/>
      <c r="AS22" s="497"/>
      <c r="AT22" s="497"/>
      <c r="AU22" s="497"/>
      <c r="AV22" s="497"/>
      <c r="AW22" s="108"/>
      <c r="AX22" s="473" t="s">
        <v>99</v>
      </c>
      <c r="AY22" s="474"/>
      <c r="AZ22" s="474"/>
      <c r="BA22" s="474"/>
      <c r="BB22" s="474"/>
      <c r="BC22" s="474"/>
      <c r="BD22" s="474"/>
      <c r="BE22" s="474"/>
      <c r="BF22" s="474"/>
      <c r="BG22" s="475"/>
      <c r="BH22" s="494" t="s">
        <v>100</v>
      </c>
      <c r="BI22" s="495"/>
      <c r="BJ22" s="495"/>
      <c r="BK22" s="495"/>
      <c r="BL22" s="495"/>
      <c r="BM22" s="518" t="s">
        <v>101</v>
      </c>
      <c r="BN22" s="519"/>
      <c r="BO22" s="519"/>
      <c r="BP22" s="519"/>
      <c r="BQ22" s="519"/>
      <c r="BR22" s="519"/>
      <c r="BS22" s="519"/>
      <c r="BT22" s="519"/>
      <c r="BU22" s="520"/>
      <c r="BV22" s="473" t="s">
        <v>102</v>
      </c>
      <c r="BW22" s="486"/>
      <c r="BX22" s="486"/>
      <c r="BY22" s="486"/>
      <c r="BZ22" s="486"/>
      <c r="CA22" s="486"/>
      <c r="CB22" s="486"/>
      <c r="CC22" s="486"/>
      <c r="CD22" s="486"/>
      <c r="CE22" s="487"/>
    </row>
    <row r="23" spans="1:83" ht="13.5" customHeight="1" x14ac:dyDescent="0.2">
      <c r="A23" s="107"/>
      <c r="B23" s="471"/>
      <c r="C23" s="471"/>
      <c r="D23" s="471"/>
      <c r="E23" s="471"/>
      <c r="F23" s="471"/>
      <c r="G23" s="108"/>
      <c r="H23" s="599"/>
      <c r="I23" s="600"/>
      <c r="J23" s="600"/>
      <c r="K23" s="600"/>
      <c r="L23" s="600"/>
      <c r="M23" s="600"/>
      <c r="N23" s="600"/>
      <c r="O23" s="600"/>
      <c r="P23" s="600"/>
      <c r="Q23" s="600"/>
      <c r="R23" s="600"/>
      <c r="S23" s="600"/>
      <c r="T23" s="600"/>
      <c r="U23" s="600"/>
      <c r="V23" s="124"/>
      <c r="W23" s="471"/>
      <c r="X23" s="471"/>
      <c r="Y23" s="471"/>
      <c r="Z23" s="471"/>
      <c r="AA23" s="471"/>
      <c r="AB23" s="108"/>
      <c r="AC23" s="476"/>
      <c r="AD23" s="477"/>
      <c r="AE23" s="477"/>
      <c r="AF23" s="477"/>
      <c r="AG23" s="477"/>
      <c r="AH23" s="477"/>
      <c r="AI23" s="477"/>
      <c r="AJ23" s="477"/>
      <c r="AK23" s="477"/>
      <c r="AL23" s="477"/>
      <c r="AM23" s="477"/>
      <c r="AN23" s="477"/>
      <c r="AO23" s="478"/>
      <c r="AP23" s="122"/>
      <c r="AQ23" s="106"/>
      <c r="AR23" s="498"/>
      <c r="AS23" s="498"/>
      <c r="AT23" s="498"/>
      <c r="AU23" s="498"/>
      <c r="AV23" s="498"/>
      <c r="AW23" s="111"/>
      <c r="AX23" s="479"/>
      <c r="AY23" s="480"/>
      <c r="AZ23" s="480"/>
      <c r="BA23" s="480"/>
      <c r="BB23" s="480"/>
      <c r="BC23" s="480"/>
      <c r="BD23" s="480"/>
      <c r="BE23" s="480"/>
      <c r="BF23" s="480"/>
      <c r="BG23" s="481"/>
      <c r="BH23" s="516" t="s">
        <v>103</v>
      </c>
      <c r="BI23" s="517"/>
      <c r="BJ23" s="517"/>
      <c r="BK23" s="517"/>
      <c r="BL23" s="517"/>
      <c r="BM23" s="521"/>
      <c r="BN23" s="521"/>
      <c r="BO23" s="521"/>
      <c r="BP23" s="521"/>
      <c r="BQ23" s="521"/>
      <c r="BR23" s="521"/>
      <c r="BS23" s="521"/>
      <c r="BT23" s="521"/>
      <c r="BU23" s="522"/>
      <c r="BV23" s="491"/>
      <c r="BW23" s="492"/>
      <c r="BX23" s="492"/>
      <c r="BY23" s="492"/>
      <c r="BZ23" s="492"/>
      <c r="CA23" s="492"/>
      <c r="CB23" s="492"/>
      <c r="CC23" s="492"/>
      <c r="CD23" s="492"/>
      <c r="CE23" s="493"/>
    </row>
    <row r="24" spans="1:83" ht="13.5" customHeight="1" x14ac:dyDescent="0.2">
      <c r="A24" s="106"/>
      <c r="B24" s="472"/>
      <c r="C24" s="472"/>
      <c r="D24" s="472"/>
      <c r="E24" s="472"/>
      <c r="F24" s="472"/>
      <c r="G24" s="111"/>
      <c r="H24" s="601"/>
      <c r="I24" s="602"/>
      <c r="J24" s="602"/>
      <c r="K24" s="602"/>
      <c r="L24" s="602"/>
      <c r="M24" s="602"/>
      <c r="N24" s="602"/>
      <c r="O24" s="602"/>
      <c r="P24" s="602"/>
      <c r="Q24" s="602"/>
      <c r="R24" s="602"/>
      <c r="S24" s="602"/>
      <c r="T24" s="602"/>
      <c r="U24" s="602"/>
      <c r="V24" s="123"/>
      <c r="W24" s="472"/>
      <c r="X24" s="472"/>
      <c r="Y24" s="472"/>
      <c r="Z24" s="472"/>
      <c r="AA24" s="472"/>
      <c r="AB24" s="111"/>
      <c r="AC24" s="479"/>
      <c r="AD24" s="480"/>
      <c r="AE24" s="480"/>
      <c r="AF24" s="480"/>
      <c r="AG24" s="480"/>
      <c r="AH24" s="480"/>
      <c r="AI24" s="480"/>
      <c r="AJ24" s="480"/>
      <c r="AK24" s="480"/>
      <c r="AL24" s="480"/>
      <c r="AM24" s="480"/>
      <c r="AN24" s="480"/>
      <c r="AO24" s="481"/>
      <c r="AP24" s="122"/>
      <c r="AQ24" s="100"/>
      <c r="AR24" s="100"/>
      <c r="AS24" s="100"/>
      <c r="AT24" s="100"/>
      <c r="AU24" s="100"/>
      <c r="AV24" s="100"/>
      <c r="AW24" s="100"/>
      <c r="AX24" s="100"/>
      <c r="AY24" s="100"/>
      <c r="AZ24" s="100"/>
      <c r="BA24" s="100"/>
      <c r="BB24" s="100"/>
      <c r="BC24" s="100"/>
      <c r="BD24" s="100"/>
      <c r="BE24" s="100"/>
      <c r="BF24" s="100"/>
      <c r="BG24" s="100"/>
      <c r="BH24" s="100"/>
      <c r="BI24" s="100"/>
      <c r="BJ24" s="100"/>
      <c r="BK24" s="100"/>
      <c r="BL24" s="100"/>
      <c r="BM24" s="100"/>
      <c r="BN24" s="100"/>
      <c r="BO24" s="100"/>
      <c r="BP24" s="100"/>
      <c r="BQ24" s="100"/>
      <c r="BR24" s="100"/>
      <c r="BS24" s="100"/>
      <c r="BT24" s="100"/>
      <c r="BU24" s="100"/>
      <c r="BV24" s="100"/>
      <c r="BW24" s="100"/>
      <c r="BX24" s="100"/>
      <c r="BY24" s="100"/>
      <c r="BZ24" s="100"/>
      <c r="CA24" s="100"/>
      <c r="CB24" s="100"/>
      <c r="CC24" s="100"/>
      <c r="CD24" s="100"/>
      <c r="CE24" s="100"/>
    </row>
    <row r="25" spans="1:83" ht="13.5" customHeight="1" x14ac:dyDescent="0.2">
      <c r="A25" s="100"/>
      <c r="B25" s="100"/>
      <c r="C25" s="100"/>
      <c r="D25" s="100"/>
      <c r="E25" s="100"/>
      <c r="F25" s="100"/>
      <c r="G25" s="100"/>
      <c r="H25" s="100"/>
      <c r="I25" s="100"/>
      <c r="J25" s="100"/>
      <c r="K25" s="100"/>
      <c r="L25" s="100"/>
      <c r="M25" s="100"/>
      <c r="N25" s="100"/>
      <c r="O25" s="100"/>
      <c r="P25" s="100"/>
      <c r="Q25" s="100"/>
      <c r="R25" s="100"/>
      <c r="S25" s="100"/>
      <c r="T25" s="100"/>
      <c r="U25" s="100"/>
      <c r="V25" s="100"/>
      <c r="W25" s="100"/>
      <c r="X25" s="100"/>
      <c r="Y25" s="100"/>
      <c r="Z25" s="100"/>
      <c r="AA25" s="100"/>
      <c r="AB25" s="100"/>
      <c r="AC25" s="100"/>
      <c r="AD25" s="100"/>
      <c r="AE25" s="100"/>
      <c r="AF25" s="100"/>
      <c r="AG25" s="100"/>
      <c r="AH25" s="100"/>
      <c r="AI25" s="100"/>
      <c r="AJ25" s="100"/>
      <c r="AK25" s="100"/>
      <c r="AL25" s="100"/>
      <c r="AM25" s="100"/>
      <c r="AN25" s="100"/>
      <c r="AO25" s="100"/>
      <c r="AP25" s="122"/>
      <c r="AQ25" s="110"/>
      <c r="AR25" s="539" t="s">
        <v>109</v>
      </c>
      <c r="AS25" s="539"/>
      <c r="AT25" s="539"/>
      <c r="AU25" s="539"/>
      <c r="AV25" s="539"/>
      <c r="AW25" s="109"/>
      <c r="AX25" s="117" t="s">
        <v>222</v>
      </c>
      <c r="AY25" s="539" t="s">
        <v>110</v>
      </c>
      <c r="AZ25" s="539"/>
      <c r="BA25" s="539"/>
      <c r="BB25" s="539"/>
      <c r="BC25" s="116"/>
      <c r="BD25" s="539" t="s">
        <v>111</v>
      </c>
      <c r="BE25" s="539"/>
      <c r="BF25" s="539"/>
      <c r="BG25" s="539"/>
      <c r="BH25" s="539"/>
      <c r="BI25" s="539"/>
      <c r="BJ25" s="539"/>
      <c r="BK25" s="539"/>
      <c r="BL25" s="539"/>
      <c r="BM25" s="539"/>
      <c r="BN25" s="605" t="s">
        <v>112</v>
      </c>
      <c r="BO25" s="605"/>
      <c r="BP25" s="605"/>
      <c r="BQ25" s="605"/>
      <c r="BR25" s="605"/>
      <c r="BS25" s="605"/>
      <c r="BT25" s="605"/>
      <c r="BU25" s="605"/>
      <c r="BV25" s="605"/>
      <c r="BW25" s="539" t="s">
        <v>113</v>
      </c>
      <c r="BX25" s="539"/>
      <c r="BY25" s="539"/>
      <c r="BZ25" s="539"/>
      <c r="CA25" s="539"/>
      <c r="CB25" s="539"/>
      <c r="CC25" s="539"/>
      <c r="CD25" s="539"/>
      <c r="CE25" s="564"/>
    </row>
    <row r="26" spans="1:83" ht="13.5" customHeight="1" x14ac:dyDescent="0.2">
      <c r="A26" s="110"/>
      <c r="B26" s="496" t="s">
        <v>114</v>
      </c>
      <c r="C26" s="496"/>
      <c r="D26" s="496"/>
      <c r="E26" s="496"/>
      <c r="F26" s="496"/>
      <c r="G26" s="109"/>
      <c r="H26" s="121" t="s">
        <v>222</v>
      </c>
      <c r="I26" s="470" t="s">
        <v>115</v>
      </c>
      <c r="J26" s="470"/>
      <c r="K26" s="470"/>
      <c r="L26" s="470"/>
      <c r="M26" s="116"/>
      <c r="N26" s="499" t="s">
        <v>116</v>
      </c>
      <c r="O26" s="500"/>
      <c r="P26" s="500"/>
      <c r="Q26" s="500"/>
      <c r="R26" s="500"/>
      <c r="S26" s="500"/>
      <c r="T26" s="500"/>
      <c r="U26" s="500"/>
      <c r="V26" s="500"/>
      <c r="W26" s="500"/>
      <c r="X26" s="500"/>
      <c r="Y26" s="500"/>
      <c r="Z26" s="500"/>
      <c r="AA26" s="500"/>
      <c r="AB26" s="501"/>
      <c r="AC26" s="499" t="s">
        <v>117</v>
      </c>
      <c r="AD26" s="500"/>
      <c r="AE26" s="500"/>
      <c r="AF26" s="500"/>
      <c r="AG26" s="500"/>
      <c r="AH26" s="500"/>
      <c r="AI26" s="500"/>
      <c r="AJ26" s="500"/>
      <c r="AK26" s="500"/>
      <c r="AL26" s="500"/>
      <c r="AM26" s="500"/>
      <c r="AN26" s="500"/>
      <c r="AO26" s="501"/>
      <c r="AP26" s="100"/>
      <c r="AQ26" s="107"/>
      <c r="AR26" s="540"/>
      <c r="AS26" s="540"/>
      <c r="AT26" s="540"/>
      <c r="AU26" s="540"/>
      <c r="AV26" s="540"/>
      <c r="AW26" s="108"/>
      <c r="AX26" s="115"/>
      <c r="AY26" s="540"/>
      <c r="AZ26" s="540"/>
      <c r="BA26" s="540"/>
      <c r="BB26" s="540"/>
      <c r="BC26" s="114"/>
      <c r="BD26" s="541"/>
      <c r="BE26" s="541"/>
      <c r="BF26" s="541"/>
      <c r="BG26" s="541"/>
      <c r="BH26" s="541"/>
      <c r="BI26" s="541"/>
      <c r="BJ26" s="541"/>
      <c r="BK26" s="541"/>
      <c r="BL26" s="541"/>
      <c r="BM26" s="541"/>
      <c r="BN26" s="605"/>
      <c r="BO26" s="605"/>
      <c r="BP26" s="605"/>
      <c r="BQ26" s="605"/>
      <c r="BR26" s="605"/>
      <c r="BS26" s="605"/>
      <c r="BT26" s="605"/>
      <c r="BU26" s="605"/>
      <c r="BV26" s="605"/>
      <c r="BW26" s="541"/>
      <c r="BX26" s="541"/>
      <c r="BY26" s="541"/>
      <c r="BZ26" s="541"/>
      <c r="CA26" s="541"/>
      <c r="CB26" s="541"/>
      <c r="CC26" s="541"/>
      <c r="CD26" s="541"/>
      <c r="CE26" s="568"/>
    </row>
    <row r="27" spans="1:83" ht="13.5" customHeight="1" x14ac:dyDescent="0.2">
      <c r="A27" s="107"/>
      <c r="B27" s="497"/>
      <c r="C27" s="497"/>
      <c r="D27" s="497"/>
      <c r="E27" s="497"/>
      <c r="F27" s="497"/>
      <c r="G27" s="108"/>
      <c r="H27" s="120"/>
      <c r="I27" s="472"/>
      <c r="J27" s="472"/>
      <c r="K27" s="472"/>
      <c r="L27" s="472"/>
      <c r="M27" s="119"/>
      <c r="N27" s="502"/>
      <c r="O27" s="503"/>
      <c r="P27" s="503"/>
      <c r="Q27" s="503"/>
      <c r="R27" s="503"/>
      <c r="S27" s="503"/>
      <c r="T27" s="503"/>
      <c r="U27" s="503"/>
      <c r="V27" s="503"/>
      <c r="W27" s="503"/>
      <c r="X27" s="503"/>
      <c r="Y27" s="503"/>
      <c r="Z27" s="503"/>
      <c r="AA27" s="503"/>
      <c r="AB27" s="504"/>
      <c r="AC27" s="502"/>
      <c r="AD27" s="503"/>
      <c r="AE27" s="503"/>
      <c r="AF27" s="503"/>
      <c r="AG27" s="503"/>
      <c r="AH27" s="503"/>
      <c r="AI27" s="503"/>
      <c r="AJ27" s="503"/>
      <c r="AK27" s="503"/>
      <c r="AL27" s="503"/>
      <c r="AM27" s="503"/>
      <c r="AN27" s="503"/>
      <c r="AO27" s="504"/>
      <c r="AP27" s="115"/>
      <c r="AQ27" s="107"/>
      <c r="AR27" s="540"/>
      <c r="AS27" s="540"/>
      <c r="AT27" s="540"/>
      <c r="AU27" s="540"/>
      <c r="AV27" s="540"/>
      <c r="AW27" s="108"/>
      <c r="AX27" s="100"/>
      <c r="AY27" s="540"/>
      <c r="AZ27" s="540"/>
      <c r="BA27" s="540"/>
      <c r="BB27" s="540"/>
      <c r="BC27" s="108"/>
      <c r="BD27" s="537" t="s">
        <v>118</v>
      </c>
      <c r="BE27" s="537"/>
      <c r="BF27" s="537"/>
      <c r="BG27" s="537"/>
      <c r="BH27" s="537"/>
      <c r="BI27" s="537"/>
      <c r="BJ27" s="537"/>
      <c r="BK27" s="537"/>
      <c r="BL27" s="537"/>
      <c r="BM27" s="537"/>
      <c r="BN27" s="596" t="s">
        <v>118</v>
      </c>
      <c r="BO27" s="596"/>
      <c r="BP27" s="596"/>
      <c r="BQ27" s="596"/>
      <c r="BR27" s="596"/>
      <c r="BS27" s="596"/>
      <c r="BT27" s="596"/>
      <c r="BU27" s="596"/>
      <c r="BV27" s="596"/>
      <c r="BW27" s="537" t="s">
        <v>118</v>
      </c>
      <c r="BX27" s="537"/>
      <c r="BY27" s="537"/>
      <c r="BZ27" s="537"/>
      <c r="CA27" s="537"/>
      <c r="CB27" s="537"/>
      <c r="CC27" s="537"/>
      <c r="CD27" s="537"/>
      <c r="CE27" s="594"/>
    </row>
    <row r="28" spans="1:83" ht="13.5" customHeight="1" x14ac:dyDescent="0.2">
      <c r="A28" s="107"/>
      <c r="B28" s="497"/>
      <c r="C28" s="497"/>
      <c r="D28" s="497"/>
      <c r="E28" s="497"/>
      <c r="F28" s="497"/>
      <c r="G28" s="108"/>
      <c r="H28" s="110"/>
      <c r="I28" s="470" t="s">
        <v>119</v>
      </c>
      <c r="J28" s="470"/>
      <c r="K28" s="470"/>
      <c r="L28" s="470"/>
      <c r="M28" s="109"/>
      <c r="N28" s="531"/>
      <c r="O28" s="532"/>
      <c r="P28" s="532"/>
      <c r="Q28" s="532"/>
      <c r="R28" s="532"/>
      <c r="S28" s="532"/>
      <c r="T28" s="532"/>
      <c r="U28" s="532"/>
      <c r="V28" s="532"/>
      <c r="W28" s="532"/>
      <c r="X28" s="532"/>
      <c r="Y28" s="532"/>
      <c r="Z28" s="532"/>
      <c r="AA28" s="532"/>
      <c r="AB28" s="533"/>
      <c r="AC28" s="531"/>
      <c r="AD28" s="532"/>
      <c r="AE28" s="532"/>
      <c r="AF28" s="532"/>
      <c r="AG28" s="532"/>
      <c r="AH28" s="532"/>
      <c r="AI28" s="532"/>
      <c r="AJ28" s="532"/>
      <c r="AK28" s="532"/>
      <c r="AL28" s="532"/>
      <c r="AM28" s="532"/>
      <c r="AN28" s="532"/>
      <c r="AO28" s="533"/>
      <c r="AP28" s="115"/>
      <c r="AQ28" s="107"/>
      <c r="AR28" s="540"/>
      <c r="AS28" s="540"/>
      <c r="AT28" s="540"/>
      <c r="AU28" s="540"/>
      <c r="AV28" s="540"/>
      <c r="AW28" s="108"/>
      <c r="AX28" s="100"/>
      <c r="AY28" s="540"/>
      <c r="AZ28" s="540"/>
      <c r="BA28" s="540"/>
      <c r="BB28" s="540"/>
      <c r="BC28" s="108"/>
      <c r="BD28" s="538"/>
      <c r="BE28" s="538"/>
      <c r="BF28" s="538"/>
      <c r="BG28" s="538"/>
      <c r="BH28" s="538"/>
      <c r="BI28" s="538"/>
      <c r="BJ28" s="538"/>
      <c r="BK28" s="538"/>
      <c r="BL28" s="538"/>
      <c r="BM28" s="538"/>
      <c r="BN28" s="596"/>
      <c r="BO28" s="596"/>
      <c r="BP28" s="596"/>
      <c r="BQ28" s="596"/>
      <c r="BR28" s="596"/>
      <c r="BS28" s="596"/>
      <c r="BT28" s="596"/>
      <c r="BU28" s="596"/>
      <c r="BV28" s="596"/>
      <c r="BW28" s="538"/>
      <c r="BX28" s="538"/>
      <c r="BY28" s="538"/>
      <c r="BZ28" s="538"/>
      <c r="CA28" s="538"/>
      <c r="CB28" s="538"/>
      <c r="CC28" s="538"/>
      <c r="CD28" s="538"/>
      <c r="CE28" s="595"/>
    </row>
    <row r="29" spans="1:83" ht="13.5" customHeight="1" x14ac:dyDescent="0.2">
      <c r="A29" s="107"/>
      <c r="B29" s="497"/>
      <c r="C29" s="497"/>
      <c r="D29" s="497"/>
      <c r="E29" s="497"/>
      <c r="F29" s="497"/>
      <c r="G29" s="108"/>
      <c r="H29" s="106"/>
      <c r="I29" s="472"/>
      <c r="J29" s="472"/>
      <c r="K29" s="472"/>
      <c r="L29" s="472"/>
      <c r="M29" s="111"/>
      <c r="N29" s="534"/>
      <c r="O29" s="535"/>
      <c r="P29" s="535"/>
      <c r="Q29" s="535"/>
      <c r="R29" s="535"/>
      <c r="S29" s="535"/>
      <c r="T29" s="535"/>
      <c r="U29" s="535"/>
      <c r="V29" s="535"/>
      <c r="W29" s="535"/>
      <c r="X29" s="535"/>
      <c r="Y29" s="535"/>
      <c r="Z29" s="535"/>
      <c r="AA29" s="535"/>
      <c r="AB29" s="536"/>
      <c r="AC29" s="534"/>
      <c r="AD29" s="535"/>
      <c r="AE29" s="535"/>
      <c r="AF29" s="535"/>
      <c r="AG29" s="535"/>
      <c r="AH29" s="535"/>
      <c r="AI29" s="535"/>
      <c r="AJ29" s="535"/>
      <c r="AK29" s="535"/>
      <c r="AL29" s="535"/>
      <c r="AM29" s="535"/>
      <c r="AN29" s="535"/>
      <c r="AO29" s="536"/>
      <c r="AP29" s="118"/>
      <c r="AQ29" s="107"/>
      <c r="AR29" s="540"/>
      <c r="AS29" s="540"/>
      <c r="AT29" s="540"/>
      <c r="AU29" s="540"/>
      <c r="AV29" s="540"/>
      <c r="AW29" s="108"/>
      <c r="AX29" s="542" t="s">
        <v>221</v>
      </c>
      <c r="AY29" s="543"/>
      <c r="AZ29" s="543"/>
      <c r="BA29" s="543"/>
      <c r="BB29" s="543"/>
      <c r="BC29" s="544"/>
      <c r="BD29" s="499" t="s">
        <v>120</v>
      </c>
      <c r="BE29" s="500"/>
      <c r="BF29" s="500"/>
      <c r="BG29" s="500"/>
      <c r="BH29" s="500"/>
      <c r="BI29" s="500"/>
      <c r="BJ29" s="500"/>
      <c r="BK29" s="499" t="s">
        <v>111</v>
      </c>
      <c r="BL29" s="500"/>
      <c r="BM29" s="500"/>
      <c r="BN29" s="500"/>
      <c r="BO29" s="500"/>
      <c r="BP29" s="500"/>
      <c r="BQ29" s="500"/>
      <c r="BR29" s="501"/>
      <c r="BS29" s="499" t="s">
        <v>112</v>
      </c>
      <c r="BT29" s="500"/>
      <c r="BU29" s="500"/>
      <c r="BV29" s="500"/>
      <c r="BW29" s="500"/>
      <c r="BX29" s="500"/>
      <c r="BY29" s="501"/>
      <c r="BZ29" s="499" t="s">
        <v>113</v>
      </c>
      <c r="CA29" s="500"/>
      <c r="CB29" s="500"/>
      <c r="CC29" s="500"/>
      <c r="CD29" s="500"/>
      <c r="CE29" s="501"/>
    </row>
    <row r="30" spans="1:83" ht="13.5" customHeight="1" x14ac:dyDescent="0.2">
      <c r="A30" s="107"/>
      <c r="B30" s="497"/>
      <c r="C30" s="497"/>
      <c r="D30" s="497"/>
      <c r="E30" s="497"/>
      <c r="F30" s="497"/>
      <c r="G30" s="108"/>
      <c r="H30" s="107"/>
      <c r="I30" s="470" t="s">
        <v>121</v>
      </c>
      <c r="J30" s="470"/>
      <c r="K30" s="470"/>
      <c r="L30" s="470"/>
      <c r="M30" s="108"/>
      <c r="N30" s="531"/>
      <c r="O30" s="532"/>
      <c r="P30" s="532"/>
      <c r="Q30" s="532"/>
      <c r="R30" s="532"/>
      <c r="S30" s="532"/>
      <c r="T30" s="532"/>
      <c r="U30" s="532"/>
      <c r="V30" s="532"/>
      <c r="W30" s="532"/>
      <c r="X30" s="532"/>
      <c r="Y30" s="532"/>
      <c r="Z30" s="532"/>
      <c r="AA30" s="532"/>
      <c r="AB30" s="533"/>
      <c r="AC30" s="531"/>
      <c r="AD30" s="532"/>
      <c r="AE30" s="532"/>
      <c r="AF30" s="532"/>
      <c r="AG30" s="532"/>
      <c r="AH30" s="532"/>
      <c r="AI30" s="532"/>
      <c r="AJ30" s="532"/>
      <c r="AK30" s="532"/>
      <c r="AL30" s="532"/>
      <c r="AM30" s="532"/>
      <c r="AN30" s="532"/>
      <c r="AO30" s="533"/>
      <c r="AP30" s="118"/>
      <c r="AQ30" s="107"/>
      <c r="AR30" s="540"/>
      <c r="AS30" s="540"/>
      <c r="AT30" s="540"/>
      <c r="AU30" s="540"/>
      <c r="AV30" s="540"/>
      <c r="AW30" s="108"/>
      <c r="AX30" s="545"/>
      <c r="AY30" s="546"/>
      <c r="AZ30" s="546"/>
      <c r="BA30" s="546"/>
      <c r="BB30" s="546"/>
      <c r="BC30" s="547"/>
      <c r="BD30" s="502"/>
      <c r="BE30" s="503"/>
      <c r="BF30" s="503"/>
      <c r="BG30" s="503"/>
      <c r="BH30" s="503"/>
      <c r="BI30" s="503"/>
      <c r="BJ30" s="503"/>
      <c r="BK30" s="502"/>
      <c r="BL30" s="503"/>
      <c r="BM30" s="503"/>
      <c r="BN30" s="503"/>
      <c r="BO30" s="503"/>
      <c r="BP30" s="503"/>
      <c r="BQ30" s="503"/>
      <c r="BR30" s="504"/>
      <c r="BS30" s="502"/>
      <c r="BT30" s="503"/>
      <c r="BU30" s="503"/>
      <c r="BV30" s="503"/>
      <c r="BW30" s="503"/>
      <c r="BX30" s="503"/>
      <c r="BY30" s="504"/>
      <c r="BZ30" s="502"/>
      <c r="CA30" s="503"/>
      <c r="CB30" s="503"/>
      <c r="CC30" s="503"/>
      <c r="CD30" s="503"/>
      <c r="CE30" s="504"/>
    </row>
    <row r="31" spans="1:83" ht="13.5" customHeight="1" x14ac:dyDescent="0.2">
      <c r="A31" s="106"/>
      <c r="B31" s="498"/>
      <c r="C31" s="498"/>
      <c r="D31" s="498"/>
      <c r="E31" s="498"/>
      <c r="F31" s="498"/>
      <c r="G31" s="111"/>
      <c r="H31" s="106"/>
      <c r="I31" s="472"/>
      <c r="J31" s="472"/>
      <c r="K31" s="472"/>
      <c r="L31" s="472"/>
      <c r="M31" s="111"/>
      <c r="N31" s="534"/>
      <c r="O31" s="535"/>
      <c r="P31" s="535"/>
      <c r="Q31" s="535"/>
      <c r="R31" s="535"/>
      <c r="S31" s="535"/>
      <c r="T31" s="535"/>
      <c r="U31" s="535"/>
      <c r="V31" s="535"/>
      <c r="W31" s="535"/>
      <c r="X31" s="535"/>
      <c r="Y31" s="535"/>
      <c r="Z31" s="535"/>
      <c r="AA31" s="535"/>
      <c r="AB31" s="536"/>
      <c r="AC31" s="534"/>
      <c r="AD31" s="535"/>
      <c r="AE31" s="535"/>
      <c r="AF31" s="535"/>
      <c r="AG31" s="535"/>
      <c r="AH31" s="535"/>
      <c r="AI31" s="535"/>
      <c r="AJ31" s="535"/>
      <c r="AK31" s="535"/>
      <c r="AL31" s="535"/>
      <c r="AM31" s="535"/>
      <c r="AN31" s="535"/>
      <c r="AO31" s="536"/>
      <c r="AP31" s="118"/>
      <c r="AQ31" s="107"/>
      <c r="AR31" s="540"/>
      <c r="AS31" s="540"/>
      <c r="AT31" s="540"/>
      <c r="AU31" s="540"/>
      <c r="AV31" s="540"/>
      <c r="AW31" s="108"/>
      <c r="AX31" s="545"/>
      <c r="AY31" s="546"/>
      <c r="AZ31" s="546"/>
      <c r="BA31" s="546"/>
      <c r="BB31" s="546"/>
      <c r="BC31" s="547"/>
      <c r="BD31" s="499"/>
      <c r="BE31" s="500"/>
      <c r="BF31" s="500"/>
      <c r="BG31" s="500"/>
      <c r="BH31" s="500"/>
      <c r="BI31" s="500"/>
      <c r="BJ31" s="500"/>
      <c r="BK31" s="499"/>
      <c r="BL31" s="500"/>
      <c r="BM31" s="500"/>
      <c r="BN31" s="500"/>
      <c r="BO31" s="500"/>
      <c r="BP31" s="500"/>
      <c r="BQ31" s="500"/>
      <c r="BR31" s="501"/>
      <c r="BS31" s="499"/>
      <c r="BT31" s="500"/>
      <c r="BU31" s="500"/>
      <c r="BV31" s="500"/>
      <c r="BW31" s="500"/>
      <c r="BX31" s="500"/>
      <c r="BY31" s="501"/>
      <c r="BZ31" s="499"/>
      <c r="CA31" s="500"/>
      <c r="CB31" s="500"/>
      <c r="CC31" s="500"/>
      <c r="CD31" s="500"/>
      <c r="CE31" s="501"/>
    </row>
    <row r="32" spans="1:83" ht="13.5" customHeight="1" x14ac:dyDescent="0.2">
      <c r="A32" s="100"/>
      <c r="B32" s="100"/>
      <c r="C32" s="100"/>
      <c r="D32" s="100"/>
      <c r="E32" s="100"/>
      <c r="F32" s="100"/>
      <c r="G32" s="100"/>
      <c r="H32" s="100"/>
      <c r="I32" s="100"/>
      <c r="J32" s="100"/>
      <c r="K32" s="100"/>
      <c r="L32" s="100"/>
      <c r="M32" s="100"/>
      <c r="N32" s="100"/>
      <c r="O32" s="100"/>
      <c r="P32" s="100"/>
      <c r="Q32" s="100"/>
      <c r="R32" s="100"/>
      <c r="S32" s="100"/>
      <c r="T32" s="100"/>
      <c r="U32" s="100"/>
      <c r="V32" s="100"/>
      <c r="W32" s="100"/>
      <c r="X32" s="100"/>
      <c r="Y32" s="100"/>
      <c r="Z32" s="100"/>
      <c r="AA32" s="100"/>
      <c r="AB32" s="100"/>
      <c r="AC32" s="100"/>
      <c r="AD32" s="100"/>
      <c r="AE32" s="100"/>
      <c r="AF32" s="100"/>
      <c r="AG32" s="100"/>
      <c r="AH32" s="100"/>
      <c r="AI32" s="100"/>
      <c r="AJ32" s="100"/>
      <c r="AK32" s="100"/>
      <c r="AL32" s="100"/>
      <c r="AM32" s="100"/>
      <c r="AN32" s="100"/>
      <c r="AO32" s="100"/>
      <c r="AP32" s="118"/>
      <c r="AQ32" s="106"/>
      <c r="AR32" s="541"/>
      <c r="AS32" s="541"/>
      <c r="AT32" s="541"/>
      <c r="AU32" s="541"/>
      <c r="AV32" s="541"/>
      <c r="AW32" s="111"/>
      <c r="AX32" s="548"/>
      <c r="AY32" s="549"/>
      <c r="AZ32" s="549"/>
      <c r="BA32" s="549"/>
      <c r="BB32" s="549"/>
      <c r="BC32" s="550"/>
      <c r="BD32" s="502"/>
      <c r="BE32" s="503"/>
      <c r="BF32" s="503"/>
      <c r="BG32" s="503"/>
      <c r="BH32" s="503"/>
      <c r="BI32" s="503"/>
      <c r="BJ32" s="503"/>
      <c r="BK32" s="502"/>
      <c r="BL32" s="503"/>
      <c r="BM32" s="503"/>
      <c r="BN32" s="503"/>
      <c r="BO32" s="503"/>
      <c r="BP32" s="503"/>
      <c r="BQ32" s="503"/>
      <c r="BR32" s="504"/>
      <c r="BS32" s="502"/>
      <c r="BT32" s="503"/>
      <c r="BU32" s="503"/>
      <c r="BV32" s="503"/>
      <c r="BW32" s="503"/>
      <c r="BX32" s="503"/>
      <c r="BY32" s="504"/>
      <c r="BZ32" s="502"/>
      <c r="CA32" s="503"/>
      <c r="CB32" s="503"/>
      <c r="CC32" s="503"/>
      <c r="CD32" s="503"/>
      <c r="CE32" s="504"/>
    </row>
    <row r="33" spans="1:83" ht="13.5" customHeight="1" x14ac:dyDescent="0.2">
      <c r="A33" s="110"/>
      <c r="B33" s="539" t="s">
        <v>109</v>
      </c>
      <c r="C33" s="539"/>
      <c r="D33" s="539"/>
      <c r="E33" s="539"/>
      <c r="F33" s="539"/>
      <c r="G33" s="109"/>
      <c r="H33" s="117" t="s">
        <v>222</v>
      </c>
      <c r="I33" s="539" t="s">
        <v>110</v>
      </c>
      <c r="J33" s="539"/>
      <c r="K33" s="539"/>
      <c r="L33" s="539"/>
      <c r="M33" s="116"/>
      <c r="N33" s="539" t="s">
        <v>111</v>
      </c>
      <c r="O33" s="539"/>
      <c r="P33" s="539"/>
      <c r="Q33" s="539"/>
      <c r="R33" s="539"/>
      <c r="S33" s="539"/>
      <c r="T33" s="539"/>
      <c r="U33" s="539"/>
      <c r="V33" s="539"/>
      <c r="W33" s="539"/>
      <c r="X33" s="605" t="s">
        <v>112</v>
      </c>
      <c r="Y33" s="605"/>
      <c r="Z33" s="605"/>
      <c r="AA33" s="605"/>
      <c r="AB33" s="605"/>
      <c r="AC33" s="605"/>
      <c r="AD33" s="605"/>
      <c r="AE33" s="605"/>
      <c r="AF33" s="605"/>
      <c r="AG33" s="539" t="s">
        <v>113</v>
      </c>
      <c r="AH33" s="539"/>
      <c r="AI33" s="539"/>
      <c r="AJ33" s="539"/>
      <c r="AK33" s="539"/>
      <c r="AL33" s="539"/>
      <c r="AM33" s="539"/>
      <c r="AN33" s="539"/>
      <c r="AO33" s="564"/>
      <c r="AP33" s="100"/>
      <c r="AQ33" s="100"/>
      <c r="AR33" s="100"/>
      <c r="AS33" s="100"/>
      <c r="AT33" s="100"/>
      <c r="AU33" s="100"/>
      <c r="AV33" s="100"/>
      <c r="AW33" s="100"/>
      <c r="AX33" s="100"/>
      <c r="AY33" s="100"/>
      <c r="AZ33" s="100"/>
      <c r="BA33" s="100"/>
      <c r="BB33" s="100"/>
      <c r="BC33" s="100"/>
      <c r="BD33" s="100"/>
      <c r="BE33" s="100"/>
      <c r="BF33" s="100"/>
      <c r="BG33" s="100"/>
      <c r="BH33" s="100"/>
      <c r="BI33" s="100"/>
      <c r="BJ33" s="100"/>
      <c r="BK33" s="100"/>
      <c r="BL33" s="100"/>
      <c r="BM33" s="100"/>
      <c r="BN33" s="100"/>
      <c r="BO33" s="100"/>
      <c r="BP33" s="100"/>
      <c r="BQ33" s="100"/>
      <c r="BR33" s="100"/>
      <c r="BS33" s="100"/>
      <c r="BT33" s="100"/>
      <c r="BU33" s="100"/>
      <c r="BV33" s="100"/>
      <c r="BW33" s="100"/>
      <c r="BX33" s="100"/>
      <c r="BY33" s="100"/>
      <c r="BZ33" s="100"/>
      <c r="CA33" s="100"/>
      <c r="CB33" s="100"/>
      <c r="CC33" s="100"/>
      <c r="CD33" s="100"/>
      <c r="CE33" s="100"/>
    </row>
    <row r="34" spans="1:83" ht="13.5" customHeight="1" x14ac:dyDescent="0.2">
      <c r="A34" s="107"/>
      <c r="B34" s="540"/>
      <c r="C34" s="540"/>
      <c r="D34" s="540"/>
      <c r="E34" s="540"/>
      <c r="F34" s="540"/>
      <c r="G34" s="108"/>
      <c r="H34" s="115"/>
      <c r="I34" s="540"/>
      <c r="J34" s="540"/>
      <c r="K34" s="540"/>
      <c r="L34" s="540"/>
      <c r="M34" s="114"/>
      <c r="N34" s="541"/>
      <c r="O34" s="541"/>
      <c r="P34" s="541"/>
      <c r="Q34" s="541"/>
      <c r="R34" s="541"/>
      <c r="S34" s="541"/>
      <c r="T34" s="541"/>
      <c r="U34" s="541"/>
      <c r="V34" s="541"/>
      <c r="W34" s="541"/>
      <c r="X34" s="605"/>
      <c r="Y34" s="605"/>
      <c r="Z34" s="605"/>
      <c r="AA34" s="605"/>
      <c r="AB34" s="605"/>
      <c r="AC34" s="605"/>
      <c r="AD34" s="605"/>
      <c r="AE34" s="605"/>
      <c r="AF34" s="605"/>
      <c r="AG34" s="541"/>
      <c r="AH34" s="541"/>
      <c r="AI34" s="541"/>
      <c r="AJ34" s="541"/>
      <c r="AK34" s="541"/>
      <c r="AL34" s="541"/>
      <c r="AM34" s="541"/>
      <c r="AN34" s="541"/>
      <c r="AO34" s="568"/>
      <c r="AP34" s="100"/>
      <c r="AQ34" s="579" t="s">
        <v>122</v>
      </c>
      <c r="AR34" s="580"/>
      <c r="AS34" s="580"/>
      <c r="AT34" s="580"/>
      <c r="AU34" s="580"/>
      <c r="AV34" s="580"/>
      <c r="AW34" s="580"/>
      <c r="AX34" s="580"/>
      <c r="AY34" s="581"/>
      <c r="AZ34" s="499"/>
      <c r="BA34" s="500"/>
      <c r="BB34" s="500"/>
      <c r="BC34" s="500"/>
      <c r="BD34" s="500"/>
      <c r="BE34" s="500"/>
      <c r="BF34" s="500"/>
      <c r="BG34" s="500"/>
      <c r="BH34" s="500"/>
      <c r="BI34" s="500"/>
      <c r="BJ34" s="501"/>
      <c r="BK34" s="100"/>
      <c r="BL34" s="579" t="s">
        <v>123</v>
      </c>
      <c r="BM34" s="580"/>
      <c r="BN34" s="580"/>
      <c r="BO34" s="580"/>
      <c r="BP34" s="580"/>
      <c r="BQ34" s="580"/>
      <c r="BR34" s="580"/>
      <c r="BS34" s="580"/>
      <c r="BT34" s="581"/>
      <c r="BU34" s="499"/>
      <c r="BV34" s="500"/>
      <c r="BW34" s="500"/>
      <c r="BX34" s="500"/>
      <c r="BY34" s="500"/>
      <c r="BZ34" s="500"/>
      <c r="CA34" s="500"/>
      <c r="CB34" s="500"/>
      <c r="CC34" s="500"/>
      <c r="CD34" s="500"/>
      <c r="CE34" s="501"/>
    </row>
    <row r="35" spans="1:83" ht="13.5" customHeight="1" x14ac:dyDescent="0.2">
      <c r="A35" s="107"/>
      <c r="B35" s="540"/>
      <c r="C35" s="540"/>
      <c r="D35" s="540"/>
      <c r="E35" s="540"/>
      <c r="F35" s="540"/>
      <c r="G35" s="108"/>
      <c r="H35" s="100"/>
      <c r="I35" s="540"/>
      <c r="J35" s="540"/>
      <c r="K35" s="540"/>
      <c r="L35" s="540"/>
      <c r="M35" s="108"/>
      <c r="N35" s="537" t="s">
        <v>118</v>
      </c>
      <c r="O35" s="537"/>
      <c r="P35" s="537"/>
      <c r="Q35" s="537"/>
      <c r="R35" s="537"/>
      <c r="S35" s="537"/>
      <c r="T35" s="537"/>
      <c r="U35" s="537"/>
      <c r="V35" s="537"/>
      <c r="W35" s="537"/>
      <c r="X35" s="596" t="s">
        <v>118</v>
      </c>
      <c r="Y35" s="596"/>
      <c r="Z35" s="596"/>
      <c r="AA35" s="596"/>
      <c r="AB35" s="596"/>
      <c r="AC35" s="596"/>
      <c r="AD35" s="596"/>
      <c r="AE35" s="596"/>
      <c r="AF35" s="596"/>
      <c r="AG35" s="537" t="s">
        <v>118</v>
      </c>
      <c r="AH35" s="537"/>
      <c r="AI35" s="537"/>
      <c r="AJ35" s="537"/>
      <c r="AK35" s="537"/>
      <c r="AL35" s="537"/>
      <c r="AM35" s="537"/>
      <c r="AN35" s="537"/>
      <c r="AO35" s="594"/>
      <c r="AP35" s="100"/>
      <c r="AQ35" s="582"/>
      <c r="AR35" s="583"/>
      <c r="AS35" s="583"/>
      <c r="AT35" s="583"/>
      <c r="AU35" s="583"/>
      <c r="AV35" s="583"/>
      <c r="AW35" s="583"/>
      <c r="AX35" s="583"/>
      <c r="AY35" s="584"/>
      <c r="AZ35" s="561"/>
      <c r="BA35" s="562"/>
      <c r="BB35" s="562"/>
      <c r="BC35" s="562"/>
      <c r="BD35" s="562"/>
      <c r="BE35" s="562"/>
      <c r="BF35" s="562"/>
      <c r="BG35" s="562"/>
      <c r="BH35" s="562"/>
      <c r="BI35" s="562"/>
      <c r="BJ35" s="563"/>
      <c r="BK35" s="100"/>
      <c r="BL35" s="582"/>
      <c r="BM35" s="583"/>
      <c r="BN35" s="583"/>
      <c r="BO35" s="583"/>
      <c r="BP35" s="583"/>
      <c r="BQ35" s="583"/>
      <c r="BR35" s="583"/>
      <c r="BS35" s="583"/>
      <c r="BT35" s="584"/>
      <c r="BU35" s="561"/>
      <c r="BV35" s="562"/>
      <c r="BW35" s="562"/>
      <c r="BX35" s="562"/>
      <c r="BY35" s="562"/>
      <c r="BZ35" s="562"/>
      <c r="CA35" s="562"/>
      <c r="CB35" s="562"/>
      <c r="CC35" s="562"/>
      <c r="CD35" s="562"/>
      <c r="CE35" s="563"/>
    </row>
    <row r="36" spans="1:83" ht="13.5" customHeight="1" x14ac:dyDescent="0.2">
      <c r="A36" s="107"/>
      <c r="B36" s="540"/>
      <c r="C36" s="540"/>
      <c r="D36" s="540"/>
      <c r="E36" s="540"/>
      <c r="F36" s="540"/>
      <c r="G36" s="108"/>
      <c r="H36" s="100"/>
      <c r="I36" s="540"/>
      <c r="J36" s="540"/>
      <c r="K36" s="540"/>
      <c r="L36" s="540"/>
      <c r="M36" s="108"/>
      <c r="N36" s="538"/>
      <c r="O36" s="538"/>
      <c r="P36" s="538"/>
      <c r="Q36" s="538"/>
      <c r="R36" s="538"/>
      <c r="S36" s="538"/>
      <c r="T36" s="538"/>
      <c r="U36" s="538"/>
      <c r="V36" s="538"/>
      <c r="W36" s="538"/>
      <c r="X36" s="596"/>
      <c r="Y36" s="596"/>
      <c r="Z36" s="596"/>
      <c r="AA36" s="596"/>
      <c r="AB36" s="596"/>
      <c r="AC36" s="596"/>
      <c r="AD36" s="596"/>
      <c r="AE36" s="596"/>
      <c r="AF36" s="596"/>
      <c r="AG36" s="538"/>
      <c r="AH36" s="538"/>
      <c r="AI36" s="538"/>
      <c r="AJ36" s="538"/>
      <c r="AK36" s="538"/>
      <c r="AL36" s="538"/>
      <c r="AM36" s="538"/>
      <c r="AN36" s="538"/>
      <c r="AO36" s="595"/>
      <c r="AP36" s="100"/>
      <c r="AQ36" s="107"/>
      <c r="AR36" s="100"/>
      <c r="AS36" s="597" t="s">
        <v>124</v>
      </c>
      <c r="AT36" s="598"/>
      <c r="AU36" s="598"/>
      <c r="AV36" s="598"/>
      <c r="AW36" s="598"/>
      <c r="AX36" s="598"/>
      <c r="AY36" s="603"/>
      <c r="AZ36" s="499"/>
      <c r="BA36" s="500"/>
      <c r="BB36" s="500"/>
      <c r="BC36" s="500"/>
      <c r="BD36" s="500"/>
      <c r="BE36" s="500"/>
      <c r="BF36" s="500"/>
      <c r="BG36" s="500"/>
      <c r="BH36" s="500"/>
      <c r="BI36" s="500"/>
      <c r="BJ36" s="501"/>
      <c r="BK36" s="100"/>
      <c r="BL36" s="579" t="s">
        <v>125</v>
      </c>
      <c r="BM36" s="580"/>
      <c r="BN36" s="580"/>
      <c r="BO36" s="580"/>
      <c r="BP36" s="580"/>
      <c r="BQ36" s="580"/>
      <c r="BR36" s="580"/>
      <c r="BS36" s="580"/>
      <c r="BT36" s="581"/>
      <c r="BU36" s="499"/>
      <c r="BV36" s="500"/>
      <c r="BW36" s="500"/>
      <c r="BX36" s="500"/>
      <c r="BY36" s="500"/>
      <c r="BZ36" s="500"/>
      <c r="CA36" s="500"/>
      <c r="CB36" s="500"/>
      <c r="CC36" s="500"/>
      <c r="CD36" s="500"/>
      <c r="CE36" s="501"/>
    </row>
    <row r="37" spans="1:83" ht="13.5" customHeight="1" x14ac:dyDescent="0.2">
      <c r="A37" s="107"/>
      <c r="B37" s="540"/>
      <c r="C37" s="540"/>
      <c r="D37" s="540"/>
      <c r="E37" s="540"/>
      <c r="F37" s="540"/>
      <c r="G37" s="108"/>
      <c r="H37" s="542" t="s">
        <v>221</v>
      </c>
      <c r="I37" s="543"/>
      <c r="J37" s="543"/>
      <c r="K37" s="543"/>
      <c r="L37" s="543"/>
      <c r="M37" s="544"/>
      <c r="N37" s="500" t="s">
        <v>115</v>
      </c>
      <c r="O37" s="500"/>
      <c r="P37" s="500"/>
      <c r="Q37" s="501"/>
      <c r="R37" s="499" t="s">
        <v>120</v>
      </c>
      <c r="S37" s="500"/>
      <c r="T37" s="500"/>
      <c r="U37" s="500"/>
      <c r="V37" s="500"/>
      <c r="W37" s="500"/>
      <c r="X37" s="501"/>
      <c r="Y37" s="499" t="s">
        <v>111</v>
      </c>
      <c r="Z37" s="500"/>
      <c r="AA37" s="500"/>
      <c r="AB37" s="500"/>
      <c r="AC37" s="500"/>
      <c r="AD37" s="500"/>
      <c r="AE37" s="499" t="s">
        <v>112</v>
      </c>
      <c r="AF37" s="500"/>
      <c r="AG37" s="500"/>
      <c r="AH37" s="500"/>
      <c r="AI37" s="500"/>
      <c r="AJ37" s="501"/>
      <c r="AK37" s="500" t="s">
        <v>113</v>
      </c>
      <c r="AL37" s="500"/>
      <c r="AM37" s="500"/>
      <c r="AN37" s="500"/>
      <c r="AO37" s="501"/>
      <c r="AP37" s="100"/>
      <c r="AQ37" s="107"/>
      <c r="AR37" s="100"/>
      <c r="AS37" s="599"/>
      <c r="AT37" s="600"/>
      <c r="AU37" s="600"/>
      <c r="AV37" s="600"/>
      <c r="AW37" s="600"/>
      <c r="AX37" s="600"/>
      <c r="AY37" s="604"/>
      <c r="AZ37" s="561"/>
      <c r="BA37" s="562"/>
      <c r="BB37" s="562"/>
      <c r="BC37" s="562"/>
      <c r="BD37" s="562"/>
      <c r="BE37" s="562"/>
      <c r="BF37" s="562"/>
      <c r="BG37" s="562"/>
      <c r="BH37" s="562"/>
      <c r="BI37" s="562"/>
      <c r="BJ37" s="563"/>
      <c r="BK37" s="100"/>
      <c r="BL37" s="582"/>
      <c r="BM37" s="583"/>
      <c r="BN37" s="583"/>
      <c r="BO37" s="583"/>
      <c r="BP37" s="583"/>
      <c r="BQ37" s="583"/>
      <c r="BR37" s="583"/>
      <c r="BS37" s="583"/>
      <c r="BT37" s="584"/>
      <c r="BU37" s="561"/>
      <c r="BV37" s="562"/>
      <c r="BW37" s="562"/>
      <c r="BX37" s="562"/>
      <c r="BY37" s="562"/>
      <c r="BZ37" s="562"/>
      <c r="CA37" s="562"/>
      <c r="CB37" s="562"/>
      <c r="CC37" s="562"/>
      <c r="CD37" s="562"/>
      <c r="CE37" s="563"/>
    </row>
    <row r="38" spans="1:83" ht="13.5" customHeight="1" x14ac:dyDescent="0.2">
      <c r="A38" s="107"/>
      <c r="B38" s="540"/>
      <c r="C38" s="540"/>
      <c r="D38" s="540"/>
      <c r="E38" s="540"/>
      <c r="F38" s="540"/>
      <c r="G38" s="108"/>
      <c r="H38" s="545"/>
      <c r="I38" s="546"/>
      <c r="J38" s="546"/>
      <c r="K38" s="546"/>
      <c r="L38" s="546"/>
      <c r="M38" s="547"/>
      <c r="N38" s="503"/>
      <c r="O38" s="503"/>
      <c r="P38" s="503"/>
      <c r="Q38" s="504"/>
      <c r="R38" s="502"/>
      <c r="S38" s="503"/>
      <c r="T38" s="503"/>
      <c r="U38" s="503"/>
      <c r="V38" s="503"/>
      <c r="W38" s="503"/>
      <c r="X38" s="504"/>
      <c r="Y38" s="502"/>
      <c r="Z38" s="503"/>
      <c r="AA38" s="503"/>
      <c r="AB38" s="503"/>
      <c r="AC38" s="503"/>
      <c r="AD38" s="503"/>
      <c r="AE38" s="502"/>
      <c r="AF38" s="503"/>
      <c r="AG38" s="503"/>
      <c r="AH38" s="503"/>
      <c r="AI38" s="503"/>
      <c r="AJ38" s="504"/>
      <c r="AK38" s="503"/>
      <c r="AL38" s="503"/>
      <c r="AM38" s="503"/>
      <c r="AN38" s="503"/>
      <c r="AO38" s="504"/>
      <c r="AP38" s="100"/>
      <c r="AQ38" s="579" t="s">
        <v>126</v>
      </c>
      <c r="AR38" s="580"/>
      <c r="AS38" s="580"/>
      <c r="AT38" s="580"/>
      <c r="AU38" s="580"/>
      <c r="AV38" s="580"/>
      <c r="AW38" s="580"/>
      <c r="AX38" s="580"/>
      <c r="AY38" s="581"/>
      <c r="AZ38" s="585" t="s">
        <v>127</v>
      </c>
      <c r="BA38" s="586"/>
      <c r="BB38" s="586"/>
      <c r="BC38" s="586"/>
      <c r="BD38" s="586"/>
      <c r="BE38" s="586"/>
      <c r="BF38" s="586"/>
      <c r="BG38" s="586"/>
      <c r="BH38" s="586"/>
      <c r="BI38" s="586"/>
      <c r="BJ38" s="587"/>
      <c r="BK38" s="100"/>
      <c r="BL38" s="579" t="s">
        <v>128</v>
      </c>
      <c r="BM38" s="580"/>
      <c r="BN38" s="580"/>
      <c r="BO38" s="580"/>
      <c r="BP38" s="580"/>
      <c r="BQ38" s="580"/>
      <c r="BR38" s="580"/>
      <c r="BS38" s="580"/>
      <c r="BT38" s="581"/>
      <c r="BU38" s="499"/>
      <c r="BV38" s="500"/>
      <c r="BW38" s="500"/>
      <c r="BX38" s="500"/>
      <c r="BY38" s="500"/>
      <c r="BZ38" s="500"/>
      <c r="CA38" s="500"/>
      <c r="CB38" s="500"/>
      <c r="CC38" s="500"/>
      <c r="CD38" s="500"/>
      <c r="CE38" s="501"/>
    </row>
    <row r="39" spans="1:83" ht="13.5" customHeight="1" x14ac:dyDescent="0.2">
      <c r="A39" s="107"/>
      <c r="B39" s="540"/>
      <c r="C39" s="540"/>
      <c r="D39" s="540"/>
      <c r="E39" s="540"/>
      <c r="F39" s="540"/>
      <c r="G39" s="108"/>
      <c r="H39" s="545"/>
      <c r="I39" s="546"/>
      <c r="J39" s="546"/>
      <c r="K39" s="546"/>
      <c r="L39" s="546"/>
      <c r="M39" s="547"/>
      <c r="N39" s="527" t="s">
        <v>119</v>
      </c>
      <c r="O39" s="527"/>
      <c r="P39" s="527"/>
      <c r="Q39" s="528"/>
      <c r="R39" s="499"/>
      <c r="S39" s="500"/>
      <c r="T39" s="500"/>
      <c r="U39" s="500"/>
      <c r="V39" s="500"/>
      <c r="W39" s="500"/>
      <c r="X39" s="501"/>
      <c r="Y39" s="499"/>
      <c r="Z39" s="500"/>
      <c r="AA39" s="500"/>
      <c r="AB39" s="500"/>
      <c r="AC39" s="500"/>
      <c r="AD39" s="500"/>
      <c r="AE39" s="499"/>
      <c r="AF39" s="500"/>
      <c r="AG39" s="500"/>
      <c r="AH39" s="500"/>
      <c r="AI39" s="500"/>
      <c r="AJ39" s="501"/>
      <c r="AK39" s="500"/>
      <c r="AL39" s="500"/>
      <c r="AM39" s="500"/>
      <c r="AN39" s="500"/>
      <c r="AO39" s="501"/>
      <c r="AP39" s="100"/>
      <c r="AQ39" s="582"/>
      <c r="AR39" s="583"/>
      <c r="AS39" s="583"/>
      <c r="AT39" s="583"/>
      <c r="AU39" s="583"/>
      <c r="AV39" s="583"/>
      <c r="AW39" s="583"/>
      <c r="AX39" s="583"/>
      <c r="AY39" s="584"/>
      <c r="AZ39" s="588"/>
      <c r="BA39" s="589"/>
      <c r="BB39" s="589"/>
      <c r="BC39" s="589"/>
      <c r="BD39" s="589"/>
      <c r="BE39" s="589"/>
      <c r="BF39" s="589"/>
      <c r="BG39" s="589"/>
      <c r="BH39" s="589"/>
      <c r="BI39" s="589"/>
      <c r="BJ39" s="590"/>
      <c r="BK39" s="100"/>
      <c r="BL39" s="582"/>
      <c r="BM39" s="583"/>
      <c r="BN39" s="583"/>
      <c r="BO39" s="583"/>
      <c r="BP39" s="583"/>
      <c r="BQ39" s="583"/>
      <c r="BR39" s="583"/>
      <c r="BS39" s="583"/>
      <c r="BT39" s="584"/>
      <c r="BU39" s="561"/>
      <c r="BV39" s="562"/>
      <c r="BW39" s="562"/>
      <c r="BX39" s="562"/>
      <c r="BY39" s="562"/>
      <c r="BZ39" s="562"/>
      <c r="CA39" s="562"/>
      <c r="CB39" s="562"/>
      <c r="CC39" s="562"/>
      <c r="CD39" s="562"/>
      <c r="CE39" s="563"/>
    </row>
    <row r="40" spans="1:83" ht="13.5" customHeight="1" x14ac:dyDescent="0.2">
      <c r="A40" s="107"/>
      <c r="B40" s="540"/>
      <c r="C40" s="540"/>
      <c r="D40" s="540"/>
      <c r="E40" s="540"/>
      <c r="F40" s="540"/>
      <c r="G40" s="108"/>
      <c r="H40" s="545"/>
      <c r="I40" s="546"/>
      <c r="J40" s="546"/>
      <c r="K40" s="546"/>
      <c r="L40" s="546"/>
      <c r="M40" s="547"/>
      <c r="N40" s="529"/>
      <c r="O40" s="529"/>
      <c r="P40" s="529"/>
      <c r="Q40" s="530"/>
      <c r="R40" s="502"/>
      <c r="S40" s="503"/>
      <c r="T40" s="503"/>
      <c r="U40" s="503"/>
      <c r="V40" s="503"/>
      <c r="W40" s="503"/>
      <c r="X40" s="504"/>
      <c r="Y40" s="502"/>
      <c r="Z40" s="503"/>
      <c r="AA40" s="503"/>
      <c r="AB40" s="503"/>
      <c r="AC40" s="503"/>
      <c r="AD40" s="503"/>
      <c r="AE40" s="502"/>
      <c r="AF40" s="503"/>
      <c r="AG40" s="503"/>
      <c r="AH40" s="503"/>
      <c r="AI40" s="503"/>
      <c r="AJ40" s="504"/>
      <c r="AK40" s="503"/>
      <c r="AL40" s="503"/>
      <c r="AM40" s="503"/>
      <c r="AN40" s="503"/>
      <c r="AO40" s="504"/>
      <c r="AP40" s="100"/>
      <c r="AQ40" s="107"/>
      <c r="AR40" s="100"/>
      <c r="AS40" s="579" t="s">
        <v>129</v>
      </c>
      <c r="AT40" s="580"/>
      <c r="AU40" s="580"/>
      <c r="AV40" s="580"/>
      <c r="AW40" s="580"/>
      <c r="AX40" s="580"/>
      <c r="AY40" s="581"/>
      <c r="AZ40" s="499"/>
      <c r="BA40" s="500"/>
      <c r="BB40" s="500"/>
      <c r="BC40" s="500"/>
      <c r="BD40" s="500"/>
      <c r="BE40" s="500"/>
      <c r="BF40" s="500"/>
      <c r="BG40" s="500"/>
      <c r="BH40" s="500"/>
      <c r="BI40" s="500"/>
      <c r="BJ40" s="501"/>
      <c r="BK40" s="100"/>
      <c r="BL40" s="579" t="s">
        <v>130</v>
      </c>
      <c r="BM40" s="580"/>
      <c r="BN40" s="580"/>
      <c r="BO40" s="580"/>
      <c r="BP40" s="580"/>
      <c r="BQ40" s="580"/>
      <c r="BR40" s="580"/>
      <c r="BS40" s="580"/>
      <c r="BT40" s="581"/>
      <c r="BU40" s="499"/>
      <c r="BV40" s="500"/>
      <c r="BW40" s="500"/>
      <c r="BX40" s="500"/>
      <c r="BY40" s="500"/>
      <c r="BZ40" s="500"/>
      <c r="CA40" s="500"/>
      <c r="CB40" s="500"/>
      <c r="CC40" s="500"/>
      <c r="CD40" s="500"/>
      <c r="CE40" s="501"/>
    </row>
    <row r="41" spans="1:83" ht="13.5" customHeight="1" x14ac:dyDescent="0.2">
      <c r="A41" s="107"/>
      <c r="B41" s="540"/>
      <c r="C41" s="540"/>
      <c r="D41" s="540"/>
      <c r="E41" s="540"/>
      <c r="F41" s="540"/>
      <c r="G41" s="108"/>
      <c r="H41" s="545"/>
      <c r="I41" s="546"/>
      <c r="J41" s="546"/>
      <c r="K41" s="546"/>
      <c r="L41" s="546"/>
      <c r="M41" s="547"/>
      <c r="N41" s="527" t="s">
        <v>121</v>
      </c>
      <c r="O41" s="527"/>
      <c r="P41" s="527"/>
      <c r="Q41" s="528"/>
      <c r="R41" s="499"/>
      <c r="S41" s="500"/>
      <c r="T41" s="500"/>
      <c r="U41" s="500"/>
      <c r="V41" s="500"/>
      <c r="W41" s="500"/>
      <c r="X41" s="501"/>
      <c r="Y41" s="499"/>
      <c r="Z41" s="500"/>
      <c r="AA41" s="500"/>
      <c r="AB41" s="500"/>
      <c r="AC41" s="500"/>
      <c r="AD41" s="500"/>
      <c r="AE41" s="499"/>
      <c r="AF41" s="500"/>
      <c r="AG41" s="500"/>
      <c r="AH41" s="500"/>
      <c r="AI41" s="500"/>
      <c r="AJ41" s="501"/>
      <c r="AK41" s="500"/>
      <c r="AL41" s="500"/>
      <c r="AM41" s="500"/>
      <c r="AN41" s="500"/>
      <c r="AO41" s="501"/>
      <c r="AP41" s="100"/>
      <c r="AQ41" s="106"/>
      <c r="AR41" s="105"/>
      <c r="AS41" s="591"/>
      <c r="AT41" s="592"/>
      <c r="AU41" s="592"/>
      <c r="AV41" s="592"/>
      <c r="AW41" s="592"/>
      <c r="AX41" s="592"/>
      <c r="AY41" s="593"/>
      <c r="AZ41" s="502"/>
      <c r="BA41" s="503"/>
      <c r="BB41" s="503"/>
      <c r="BC41" s="503"/>
      <c r="BD41" s="503"/>
      <c r="BE41" s="503"/>
      <c r="BF41" s="503"/>
      <c r="BG41" s="503"/>
      <c r="BH41" s="503"/>
      <c r="BI41" s="503"/>
      <c r="BJ41" s="504"/>
      <c r="BK41" s="100"/>
      <c r="BL41" s="582"/>
      <c r="BM41" s="583"/>
      <c r="BN41" s="583"/>
      <c r="BO41" s="583"/>
      <c r="BP41" s="583"/>
      <c r="BQ41" s="583"/>
      <c r="BR41" s="583"/>
      <c r="BS41" s="583"/>
      <c r="BT41" s="584"/>
      <c r="BU41" s="561"/>
      <c r="BV41" s="562"/>
      <c r="BW41" s="562"/>
      <c r="BX41" s="562"/>
      <c r="BY41" s="562"/>
      <c r="BZ41" s="562"/>
      <c r="CA41" s="562"/>
      <c r="CB41" s="562"/>
      <c r="CC41" s="562"/>
      <c r="CD41" s="562"/>
      <c r="CE41" s="563"/>
    </row>
    <row r="42" spans="1:83" ht="13.5" customHeight="1" x14ac:dyDescent="0.2">
      <c r="A42" s="106"/>
      <c r="B42" s="541"/>
      <c r="C42" s="541"/>
      <c r="D42" s="541"/>
      <c r="E42" s="541"/>
      <c r="F42" s="541"/>
      <c r="G42" s="111"/>
      <c r="H42" s="548"/>
      <c r="I42" s="549"/>
      <c r="J42" s="549"/>
      <c r="K42" s="549"/>
      <c r="L42" s="549"/>
      <c r="M42" s="550"/>
      <c r="N42" s="529"/>
      <c r="O42" s="529"/>
      <c r="P42" s="529"/>
      <c r="Q42" s="530"/>
      <c r="R42" s="502"/>
      <c r="S42" s="503"/>
      <c r="T42" s="503"/>
      <c r="U42" s="503"/>
      <c r="V42" s="503"/>
      <c r="W42" s="503"/>
      <c r="X42" s="504"/>
      <c r="Y42" s="502"/>
      <c r="Z42" s="503"/>
      <c r="AA42" s="503"/>
      <c r="AB42" s="503"/>
      <c r="AC42" s="503"/>
      <c r="AD42" s="503"/>
      <c r="AE42" s="502"/>
      <c r="AF42" s="503"/>
      <c r="AG42" s="503"/>
      <c r="AH42" s="503"/>
      <c r="AI42" s="503"/>
      <c r="AJ42" s="504"/>
      <c r="AK42" s="503"/>
      <c r="AL42" s="503"/>
      <c r="AM42" s="503"/>
      <c r="AN42" s="503"/>
      <c r="AO42" s="504"/>
      <c r="AP42" s="100"/>
      <c r="AQ42" s="100"/>
      <c r="AR42" s="100"/>
      <c r="AS42" s="100"/>
      <c r="AT42" s="100"/>
      <c r="AU42" s="100"/>
      <c r="AV42" s="100"/>
      <c r="AW42" s="100"/>
      <c r="AX42" s="100"/>
      <c r="AY42" s="100"/>
      <c r="AZ42" s="100"/>
      <c r="BA42" s="100"/>
      <c r="BB42" s="100"/>
      <c r="BC42" s="100"/>
      <c r="BD42" s="100"/>
      <c r="BE42" s="100"/>
      <c r="BF42" s="100"/>
      <c r="BG42" s="100"/>
      <c r="BH42" s="100"/>
      <c r="BI42" s="100"/>
      <c r="BJ42" s="100"/>
      <c r="BK42" s="100"/>
      <c r="BL42" s="107"/>
      <c r="BM42" s="100"/>
      <c r="BN42" s="579" t="s">
        <v>129</v>
      </c>
      <c r="BO42" s="580"/>
      <c r="BP42" s="580"/>
      <c r="BQ42" s="580"/>
      <c r="BR42" s="580"/>
      <c r="BS42" s="580"/>
      <c r="BT42" s="581"/>
      <c r="BU42" s="499"/>
      <c r="BV42" s="500"/>
      <c r="BW42" s="500"/>
      <c r="BX42" s="500"/>
      <c r="BY42" s="500"/>
      <c r="BZ42" s="500"/>
      <c r="CA42" s="500"/>
      <c r="CB42" s="500"/>
      <c r="CC42" s="500"/>
      <c r="CD42" s="500"/>
      <c r="CE42" s="501"/>
    </row>
    <row r="43" spans="1:83" ht="6" customHeight="1" x14ac:dyDescent="0.2">
      <c r="A43" s="100"/>
      <c r="B43" s="100"/>
      <c r="C43" s="100"/>
      <c r="D43" s="100"/>
      <c r="E43" s="100"/>
      <c r="F43" s="100"/>
      <c r="G43" s="100"/>
      <c r="H43" s="100"/>
      <c r="I43" s="100"/>
      <c r="J43" s="100"/>
      <c r="K43" s="100"/>
      <c r="L43" s="100"/>
      <c r="M43" s="100"/>
      <c r="N43" s="100"/>
      <c r="O43" s="100"/>
      <c r="P43" s="100"/>
      <c r="Q43" s="100"/>
      <c r="R43" s="100"/>
      <c r="S43" s="100"/>
      <c r="T43" s="100"/>
      <c r="U43" s="100"/>
      <c r="V43" s="100"/>
      <c r="W43" s="100"/>
      <c r="X43" s="100"/>
      <c r="Y43" s="100"/>
      <c r="Z43" s="100"/>
      <c r="AA43" s="100"/>
      <c r="AB43" s="100"/>
      <c r="AC43" s="100"/>
      <c r="AD43" s="100"/>
      <c r="AE43" s="100"/>
      <c r="AF43" s="100"/>
      <c r="AG43" s="100"/>
      <c r="AH43" s="100"/>
      <c r="AI43" s="100"/>
      <c r="AJ43" s="100"/>
      <c r="AK43" s="100"/>
      <c r="AL43" s="100"/>
      <c r="AM43" s="100"/>
      <c r="AN43" s="100"/>
      <c r="AO43" s="100"/>
      <c r="AP43" s="100"/>
      <c r="AQ43" s="100"/>
      <c r="AR43" s="100"/>
      <c r="AS43" s="100"/>
      <c r="AT43" s="100"/>
      <c r="AU43" s="100"/>
      <c r="AV43" s="100"/>
      <c r="AW43" s="100"/>
      <c r="AX43" s="100"/>
      <c r="AY43" s="100"/>
      <c r="AZ43" s="100"/>
      <c r="BA43" s="100"/>
      <c r="BB43" s="100"/>
      <c r="BC43" s="100"/>
      <c r="BD43" s="100"/>
      <c r="BE43" s="100"/>
      <c r="BF43" s="100"/>
      <c r="BG43" s="100"/>
      <c r="BH43" s="100"/>
      <c r="BI43" s="100"/>
      <c r="BJ43" s="100"/>
      <c r="BK43" s="100"/>
      <c r="BL43" s="107"/>
      <c r="BM43" s="100"/>
      <c r="BN43" s="582"/>
      <c r="BO43" s="583"/>
      <c r="BP43" s="583"/>
      <c r="BQ43" s="583"/>
      <c r="BR43" s="583"/>
      <c r="BS43" s="583"/>
      <c r="BT43" s="584"/>
      <c r="BU43" s="561"/>
      <c r="BV43" s="562"/>
      <c r="BW43" s="562"/>
      <c r="BX43" s="562"/>
      <c r="BY43" s="562"/>
      <c r="BZ43" s="562"/>
      <c r="CA43" s="562"/>
      <c r="CB43" s="562"/>
      <c r="CC43" s="562"/>
      <c r="CD43" s="562"/>
      <c r="CE43" s="563"/>
    </row>
    <row r="44" spans="1:83" ht="13.5" customHeight="1" x14ac:dyDescent="0.2">
      <c r="A44" s="110"/>
      <c r="B44" s="523" t="s">
        <v>131</v>
      </c>
      <c r="C44" s="523"/>
      <c r="D44" s="523"/>
      <c r="E44" s="523"/>
      <c r="F44" s="523"/>
      <c r="G44" s="109"/>
      <c r="H44" s="485"/>
      <c r="I44" s="486"/>
      <c r="J44" s="486"/>
      <c r="K44" s="486"/>
      <c r="L44" s="486"/>
      <c r="M44" s="486"/>
      <c r="N44" s="486"/>
      <c r="O44" s="486"/>
      <c r="P44" s="486"/>
      <c r="Q44" s="486"/>
      <c r="R44" s="486"/>
      <c r="S44" s="486"/>
      <c r="T44" s="486"/>
      <c r="U44" s="487"/>
      <c r="V44" s="110"/>
      <c r="W44" s="525" t="s">
        <v>132</v>
      </c>
      <c r="X44" s="525"/>
      <c r="Y44" s="525"/>
      <c r="Z44" s="525"/>
      <c r="AA44" s="525"/>
      <c r="AB44" s="109"/>
      <c r="AC44" s="485"/>
      <c r="AD44" s="486"/>
      <c r="AE44" s="486"/>
      <c r="AF44" s="486"/>
      <c r="AG44" s="486"/>
      <c r="AH44" s="486"/>
      <c r="AI44" s="486"/>
      <c r="AJ44" s="486"/>
      <c r="AK44" s="486"/>
      <c r="AL44" s="486"/>
      <c r="AM44" s="486"/>
      <c r="AN44" s="486"/>
      <c r="AO44" s="487"/>
      <c r="AP44" s="100"/>
      <c r="AQ44" s="100"/>
      <c r="AR44" s="100"/>
      <c r="AS44" s="100"/>
      <c r="AT44" s="100"/>
      <c r="AU44" s="100"/>
      <c r="AV44" s="100"/>
      <c r="AW44" s="100"/>
      <c r="AX44" s="100"/>
      <c r="AY44" s="100"/>
      <c r="AZ44" s="100"/>
      <c r="BA44" s="100"/>
      <c r="BB44" s="100"/>
      <c r="BC44" s="100"/>
      <c r="BD44" s="100"/>
      <c r="BE44" s="100"/>
      <c r="BF44" s="100"/>
      <c r="BG44" s="100"/>
      <c r="BH44" s="100"/>
      <c r="BI44" s="100"/>
      <c r="BJ44" s="100"/>
      <c r="BK44" s="100"/>
      <c r="BL44" s="107"/>
      <c r="BM44" s="100"/>
      <c r="BN44" s="499" t="s">
        <v>134</v>
      </c>
      <c r="BO44" s="500"/>
      <c r="BP44" s="500"/>
      <c r="BQ44" s="500"/>
      <c r="BR44" s="500"/>
      <c r="BS44" s="500"/>
      <c r="BT44" s="501"/>
      <c r="BU44" s="499"/>
      <c r="BV44" s="500"/>
      <c r="BW44" s="500"/>
      <c r="BX44" s="500"/>
      <c r="BY44" s="500"/>
      <c r="BZ44" s="500"/>
      <c r="CA44" s="500"/>
      <c r="CB44" s="500"/>
      <c r="CC44" s="500"/>
      <c r="CD44" s="500"/>
      <c r="CE44" s="501"/>
    </row>
    <row r="45" spans="1:83" ht="13.5" customHeight="1" x14ac:dyDescent="0.2">
      <c r="A45" s="106"/>
      <c r="B45" s="524"/>
      <c r="C45" s="524"/>
      <c r="D45" s="524"/>
      <c r="E45" s="524"/>
      <c r="F45" s="524"/>
      <c r="G45" s="111"/>
      <c r="H45" s="491"/>
      <c r="I45" s="492"/>
      <c r="J45" s="492"/>
      <c r="K45" s="492"/>
      <c r="L45" s="492"/>
      <c r="M45" s="492"/>
      <c r="N45" s="492"/>
      <c r="O45" s="492"/>
      <c r="P45" s="492"/>
      <c r="Q45" s="492"/>
      <c r="R45" s="492"/>
      <c r="S45" s="492"/>
      <c r="T45" s="492"/>
      <c r="U45" s="493"/>
      <c r="V45" s="106"/>
      <c r="W45" s="526"/>
      <c r="X45" s="526"/>
      <c r="Y45" s="526"/>
      <c r="Z45" s="526"/>
      <c r="AA45" s="526"/>
      <c r="AB45" s="111"/>
      <c r="AC45" s="491"/>
      <c r="AD45" s="492"/>
      <c r="AE45" s="492"/>
      <c r="AF45" s="492"/>
      <c r="AG45" s="492"/>
      <c r="AH45" s="492"/>
      <c r="AI45" s="492"/>
      <c r="AJ45" s="492"/>
      <c r="AK45" s="492"/>
      <c r="AL45" s="492"/>
      <c r="AM45" s="492"/>
      <c r="AN45" s="492"/>
      <c r="AO45" s="493"/>
      <c r="AP45" s="100"/>
      <c r="AQ45" s="100"/>
      <c r="AR45" s="100"/>
      <c r="AS45" s="100"/>
      <c r="AT45" s="100"/>
      <c r="AU45" s="100"/>
      <c r="AV45" s="100"/>
      <c r="AW45" s="100"/>
      <c r="AX45" s="100"/>
      <c r="AY45" s="100"/>
      <c r="AZ45" s="100"/>
      <c r="BA45" s="100"/>
      <c r="BB45" s="100"/>
      <c r="BC45" s="100"/>
      <c r="BD45" s="100"/>
      <c r="BE45" s="100"/>
      <c r="BF45" s="100"/>
      <c r="BG45" s="100"/>
      <c r="BH45" s="100"/>
      <c r="BI45" s="100"/>
      <c r="BJ45" s="100"/>
      <c r="BK45" s="100"/>
      <c r="BL45" s="106"/>
      <c r="BM45" s="105"/>
      <c r="BN45" s="502"/>
      <c r="BO45" s="503"/>
      <c r="BP45" s="503"/>
      <c r="BQ45" s="503"/>
      <c r="BR45" s="503"/>
      <c r="BS45" s="503"/>
      <c r="BT45" s="504"/>
      <c r="BU45" s="502"/>
      <c r="BV45" s="503"/>
      <c r="BW45" s="503"/>
      <c r="BX45" s="503"/>
      <c r="BY45" s="503"/>
      <c r="BZ45" s="503"/>
      <c r="CA45" s="503"/>
      <c r="CB45" s="503"/>
      <c r="CC45" s="503"/>
      <c r="CD45" s="503"/>
      <c r="CE45" s="504"/>
    </row>
    <row r="46" spans="1:83" ht="6" customHeight="1" x14ac:dyDescent="0.2">
      <c r="A46" s="100"/>
      <c r="B46" s="113"/>
      <c r="C46" s="113"/>
      <c r="D46" s="113"/>
      <c r="E46" s="113"/>
      <c r="F46" s="113"/>
      <c r="G46" s="100"/>
      <c r="H46" s="100"/>
      <c r="I46" s="100"/>
      <c r="J46" s="100"/>
      <c r="K46" s="100"/>
      <c r="L46" s="100"/>
      <c r="M46" s="100"/>
      <c r="N46" s="100"/>
      <c r="O46" s="100"/>
      <c r="P46" s="100"/>
      <c r="Q46" s="100"/>
      <c r="R46" s="100"/>
      <c r="S46" s="100"/>
      <c r="T46" s="100"/>
      <c r="U46" s="100"/>
      <c r="V46" s="100"/>
      <c r="W46" s="112"/>
      <c r="X46" s="112"/>
      <c r="Y46" s="112"/>
      <c r="Z46" s="112"/>
      <c r="AA46" s="112"/>
      <c r="AB46" s="100"/>
      <c r="AC46" s="100"/>
      <c r="AD46" s="100"/>
      <c r="AE46" s="100"/>
      <c r="AF46" s="100"/>
      <c r="AG46" s="100"/>
      <c r="AH46" s="100"/>
      <c r="AI46" s="100"/>
      <c r="AJ46" s="100"/>
      <c r="AK46" s="100"/>
      <c r="AL46" s="100"/>
      <c r="AM46" s="100"/>
      <c r="AN46" s="100"/>
      <c r="AO46" s="100"/>
      <c r="AP46" s="100"/>
      <c r="AQ46" s="100"/>
      <c r="AR46" s="100"/>
      <c r="AS46" s="100"/>
      <c r="AT46" s="100"/>
      <c r="AU46" s="100"/>
      <c r="AV46" s="100"/>
      <c r="AW46" s="100"/>
      <c r="AX46" s="100"/>
      <c r="AY46" s="100"/>
      <c r="AZ46" s="100"/>
      <c r="BA46" s="100"/>
      <c r="BB46" s="100"/>
      <c r="BC46" s="100"/>
      <c r="BD46" s="100"/>
      <c r="BE46" s="100"/>
      <c r="BF46" s="100"/>
      <c r="BG46" s="100"/>
      <c r="BH46" s="100"/>
      <c r="BI46" s="100"/>
      <c r="BJ46" s="100"/>
      <c r="BK46" s="100"/>
    </row>
    <row r="47" spans="1:83" ht="13.5" customHeight="1" x14ac:dyDescent="0.2">
      <c r="A47" s="110"/>
      <c r="B47" s="523" t="s">
        <v>133</v>
      </c>
      <c r="C47" s="470"/>
      <c r="D47" s="470"/>
      <c r="E47" s="470"/>
      <c r="F47" s="470"/>
      <c r="G47" s="109"/>
      <c r="H47" s="485"/>
      <c r="I47" s="486"/>
      <c r="J47" s="486"/>
      <c r="K47" s="486"/>
      <c r="L47" s="486"/>
      <c r="M47" s="486"/>
      <c r="N47" s="486"/>
      <c r="O47" s="486"/>
      <c r="P47" s="486"/>
      <c r="Q47" s="486"/>
      <c r="R47" s="486"/>
      <c r="S47" s="486"/>
      <c r="T47" s="486"/>
      <c r="U47" s="487"/>
      <c r="V47" s="110"/>
      <c r="W47" s="525" t="s">
        <v>132</v>
      </c>
      <c r="X47" s="525"/>
      <c r="Y47" s="525"/>
      <c r="Z47" s="525"/>
      <c r="AA47" s="525"/>
      <c r="AB47" s="109"/>
      <c r="AC47" s="485"/>
      <c r="AD47" s="486"/>
      <c r="AE47" s="486"/>
      <c r="AF47" s="486"/>
      <c r="AG47" s="486"/>
      <c r="AH47" s="486"/>
      <c r="AI47" s="486"/>
      <c r="AJ47" s="486"/>
      <c r="AK47" s="486"/>
      <c r="AL47" s="486"/>
      <c r="AM47" s="486"/>
      <c r="AN47" s="486"/>
      <c r="AO47" s="487"/>
      <c r="AP47" s="100"/>
      <c r="AQ47" s="542" t="s">
        <v>412</v>
      </c>
      <c r="AR47" s="539"/>
      <c r="AS47" s="539"/>
      <c r="AT47" s="539"/>
      <c r="AU47" s="539"/>
      <c r="AV47" s="539"/>
      <c r="AW47" s="539"/>
      <c r="AX47" s="539"/>
      <c r="AY47" s="539"/>
      <c r="AZ47" s="539"/>
      <c r="BA47" s="539"/>
      <c r="BB47" s="539"/>
      <c r="BC47" s="539"/>
      <c r="BD47" s="539"/>
      <c r="BE47" s="564"/>
      <c r="BF47" s="499" t="s">
        <v>185</v>
      </c>
      <c r="BG47" s="500"/>
      <c r="BH47" s="500"/>
      <c r="BI47" s="500"/>
      <c r="BJ47" s="500"/>
      <c r="BK47" s="500"/>
      <c r="BL47" s="501"/>
      <c r="BM47" s="542" t="s">
        <v>413</v>
      </c>
      <c r="BN47" s="539"/>
      <c r="BO47" s="539"/>
      <c r="BP47" s="539"/>
      <c r="BQ47" s="539"/>
      <c r="BR47" s="539"/>
      <c r="BS47" s="539"/>
      <c r="BT47" s="539"/>
      <c r="BU47" s="539"/>
      <c r="BV47" s="539"/>
      <c r="BW47" s="539"/>
      <c r="BX47" s="539"/>
      <c r="BY47" s="564"/>
      <c r="BZ47" s="500" t="s">
        <v>185</v>
      </c>
      <c r="CA47" s="500"/>
      <c r="CB47" s="500"/>
      <c r="CC47" s="500"/>
      <c r="CD47" s="500"/>
      <c r="CE47" s="501"/>
    </row>
    <row r="48" spans="1:83" ht="13.5" customHeight="1" x14ac:dyDescent="0.2">
      <c r="A48" s="106"/>
      <c r="B48" s="472"/>
      <c r="C48" s="472"/>
      <c r="D48" s="472"/>
      <c r="E48" s="472"/>
      <c r="F48" s="472"/>
      <c r="G48" s="111"/>
      <c r="H48" s="491"/>
      <c r="I48" s="492"/>
      <c r="J48" s="492"/>
      <c r="K48" s="492"/>
      <c r="L48" s="492"/>
      <c r="M48" s="492"/>
      <c r="N48" s="492"/>
      <c r="O48" s="492"/>
      <c r="P48" s="492"/>
      <c r="Q48" s="492"/>
      <c r="R48" s="492"/>
      <c r="S48" s="492"/>
      <c r="T48" s="492"/>
      <c r="U48" s="493"/>
      <c r="V48" s="106"/>
      <c r="W48" s="526"/>
      <c r="X48" s="526"/>
      <c r="Y48" s="526"/>
      <c r="Z48" s="526"/>
      <c r="AA48" s="526"/>
      <c r="AB48" s="111"/>
      <c r="AC48" s="491"/>
      <c r="AD48" s="492"/>
      <c r="AE48" s="492"/>
      <c r="AF48" s="492"/>
      <c r="AG48" s="492"/>
      <c r="AH48" s="492"/>
      <c r="AI48" s="492"/>
      <c r="AJ48" s="492"/>
      <c r="AK48" s="492"/>
      <c r="AL48" s="492"/>
      <c r="AM48" s="492"/>
      <c r="AN48" s="492"/>
      <c r="AO48" s="493"/>
      <c r="AP48" s="100"/>
      <c r="AQ48" s="565"/>
      <c r="AR48" s="540"/>
      <c r="AS48" s="540"/>
      <c r="AT48" s="540"/>
      <c r="AU48" s="540"/>
      <c r="AV48" s="540"/>
      <c r="AW48" s="540"/>
      <c r="AX48" s="540"/>
      <c r="AY48" s="540"/>
      <c r="AZ48" s="540"/>
      <c r="BA48" s="540"/>
      <c r="BB48" s="540"/>
      <c r="BC48" s="540"/>
      <c r="BD48" s="540"/>
      <c r="BE48" s="566"/>
      <c r="BF48" s="561"/>
      <c r="BG48" s="562"/>
      <c r="BH48" s="562"/>
      <c r="BI48" s="562"/>
      <c r="BJ48" s="562"/>
      <c r="BK48" s="562"/>
      <c r="BL48" s="563"/>
      <c r="BM48" s="565"/>
      <c r="BN48" s="540"/>
      <c r="BO48" s="540"/>
      <c r="BP48" s="540"/>
      <c r="BQ48" s="540"/>
      <c r="BR48" s="540"/>
      <c r="BS48" s="540"/>
      <c r="BT48" s="540"/>
      <c r="BU48" s="540"/>
      <c r="BV48" s="540"/>
      <c r="BW48" s="540"/>
      <c r="BX48" s="540"/>
      <c r="BY48" s="566"/>
      <c r="BZ48" s="562"/>
      <c r="CA48" s="562"/>
      <c r="CB48" s="562"/>
      <c r="CC48" s="562"/>
      <c r="CD48" s="562"/>
      <c r="CE48" s="563"/>
    </row>
    <row r="49" spans="1:83" ht="16.5" customHeight="1" x14ac:dyDescent="0.2">
      <c r="A49" s="110"/>
      <c r="B49" s="523" t="s">
        <v>135</v>
      </c>
      <c r="C49" s="523"/>
      <c r="D49" s="523"/>
      <c r="E49" s="523"/>
      <c r="F49" s="523"/>
      <c r="G49" s="109"/>
      <c r="H49" s="485"/>
      <c r="I49" s="486"/>
      <c r="J49" s="486"/>
      <c r="K49" s="486"/>
      <c r="L49" s="486"/>
      <c r="M49" s="486"/>
      <c r="N49" s="486"/>
      <c r="O49" s="486"/>
      <c r="P49" s="486"/>
      <c r="Q49" s="486"/>
      <c r="R49" s="486"/>
      <c r="S49" s="486"/>
      <c r="T49" s="486"/>
      <c r="U49" s="487"/>
      <c r="V49" s="110"/>
      <c r="W49" s="525" t="s">
        <v>132</v>
      </c>
      <c r="X49" s="525"/>
      <c r="Y49" s="525"/>
      <c r="Z49" s="525"/>
      <c r="AA49" s="525"/>
      <c r="AB49" s="109"/>
      <c r="AC49" s="485"/>
      <c r="AD49" s="486"/>
      <c r="AE49" s="486"/>
      <c r="AF49" s="486"/>
      <c r="AG49" s="486"/>
      <c r="AH49" s="486"/>
      <c r="AI49" s="486"/>
      <c r="AJ49" s="486"/>
      <c r="AK49" s="486"/>
      <c r="AL49" s="486"/>
      <c r="AM49" s="486"/>
      <c r="AN49" s="486"/>
      <c r="AO49" s="487"/>
      <c r="AP49" s="100"/>
      <c r="AQ49" s="567"/>
      <c r="AR49" s="541"/>
      <c r="AS49" s="541"/>
      <c r="AT49" s="541"/>
      <c r="AU49" s="541"/>
      <c r="AV49" s="541"/>
      <c r="AW49" s="541"/>
      <c r="AX49" s="541"/>
      <c r="AY49" s="541"/>
      <c r="AZ49" s="541"/>
      <c r="BA49" s="541"/>
      <c r="BB49" s="541"/>
      <c r="BC49" s="541"/>
      <c r="BD49" s="541"/>
      <c r="BE49" s="568"/>
      <c r="BF49" s="502"/>
      <c r="BG49" s="503"/>
      <c r="BH49" s="503"/>
      <c r="BI49" s="503"/>
      <c r="BJ49" s="503"/>
      <c r="BK49" s="503"/>
      <c r="BL49" s="504"/>
      <c r="BM49" s="567"/>
      <c r="BN49" s="541"/>
      <c r="BO49" s="541"/>
      <c r="BP49" s="541"/>
      <c r="BQ49" s="541"/>
      <c r="BR49" s="541"/>
      <c r="BS49" s="541"/>
      <c r="BT49" s="541"/>
      <c r="BU49" s="541"/>
      <c r="BV49" s="541"/>
      <c r="BW49" s="541"/>
      <c r="BX49" s="541"/>
      <c r="BY49" s="568"/>
      <c r="BZ49" s="503"/>
      <c r="CA49" s="503"/>
      <c r="CB49" s="503"/>
      <c r="CC49" s="503"/>
      <c r="CD49" s="503"/>
      <c r="CE49" s="504"/>
    </row>
    <row r="50" spans="1:83" ht="13.5" customHeight="1" x14ac:dyDescent="0.2">
      <c r="A50" s="106"/>
      <c r="B50" s="524"/>
      <c r="C50" s="524"/>
      <c r="D50" s="524"/>
      <c r="E50" s="524"/>
      <c r="F50" s="524"/>
      <c r="G50" s="111"/>
      <c r="H50" s="491"/>
      <c r="I50" s="492"/>
      <c r="J50" s="492"/>
      <c r="K50" s="492"/>
      <c r="L50" s="492"/>
      <c r="M50" s="492"/>
      <c r="N50" s="492"/>
      <c r="O50" s="492"/>
      <c r="P50" s="492"/>
      <c r="Q50" s="492"/>
      <c r="R50" s="492"/>
      <c r="S50" s="492"/>
      <c r="T50" s="492"/>
      <c r="U50" s="493"/>
      <c r="V50" s="106"/>
      <c r="W50" s="526"/>
      <c r="X50" s="526"/>
      <c r="Y50" s="526"/>
      <c r="Z50" s="526"/>
      <c r="AA50" s="526"/>
      <c r="AB50" s="111"/>
      <c r="AC50" s="491"/>
      <c r="AD50" s="492"/>
      <c r="AE50" s="492"/>
      <c r="AF50" s="492"/>
      <c r="AG50" s="492"/>
      <c r="AH50" s="492"/>
      <c r="AI50" s="492"/>
      <c r="AJ50" s="492"/>
      <c r="AK50" s="492"/>
      <c r="AL50" s="492"/>
      <c r="AM50" s="492"/>
      <c r="AN50" s="492"/>
      <c r="AO50" s="493"/>
      <c r="AP50" s="100"/>
      <c r="BK50" s="100"/>
    </row>
    <row r="51" spans="1:83" ht="13.5" customHeight="1" x14ac:dyDescent="0.2">
      <c r="A51" s="110"/>
      <c r="B51" s="620" t="s">
        <v>220</v>
      </c>
      <c r="C51" s="620"/>
      <c r="D51" s="620"/>
      <c r="E51" s="620"/>
      <c r="F51" s="620"/>
      <c r="G51" s="109"/>
      <c r="H51" s="606" t="s">
        <v>127</v>
      </c>
      <c r="I51" s="607"/>
      <c r="J51" s="607"/>
      <c r="K51" s="607"/>
      <c r="L51" s="607"/>
      <c r="M51" s="607"/>
      <c r="N51" s="607"/>
      <c r="O51" s="607"/>
      <c r="P51" s="607"/>
      <c r="Q51" s="607"/>
      <c r="R51" s="607"/>
      <c r="S51" s="607"/>
      <c r="T51" s="607"/>
      <c r="U51" s="608"/>
      <c r="V51" s="110"/>
      <c r="W51" s="612" t="s">
        <v>129</v>
      </c>
      <c r="X51" s="612"/>
      <c r="Y51" s="612"/>
      <c r="Z51" s="612"/>
      <c r="AA51" s="612"/>
      <c r="AB51" s="109"/>
      <c r="AC51" s="485"/>
      <c r="AD51" s="486"/>
      <c r="AE51" s="486"/>
      <c r="AF51" s="486"/>
      <c r="AG51" s="486"/>
      <c r="AH51" s="486"/>
      <c r="AI51" s="486"/>
      <c r="AJ51" s="486"/>
      <c r="AK51" s="486"/>
      <c r="AL51" s="486"/>
      <c r="AM51" s="486"/>
      <c r="AN51" s="486"/>
      <c r="AO51" s="487"/>
      <c r="AP51" s="100"/>
      <c r="BK51" s="100"/>
    </row>
    <row r="52" spans="1:83" ht="13.5" customHeight="1" x14ac:dyDescent="0.2">
      <c r="A52" s="106"/>
      <c r="B52" s="621"/>
      <c r="C52" s="621"/>
      <c r="D52" s="621"/>
      <c r="E52" s="621"/>
      <c r="F52" s="621"/>
      <c r="G52" s="111"/>
      <c r="H52" s="609"/>
      <c r="I52" s="610"/>
      <c r="J52" s="610"/>
      <c r="K52" s="610"/>
      <c r="L52" s="610"/>
      <c r="M52" s="610"/>
      <c r="N52" s="610"/>
      <c r="O52" s="610"/>
      <c r="P52" s="610"/>
      <c r="Q52" s="610"/>
      <c r="R52" s="610"/>
      <c r="S52" s="610"/>
      <c r="T52" s="610"/>
      <c r="U52" s="611"/>
      <c r="V52" s="106"/>
      <c r="W52" s="613"/>
      <c r="X52" s="613"/>
      <c r="Y52" s="613"/>
      <c r="Z52" s="613"/>
      <c r="AA52" s="613"/>
      <c r="AB52" s="111"/>
      <c r="AC52" s="491"/>
      <c r="AD52" s="492"/>
      <c r="AE52" s="492"/>
      <c r="AF52" s="492"/>
      <c r="AG52" s="492"/>
      <c r="AH52" s="492"/>
      <c r="AI52" s="492"/>
      <c r="AJ52" s="492"/>
      <c r="AK52" s="492"/>
      <c r="AL52" s="492"/>
      <c r="AM52" s="492"/>
      <c r="AN52" s="492"/>
      <c r="AO52" s="493"/>
      <c r="AP52" s="100"/>
    </row>
    <row r="53" spans="1:83" ht="13.5" customHeight="1" x14ac:dyDescent="0.2">
      <c r="A53" s="614" t="s">
        <v>219</v>
      </c>
      <c r="B53" s="615"/>
      <c r="C53" s="615"/>
      <c r="D53" s="615"/>
      <c r="E53" s="615"/>
      <c r="F53" s="615"/>
      <c r="G53" s="616"/>
      <c r="H53" s="606"/>
      <c r="I53" s="607"/>
      <c r="J53" s="607"/>
      <c r="K53" s="607"/>
      <c r="L53" s="607"/>
      <c r="M53" s="607"/>
      <c r="N53" s="607"/>
      <c r="O53" s="607"/>
      <c r="P53" s="607"/>
      <c r="Q53" s="607"/>
      <c r="R53" s="607"/>
      <c r="S53" s="607"/>
      <c r="T53" s="607"/>
      <c r="U53" s="608"/>
      <c r="V53" s="110"/>
      <c r="W53" s="612" t="s">
        <v>129</v>
      </c>
      <c r="X53" s="612"/>
      <c r="Y53" s="612"/>
      <c r="Z53" s="612"/>
      <c r="AA53" s="612"/>
      <c r="AB53" s="109"/>
      <c r="AC53" s="485"/>
      <c r="AD53" s="486"/>
      <c r="AE53" s="486"/>
      <c r="AF53" s="486"/>
      <c r="AG53" s="486"/>
      <c r="AH53" s="486"/>
      <c r="AI53" s="486"/>
      <c r="AJ53" s="486"/>
      <c r="AK53" s="486"/>
      <c r="AL53" s="486"/>
      <c r="AM53" s="486"/>
      <c r="AN53" s="486"/>
      <c r="AO53" s="487"/>
      <c r="AP53" s="100"/>
    </row>
    <row r="54" spans="1:83" ht="13.5" customHeight="1" x14ac:dyDescent="0.2">
      <c r="A54" s="617"/>
      <c r="B54" s="618"/>
      <c r="C54" s="618"/>
      <c r="D54" s="618"/>
      <c r="E54" s="618"/>
      <c r="F54" s="618"/>
      <c r="G54" s="619"/>
      <c r="H54" s="609"/>
      <c r="I54" s="610"/>
      <c r="J54" s="610"/>
      <c r="K54" s="610"/>
      <c r="L54" s="610"/>
      <c r="M54" s="610"/>
      <c r="N54" s="610"/>
      <c r="O54" s="610"/>
      <c r="P54" s="610"/>
      <c r="Q54" s="610"/>
      <c r="R54" s="610"/>
      <c r="S54" s="610"/>
      <c r="T54" s="610"/>
      <c r="U54" s="611"/>
      <c r="V54" s="106"/>
      <c r="W54" s="613"/>
      <c r="X54" s="613"/>
      <c r="Y54" s="613"/>
      <c r="Z54" s="613"/>
      <c r="AA54" s="613"/>
      <c r="AB54" s="111"/>
      <c r="AC54" s="491"/>
      <c r="AD54" s="492"/>
      <c r="AE54" s="492"/>
      <c r="AF54" s="492"/>
      <c r="AG54" s="492"/>
      <c r="AH54" s="492"/>
      <c r="AI54" s="492"/>
      <c r="AJ54" s="492"/>
      <c r="AK54" s="492"/>
      <c r="AL54" s="492"/>
      <c r="AM54" s="492"/>
      <c r="AN54" s="492"/>
      <c r="AO54" s="493"/>
      <c r="AP54" s="100"/>
    </row>
    <row r="55" spans="1:83" ht="13.5" customHeight="1" x14ac:dyDescent="0.2">
      <c r="A55" s="110"/>
      <c r="B55" s="523" t="s">
        <v>136</v>
      </c>
      <c r="C55" s="523"/>
      <c r="D55" s="523"/>
      <c r="E55" s="523"/>
      <c r="F55" s="523"/>
      <c r="G55" s="109"/>
      <c r="H55" s="606"/>
      <c r="I55" s="607"/>
      <c r="J55" s="607"/>
      <c r="K55" s="607"/>
      <c r="L55" s="607"/>
      <c r="M55" s="607"/>
      <c r="N55" s="607"/>
      <c r="O55" s="607"/>
      <c r="P55" s="607"/>
      <c r="Q55" s="607"/>
      <c r="R55" s="607"/>
      <c r="S55" s="607"/>
      <c r="T55" s="607"/>
      <c r="U55" s="608"/>
      <c r="V55" s="110"/>
      <c r="W55" s="523" t="s">
        <v>136</v>
      </c>
      <c r="X55" s="523"/>
      <c r="Y55" s="523"/>
      <c r="Z55" s="523"/>
      <c r="AA55" s="523"/>
      <c r="AB55" s="109"/>
      <c r="AC55" s="485"/>
      <c r="AD55" s="486"/>
      <c r="AE55" s="486"/>
      <c r="AF55" s="486"/>
      <c r="AG55" s="486"/>
      <c r="AH55" s="486"/>
      <c r="AI55" s="486"/>
      <c r="AJ55" s="486"/>
      <c r="AK55" s="486"/>
      <c r="AL55" s="486"/>
      <c r="AM55" s="486"/>
      <c r="AN55" s="486"/>
      <c r="AO55" s="487"/>
      <c r="AP55" s="100"/>
      <c r="BL55" s="101"/>
      <c r="BM55" s="101"/>
      <c r="BN55" s="101"/>
      <c r="BO55" s="101"/>
      <c r="BP55" s="101"/>
      <c r="BQ55" s="101"/>
      <c r="BR55" s="101"/>
      <c r="BS55" s="101"/>
      <c r="BT55" s="101"/>
      <c r="BU55" s="101"/>
      <c r="BV55" s="101"/>
      <c r="BW55" s="101"/>
      <c r="BX55" s="101"/>
      <c r="BY55" s="101"/>
      <c r="BZ55" s="101"/>
      <c r="CA55" s="101"/>
      <c r="CB55" s="101"/>
      <c r="CC55" s="101"/>
      <c r="CD55" s="101"/>
      <c r="CE55" s="101"/>
    </row>
    <row r="56" spans="1:83" ht="13.5" customHeight="1" x14ac:dyDescent="0.2">
      <c r="A56" s="107"/>
      <c r="B56" s="560"/>
      <c r="C56" s="560"/>
      <c r="D56" s="560"/>
      <c r="E56" s="560"/>
      <c r="F56" s="560"/>
      <c r="G56" s="108"/>
      <c r="H56" s="609"/>
      <c r="I56" s="610"/>
      <c r="J56" s="610"/>
      <c r="K56" s="610"/>
      <c r="L56" s="610"/>
      <c r="M56" s="610"/>
      <c r="N56" s="610"/>
      <c r="O56" s="610"/>
      <c r="P56" s="610"/>
      <c r="Q56" s="610"/>
      <c r="R56" s="610"/>
      <c r="S56" s="610"/>
      <c r="T56" s="610"/>
      <c r="U56" s="611"/>
      <c r="V56" s="107"/>
      <c r="W56" s="560"/>
      <c r="X56" s="560"/>
      <c r="Y56" s="560"/>
      <c r="Z56" s="560"/>
      <c r="AA56" s="560"/>
      <c r="AB56" s="108"/>
      <c r="AC56" s="491"/>
      <c r="AD56" s="492"/>
      <c r="AE56" s="492"/>
      <c r="AF56" s="492"/>
      <c r="AG56" s="492"/>
      <c r="AH56" s="492"/>
      <c r="AI56" s="492"/>
      <c r="AJ56" s="492"/>
      <c r="AK56" s="492"/>
      <c r="AL56" s="492"/>
      <c r="AM56" s="492"/>
      <c r="AN56" s="492"/>
      <c r="AO56" s="493"/>
      <c r="AP56" s="100"/>
      <c r="BL56" s="101"/>
      <c r="BM56" s="101"/>
      <c r="BN56" s="101"/>
      <c r="BO56" s="101"/>
      <c r="BP56" s="101"/>
      <c r="BQ56" s="101"/>
      <c r="BR56" s="101"/>
      <c r="BS56" s="101"/>
      <c r="BT56" s="101"/>
      <c r="BU56" s="101"/>
      <c r="BV56" s="101"/>
      <c r="BW56" s="101"/>
      <c r="BX56" s="101"/>
      <c r="BY56" s="101"/>
      <c r="BZ56" s="101"/>
      <c r="CA56" s="101"/>
      <c r="CB56" s="101"/>
      <c r="CC56" s="101"/>
      <c r="CD56" s="101"/>
      <c r="CE56" s="101"/>
    </row>
    <row r="57" spans="1:83" ht="13.5" customHeight="1" x14ac:dyDescent="0.2">
      <c r="A57" s="107"/>
      <c r="B57" s="100"/>
      <c r="C57" s="552" t="s">
        <v>129</v>
      </c>
      <c r="D57" s="470"/>
      <c r="E57" s="470"/>
      <c r="F57" s="470"/>
      <c r="G57" s="553"/>
      <c r="H57" s="485"/>
      <c r="I57" s="486"/>
      <c r="J57" s="486"/>
      <c r="K57" s="486"/>
      <c r="L57" s="486"/>
      <c r="M57" s="486"/>
      <c r="N57" s="486"/>
      <c r="O57" s="486"/>
      <c r="P57" s="486"/>
      <c r="Q57" s="486"/>
      <c r="R57" s="486"/>
      <c r="S57" s="486"/>
      <c r="T57" s="486"/>
      <c r="U57" s="487"/>
      <c r="V57" s="107"/>
      <c r="W57" s="100"/>
      <c r="X57" s="552" t="s">
        <v>129</v>
      </c>
      <c r="Y57" s="470"/>
      <c r="Z57" s="470"/>
      <c r="AA57" s="470"/>
      <c r="AB57" s="553"/>
      <c r="AC57" s="485"/>
      <c r="AD57" s="486"/>
      <c r="AE57" s="486"/>
      <c r="AF57" s="486"/>
      <c r="AG57" s="486"/>
      <c r="AH57" s="486"/>
      <c r="AI57" s="486"/>
      <c r="AJ57" s="486"/>
      <c r="AK57" s="486"/>
      <c r="AL57" s="486"/>
      <c r="AM57" s="486"/>
      <c r="AN57" s="486"/>
      <c r="AO57" s="487"/>
      <c r="AP57" s="100"/>
      <c r="AQ57" s="101"/>
      <c r="AR57" s="101"/>
      <c r="AS57" s="101"/>
      <c r="AT57" s="101"/>
      <c r="AU57" s="101"/>
      <c r="AV57" s="101"/>
      <c r="AW57" s="101"/>
      <c r="AX57" s="101"/>
      <c r="AY57" s="101"/>
      <c r="AZ57" s="101"/>
      <c r="BA57" s="101"/>
      <c r="BB57" s="101"/>
      <c r="BC57" s="101"/>
      <c r="BD57" s="101"/>
      <c r="BE57" s="101"/>
      <c r="BF57" s="101"/>
      <c r="BG57" s="101"/>
      <c r="BH57" s="101"/>
      <c r="BI57" s="101"/>
      <c r="BJ57" s="101"/>
      <c r="BL57" s="101"/>
      <c r="BM57" s="101"/>
      <c r="BN57" s="101"/>
      <c r="BO57" s="101"/>
      <c r="BP57" s="101"/>
      <c r="BQ57" s="101"/>
      <c r="BR57" s="101"/>
      <c r="BS57" s="101"/>
      <c r="BT57" s="101"/>
      <c r="BU57" s="101"/>
      <c r="BV57" s="101"/>
      <c r="BW57" s="101"/>
      <c r="BX57" s="101"/>
      <c r="BY57" s="101"/>
      <c r="BZ57" s="101"/>
      <c r="CA57" s="101"/>
      <c r="CB57" s="101"/>
      <c r="CC57" s="101"/>
      <c r="CD57" s="101"/>
      <c r="CE57" s="101"/>
    </row>
    <row r="58" spans="1:83" ht="13.5" customHeight="1" x14ac:dyDescent="0.2">
      <c r="A58" s="107"/>
      <c r="B58" s="100"/>
      <c r="C58" s="554"/>
      <c r="D58" s="472"/>
      <c r="E58" s="472"/>
      <c r="F58" s="472"/>
      <c r="G58" s="555"/>
      <c r="H58" s="491"/>
      <c r="I58" s="492"/>
      <c r="J58" s="492"/>
      <c r="K58" s="492"/>
      <c r="L58" s="492"/>
      <c r="M58" s="492"/>
      <c r="N58" s="492"/>
      <c r="O58" s="492"/>
      <c r="P58" s="492"/>
      <c r="Q58" s="492"/>
      <c r="R58" s="492"/>
      <c r="S58" s="492"/>
      <c r="T58" s="492"/>
      <c r="U58" s="493"/>
      <c r="V58" s="107"/>
      <c r="W58" s="100"/>
      <c r="X58" s="554"/>
      <c r="Y58" s="472"/>
      <c r="Z58" s="472"/>
      <c r="AA58" s="472"/>
      <c r="AB58" s="555"/>
      <c r="AC58" s="491"/>
      <c r="AD58" s="492"/>
      <c r="AE58" s="492"/>
      <c r="AF58" s="492"/>
      <c r="AG58" s="492"/>
      <c r="AH58" s="492"/>
      <c r="AI58" s="492"/>
      <c r="AJ58" s="492"/>
      <c r="AK58" s="492"/>
      <c r="AL58" s="492"/>
      <c r="AM58" s="492"/>
      <c r="AN58" s="492"/>
      <c r="AO58" s="493"/>
      <c r="AP58" s="100"/>
      <c r="AQ58" s="101"/>
      <c r="AR58" s="101"/>
      <c r="AS58" s="101"/>
      <c r="AT58" s="101"/>
      <c r="AU58" s="101"/>
      <c r="AV58" s="101"/>
      <c r="AW58" s="101"/>
      <c r="AX58" s="101"/>
      <c r="AY58" s="101"/>
      <c r="AZ58" s="101"/>
      <c r="BA58" s="101"/>
      <c r="BB58" s="101"/>
      <c r="BC58" s="101"/>
      <c r="BD58" s="101"/>
      <c r="BE58" s="101"/>
      <c r="BF58" s="101"/>
      <c r="BG58" s="101"/>
      <c r="BH58" s="101"/>
      <c r="BI58" s="101"/>
      <c r="BJ58" s="101"/>
      <c r="BL58" s="101"/>
      <c r="BM58" s="189"/>
      <c r="BN58" s="189"/>
      <c r="BO58" s="189"/>
      <c r="BP58" s="189"/>
      <c r="BQ58" s="189"/>
      <c r="BR58" s="189"/>
      <c r="BS58" s="189"/>
      <c r="BT58" s="189"/>
      <c r="BU58" s="189"/>
      <c r="BV58" s="189"/>
      <c r="BW58" s="189"/>
      <c r="BX58" s="189"/>
      <c r="BY58" s="189"/>
      <c r="BZ58" s="189"/>
      <c r="CA58" s="189"/>
      <c r="CB58" s="189"/>
      <c r="CC58" s="189"/>
      <c r="CD58" s="189"/>
      <c r="CE58" s="189"/>
    </row>
    <row r="59" spans="1:83" ht="13.5" customHeight="1" x14ac:dyDescent="0.2">
      <c r="A59" s="107"/>
      <c r="B59" s="100"/>
      <c r="C59" s="556" t="s">
        <v>137</v>
      </c>
      <c r="D59" s="523"/>
      <c r="E59" s="523"/>
      <c r="F59" s="523"/>
      <c r="G59" s="557"/>
      <c r="H59" s="485"/>
      <c r="I59" s="486"/>
      <c r="J59" s="486"/>
      <c r="K59" s="486"/>
      <c r="L59" s="486"/>
      <c r="M59" s="486"/>
      <c r="N59" s="486"/>
      <c r="O59" s="486"/>
      <c r="P59" s="486"/>
      <c r="Q59" s="486"/>
      <c r="R59" s="486"/>
      <c r="S59" s="486"/>
      <c r="T59" s="486"/>
      <c r="U59" s="487"/>
      <c r="V59" s="107"/>
      <c r="W59" s="100"/>
      <c r="X59" s="556" t="s">
        <v>137</v>
      </c>
      <c r="Y59" s="523"/>
      <c r="Z59" s="523"/>
      <c r="AA59" s="523"/>
      <c r="AB59" s="557"/>
      <c r="AC59" s="485"/>
      <c r="AD59" s="486"/>
      <c r="AE59" s="486"/>
      <c r="AF59" s="486"/>
      <c r="AG59" s="486"/>
      <c r="AH59" s="486"/>
      <c r="AI59" s="486"/>
      <c r="AJ59" s="486"/>
      <c r="AK59" s="486"/>
      <c r="AL59" s="486"/>
      <c r="AM59" s="486"/>
      <c r="AN59" s="486"/>
      <c r="AO59" s="487"/>
      <c r="AP59" s="100"/>
      <c r="AQ59" s="101"/>
      <c r="AR59" s="101"/>
      <c r="AS59" s="101"/>
      <c r="AT59" s="101"/>
      <c r="AU59" s="101"/>
      <c r="AV59" s="101"/>
      <c r="AW59" s="101"/>
      <c r="AX59" s="101"/>
      <c r="AY59" s="101"/>
      <c r="AZ59" s="101"/>
      <c r="BA59" s="101"/>
      <c r="BB59" s="101"/>
      <c r="BC59" s="101"/>
      <c r="BD59" s="101"/>
      <c r="BE59" s="101"/>
      <c r="BF59" s="101"/>
      <c r="BG59" s="101"/>
      <c r="BH59" s="101"/>
      <c r="BI59" s="101"/>
      <c r="BJ59" s="101"/>
    </row>
    <row r="60" spans="1:83" ht="9" customHeight="1" x14ac:dyDescent="0.2">
      <c r="A60" s="106"/>
      <c r="B60" s="105"/>
      <c r="C60" s="558"/>
      <c r="D60" s="524"/>
      <c r="E60" s="524"/>
      <c r="F60" s="524"/>
      <c r="G60" s="559"/>
      <c r="H60" s="491"/>
      <c r="I60" s="492"/>
      <c r="J60" s="492"/>
      <c r="K60" s="492"/>
      <c r="L60" s="492"/>
      <c r="M60" s="492"/>
      <c r="N60" s="492"/>
      <c r="O60" s="492"/>
      <c r="P60" s="492"/>
      <c r="Q60" s="492"/>
      <c r="R60" s="492"/>
      <c r="S60" s="492"/>
      <c r="T60" s="492"/>
      <c r="U60" s="493"/>
      <c r="V60" s="106"/>
      <c r="W60" s="105"/>
      <c r="X60" s="558"/>
      <c r="Y60" s="524"/>
      <c r="Z60" s="524"/>
      <c r="AA60" s="524"/>
      <c r="AB60" s="559"/>
      <c r="AC60" s="491"/>
      <c r="AD60" s="492"/>
      <c r="AE60" s="492"/>
      <c r="AF60" s="492"/>
      <c r="AG60" s="492"/>
      <c r="AH60" s="492"/>
      <c r="AI60" s="492"/>
      <c r="AJ60" s="492"/>
      <c r="AK60" s="492"/>
      <c r="AL60" s="492"/>
      <c r="AM60" s="492"/>
      <c r="AN60" s="492"/>
      <c r="AO60" s="493"/>
      <c r="AP60" s="100"/>
      <c r="AQ60" s="101"/>
      <c r="AR60" s="101"/>
      <c r="AS60" s="101"/>
      <c r="AT60" s="101"/>
      <c r="AU60" s="101"/>
      <c r="AV60" s="101"/>
      <c r="AW60" s="101"/>
      <c r="AX60" s="101"/>
      <c r="AY60" s="101"/>
      <c r="AZ60" s="101"/>
      <c r="BA60" s="101"/>
      <c r="BB60" s="101"/>
      <c r="BC60" s="101"/>
      <c r="BD60" s="101"/>
      <c r="BE60" s="101"/>
      <c r="BF60" s="101"/>
      <c r="BG60" s="101"/>
      <c r="BH60" s="101"/>
      <c r="BI60" s="101"/>
      <c r="BJ60" s="101"/>
    </row>
    <row r="61" spans="1:83" ht="12" customHeight="1" x14ac:dyDescent="0.2">
      <c r="A61" s="100"/>
      <c r="B61" s="100"/>
      <c r="C61" s="104"/>
      <c r="D61" s="104"/>
      <c r="E61" s="104"/>
      <c r="F61" s="104"/>
      <c r="G61" s="104"/>
      <c r="H61" s="102"/>
      <c r="I61" s="102"/>
      <c r="J61" s="102"/>
      <c r="K61" s="102"/>
      <c r="L61" s="102"/>
      <c r="M61" s="102"/>
      <c r="N61" s="102"/>
      <c r="O61" s="102"/>
      <c r="P61" s="102"/>
      <c r="Q61" s="102"/>
      <c r="R61" s="102"/>
      <c r="S61" s="102"/>
      <c r="T61" s="102"/>
      <c r="U61" s="102"/>
      <c r="V61" s="102"/>
      <c r="W61" s="102"/>
      <c r="X61" s="103"/>
      <c r="Y61" s="103"/>
      <c r="Z61" s="103"/>
      <c r="AA61" s="103"/>
      <c r="AB61" s="103"/>
      <c r="AC61" s="102"/>
      <c r="AD61" s="102"/>
      <c r="AE61" s="102"/>
      <c r="AF61" s="102"/>
      <c r="AG61" s="102"/>
      <c r="AH61" s="102"/>
      <c r="AI61" s="102"/>
      <c r="AJ61" s="102"/>
      <c r="AK61" s="102"/>
      <c r="AL61" s="102"/>
      <c r="AM61" s="102"/>
      <c r="AN61" s="102"/>
      <c r="AO61" s="102"/>
      <c r="AP61" s="101"/>
      <c r="BK61" s="101"/>
    </row>
    <row r="62" spans="1:83" ht="12" customHeight="1" x14ac:dyDescent="0.2">
      <c r="A62" s="542" t="s">
        <v>412</v>
      </c>
      <c r="B62" s="539"/>
      <c r="C62" s="539"/>
      <c r="D62" s="539"/>
      <c r="E62" s="539"/>
      <c r="F62" s="539"/>
      <c r="G62" s="539"/>
      <c r="H62" s="539"/>
      <c r="I62" s="539"/>
      <c r="J62" s="539"/>
      <c r="K62" s="539"/>
      <c r="L62" s="539"/>
      <c r="M62" s="539"/>
      <c r="N62" s="539"/>
      <c r="O62" s="564"/>
      <c r="P62" s="499" t="s">
        <v>185</v>
      </c>
      <c r="Q62" s="500"/>
      <c r="R62" s="500"/>
      <c r="S62" s="500"/>
      <c r="T62" s="500"/>
      <c r="U62" s="500"/>
      <c r="V62" s="501"/>
      <c r="W62" s="542" t="s">
        <v>413</v>
      </c>
      <c r="X62" s="539"/>
      <c r="Y62" s="539"/>
      <c r="Z62" s="539"/>
      <c r="AA62" s="539"/>
      <c r="AB62" s="539"/>
      <c r="AC62" s="539"/>
      <c r="AD62" s="539"/>
      <c r="AE62" s="539"/>
      <c r="AF62" s="539"/>
      <c r="AG62" s="539"/>
      <c r="AH62" s="539"/>
      <c r="AI62" s="564"/>
      <c r="AJ62" s="500" t="s">
        <v>185</v>
      </c>
      <c r="AK62" s="500"/>
      <c r="AL62" s="500"/>
      <c r="AM62" s="500"/>
      <c r="AN62" s="500"/>
      <c r="AO62" s="501"/>
      <c r="AP62" s="101"/>
      <c r="BK62" s="101"/>
    </row>
    <row r="63" spans="1:83" ht="23.25" customHeight="1" x14ac:dyDescent="0.2">
      <c r="A63" s="565"/>
      <c r="B63" s="540"/>
      <c r="C63" s="540"/>
      <c r="D63" s="540"/>
      <c r="E63" s="540"/>
      <c r="F63" s="540"/>
      <c r="G63" s="540"/>
      <c r="H63" s="540"/>
      <c r="I63" s="540"/>
      <c r="J63" s="540"/>
      <c r="K63" s="540"/>
      <c r="L63" s="540"/>
      <c r="M63" s="540"/>
      <c r="N63" s="540"/>
      <c r="O63" s="566"/>
      <c r="P63" s="561"/>
      <c r="Q63" s="562"/>
      <c r="R63" s="562"/>
      <c r="S63" s="562"/>
      <c r="T63" s="562"/>
      <c r="U63" s="562"/>
      <c r="V63" s="563"/>
      <c r="W63" s="565"/>
      <c r="X63" s="540"/>
      <c r="Y63" s="540"/>
      <c r="Z63" s="540"/>
      <c r="AA63" s="540"/>
      <c r="AB63" s="540"/>
      <c r="AC63" s="540"/>
      <c r="AD63" s="540"/>
      <c r="AE63" s="540"/>
      <c r="AF63" s="540"/>
      <c r="AG63" s="540"/>
      <c r="AH63" s="540"/>
      <c r="AI63" s="566"/>
      <c r="AJ63" s="562"/>
      <c r="AK63" s="562"/>
      <c r="AL63" s="562"/>
      <c r="AM63" s="562"/>
      <c r="AN63" s="562"/>
      <c r="AO63" s="563"/>
      <c r="AP63" s="101"/>
      <c r="BK63" s="101"/>
    </row>
    <row r="64" spans="1:83" ht="12" customHeight="1" x14ac:dyDescent="0.2">
      <c r="A64" s="567"/>
      <c r="B64" s="541"/>
      <c r="C64" s="541"/>
      <c r="D64" s="541"/>
      <c r="E64" s="541"/>
      <c r="F64" s="541"/>
      <c r="G64" s="541"/>
      <c r="H64" s="541"/>
      <c r="I64" s="541"/>
      <c r="J64" s="541"/>
      <c r="K64" s="541"/>
      <c r="L64" s="541"/>
      <c r="M64" s="541"/>
      <c r="N64" s="541"/>
      <c r="O64" s="568"/>
      <c r="P64" s="502"/>
      <c r="Q64" s="503"/>
      <c r="R64" s="503"/>
      <c r="S64" s="503"/>
      <c r="T64" s="503"/>
      <c r="U64" s="503"/>
      <c r="V64" s="504"/>
      <c r="W64" s="567"/>
      <c r="X64" s="541"/>
      <c r="Y64" s="541"/>
      <c r="Z64" s="541"/>
      <c r="AA64" s="541"/>
      <c r="AB64" s="541"/>
      <c r="AC64" s="541"/>
      <c r="AD64" s="541"/>
      <c r="AE64" s="541"/>
      <c r="AF64" s="541"/>
      <c r="AG64" s="541"/>
      <c r="AH64" s="541"/>
      <c r="AI64" s="568"/>
      <c r="AJ64" s="503"/>
      <c r="AK64" s="503"/>
      <c r="AL64" s="503"/>
      <c r="AM64" s="503"/>
      <c r="AN64" s="503"/>
      <c r="AO64" s="504"/>
      <c r="AP64" s="101"/>
      <c r="BK64" s="101"/>
    </row>
    <row r="65" spans="1:41" ht="13.5" customHeight="1" x14ac:dyDescent="0.2">
      <c r="A65" s="100"/>
      <c r="B65" s="100"/>
      <c r="C65" s="100"/>
      <c r="D65" s="100"/>
      <c r="E65" s="100"/>
      <c r="F65" s="100"/>
      <c r="G65" s="100"/>
      <c r="H65" s="551"/>
      <c r="I65" s="551"/>
      <c r="J65" s="551"/>
      <c r="K65" s="551"/>
      <c r="L65" s="551"/>
      <c r="M65" s="551"/>
      <c r="N65" s="551"/>
      <c r="O65" s="551"/>
      <c r="P65" s="551"/>
      <c r="Q65" s="551"/>
      <c r="R65" s="551"/>
      <c r="S65" s="551"/>
      <c r="T65" s="551"/>
      <c r="U65" s="551"/>
      <c r="V65" s="551"/>
      <c r="W65" s="551"/>
      <c r="X65" s="551"/>
      <c r="Y65" s="551"/>
      <c r="Z65" s="551"/>
      <c r="AA65" s="551"/>
      <c r="AB65" s="551"/>
      <c r="AC65" s="551"/>
      <c r="AD65" s="551"/>
      <c r="AE65" s="551"/>
      <c r="AF65" s="551"/>
      <c r="AG65" s="551"/>
      <c r="AH65" s="551"/>
      <c r="AI65" s="551"/>
      <c r="AJ65" s="551"/>
      <c r="AK65" s="551"/>
      <c r="AL65" s="551"/>
      <c r="AM65" s="551"/>
      <c r="AN65" s="551"/>
      <c r="AO65" s="551"/>
    </row>
  </sheetData>
  <mergeCells count="163">
    <mergeCell ref="H51:U52"/>
    <mergeCell ref="H55:U56"/>
    <mergeCell ref="W51:AA52"/>
    <mergeCell ref="B49:F50"/>
    <mergeCell ref="W49:AA50"/>
    <mergeCell ref="AC53:AO54"/>
    <mergeCell ref="A53:G54"/>
    <mergeCell ref="AC47:AO48"/>
    <mergeCell ref="AC49:AO50"/>
    <mergeCell ref="B51:F52"/>
    <mergeCell ref="H49:U50"/>
    <mergeCell ref="B47:F48"/>
    <mergeCell ref="H47:U48"/>
    <mergeCell ref="W47:AA48"/>
    <mergeCell ref="H53:U54"/>
    <mergeCell ref="W53:AA54"/>
    <mergeCell ref="BN42:BT43"/>
    <mergeCell ref="BU42:CE43"/>
    <mergeCell ref="BN44:BT45"/>
    <mergeCell ref="BU44:CE45"/>
    <mergeCell ref="BF47:BL49"/>
    <mergeCell ref="BZ47:CE49"/>
    <mergeCell ref="AQ47:BE49"/>
    <mergeCell ref="BM47:BY49"/>
    <mergeCell ref="AC51:AO52"/>
    <mergeCell ref="R39:X40"/>
    <mergeCell ref="Y39:AD40"/>
    <mergeCell ref="BW27:CE28"/>
    <mergeCell ref="BD31:BJ32"/>
    <mergeCell ref="N33:W34"/>
    <mergeCell ref="X33:AF34"/>
    <mergeCell ref="AG33:AO34"/>
    <mergeCell ref="R41:X42"/>
    <mergeCell ref="Y41:AD42"/>
    <mergeCell ref="AR25:AV32"/>
    <mergeCell ref="BD29:BJ30"/>
    <mergeCell ref="BZ29:CE30"/>
    <mergeCell ref="BK29:BR30"/>
    <mergeCell ref="BS29:BY30"/>
    <mergeCell ref="BK31:BR32"/>
    <mergeCell ref="BN25:BV26"/>
    <mergeCell ref="BW25:CE26"/>
    <mergeCell ref="BD27:BM28"/>
    <mergeCell ref="BN27:BV28"/>
    <mergeCell ref="BD25:BM26"/>
    <mergeCell ref="AX29:BC32"/>
    <mergeCell ref="BZ31:CE32"/>
    <mergeCell ref="BL34:BT35"/>
    <mergeCell ref="BU34:CE35"/>
    <mergeCell ref="I33:L36"/>
    <mergeCell ref="AG35:AO36"/>
    <mergeCell ref="X35:AF36"/>
    <mergeCell ref="AC26:AO27"/>
    <mergeCell ref="N28:AB29"/>
    <mergeCell ref="BS31:BY32"/>
    <mergeCell ref="AY25:BB28"/>
    <mergeCell ref="AR14:AV16"/>
    <mergeCell ref="AX14:BK16"/>
    <mergeCell ref="BM14:BQ16"/>
    <mergeCell ref="BS14:CE16"/>
    <mergeCell ref="BH18:BU19"/>
    <mergeCell ref="BV18:CE19"/>
    <mergeCell ref="AX20:BG21"/>
    <mergeCell ref="BL36:BT37"/>
    <mergeCell ref="BU36:CE37"/>
    <mergeCell ref="AQ34:AY35"/>
    <mergeCell ref="AZ34:BJ35"/>
    <mergeCell ref="AS36:AY37"/>
    <mergeCell ref="AZ36:BJ37"/>
    <mergeCell ref="AF13:AO14"/>
    <mergeCell ref="N30:AB31"/>
    <mergeCell ref="AC30:AO31"/>
    <mergeCell ref="H22:U24"/>
    <mergeCell ref="BL40:BT41"/>
    <mergeCell ref="BV22:CE23"/>
    <mergeCell ref="BH23:BL23"/>
    <mergeCell ref="AR18:AV23"/>
    <mergeCell ref="AX18:BG19"/>
    <mergeCell ref="BH22:BL22"/>
    <mergeCell ref="BH20:BL20"/>
    <mergeCell ref="BM20:BU21"/>
    <mergeCell ref="BV20:CE21"/>
    <mergeCell ref="BH21:BL21"/>
    <mergeCell ref="BM22:BU23"/>
    <mergeCell ref="AX22:BG23"/>
    <mergeCell ref="BL38:BT39"/>
    <mergeCell ref="BU38:CE39"/>
    <mergeCell ref="AQ38:AY39"/>
    <mergeCell ref="AZ38:BJ39"/>
    <mergeCell ref="BU40:CE41"/>
    <mergeCell ref="AS40:AY41"/>
    <mergeCell ref="AZ40:BJ41"/>
    <mergeCell ref="AQ3:CE4"/>
    <mergeCell ref="AR5:AV7"/>
    <mergeCell ref="AX5:BK7"/>
    <mergeCell ref="BM5:BQ7"/>
    <mergeCell ref="BS5:CE7"/>
    <mergeCell ref="AR8:AV10"/>
    <mergeCell ref="AX8:CE9"/>
    <mergeCell ref="AX10:CE10"/>
    <mergeCell ref="AR11:AV13"/>
    <mergeCell ref="AX11:CE13"/>
    <mergeCell ref="H65:AO65"/>
    <mergeCell ref="C57:G58"/>
    <mergeCell ref="C59:G60"/>
    <mergeCell ref="X57:AB58"/>
    <mergeCell ref="X59:AB60"/>
    <mergeCell ref="H57:U58"/>
    <mergeCell ref="H59:U60"/>
    <mergeCell ref="AC55:AO56"/>
    <mergeCell ref="AC57:AO58"/>
    <mergeCell ref="AC59:AO60"/>
    <mergeCell ref="W55:AA56"/>
    <mergeCell ref="B55:F56"/>
    <mergeCell ref="P62:V64"/>
    <mergeCell ref="AJ62:AO64"/>
    <mergeCell ref="A62:O64"/>
    <mergeCell ref="W62:AI64"/>
    <mergeCell ref="B44:F45"/>
    <mergeCell ref="H44:U45"/>
    <mergeCell ref="W44:AA45"/>
    <mergeCell ref="AC44:AO45"/>
    <mergeCell ref="N41:Q42"/>
    <mergeCell ref="B26:F31"/>
    <mergeCell ref="I26:L27"/>
    <mergeCell ref="AK37:AO38"/>
    <mergeCell ref="AE39:AJ40"/>
    <mergeCell ref="AK39:AO40"/>
    <mergeCell ref="I28:L29"/>
    <mergeCell ref="AC28:AO29"/>
    <mergeCell ref="I30:L31"/>
    <mergeCell ref="N26:AB27"/>
    <mergeCell ref="AE37:AJ38"/>
    <mergeCell ref="N35:W36"/>
    <mergeCell ref="N37:Q38"/>
    <mergeCell ref="R37:X38"/>
    <mergeCell ref="B33:F42"/>
    <mergeCell ref="AE41:AJ42"/>
    <mergeCell ref="AK41:AO42"/>
    <mergeCell ref="H37:M42"/>
    <mergeCell ref="Y37:AD38"/>
    <mergeCell ref="N39:Q40"/>
    <mergeCell ref="A2:AO3"/>
    <mergeCell ref="R9:AE10"/>
    <mergeCell ref="AF11:AO12"/>
    <mergeCell ref="AF9:AO10"/>
    <mergeCell ref="H11:Q12"/>
    <mergeCell ref="R11:V11"/>
    <mergeCell ref="R12:V12"/>
    <mergeCell ref="R14:V14"/>
    <mergeCell ref="W11:AE12"/>
    <mergeCell ref="W13:AE14"/>
    <mergeCell ref="W22:AA24"/>
    <mergeCell ref="AC22:AO24"/>
    <mergeCell ref="B16:F18"/>
    <mergeCell ref="B19:F21"/>
    <mergeCell ref="B22:F24"/>
    <mergeCell ref="H16:AO18"/>
    <mergeCell ref="H13:Q14"/>
    <mergeCell ref="R13:V13"/>
    <mergeCell ref="B9:F14"/>
    <mergeCell ref="H9:Q10"/>
    <mergeCell ref="H19:AO21"/>
  </mergeCells>
  <phoneticPr fontId="2"/>
  <pageMargins left="0.75" right="0.67" top="0.52" bottom="0.35" header="0.52" footer="0.33"/>
  <pageSetup paperSize="9" scale="96" orientation="portrait" r:id="rId1"/>
  <headerFooter alignWithMargins="0"/>
  <colBreaks count="1" manualBreakCount="1">
    <brk id="41" max="63"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CH62"/>
  <sheetViews>
    <sheetView view="pageBreakPreview" topLeftCell="A25" zoomScaleNormal="70" zoomScaleSheetLayoutView="100" workbookViewId="0">
      <selection activeCell="CN15" sqref="CN15"/>
    </sheetView>
  </sheetViews>
  <sheetFormatPr defaultColWidth="2.1796875" defaultRowHeight="13.5" customHeight="1" x14ac:dyDescent="0.2"/>
  <cols>
    <col min="1" max="1" width="0.90625" style="152" customWidth="1"/>
    <col min="2" max="6" width="2.1796875" style="152" customWidth="1"/>
    <col min="7" max="7" width="1" style="152" customWidth="1"/>
    <col min="8" max="20" width="2.1796875" style="152" customWidth="1"/>
    <col min="21" max="21" width="1.1796875" style="152" customWidth="1"/>
    <col min="22" max="22" width="1" style="152" customWidth="1"/>
    <col min="23" max="27" width="2.1796875" style="152" customWidth="1"/>
    <col min="28" max="28" width="1" style="152" customWidth="1"/>
    <col min="29" max="42" width="2.1796875" style="152" customWidth="1"/>
    <col min="43" max="43" width="3.1796875" style="152" customWidth="1"/>
    <col min="44" max="44" width="0.90625" style="152" customWidth="1"/>
    <col min="45" max="49" width="2.1796875" style="152" customWidth="1"/>
    <col min="50" max="50" width="1" style="152" customWidth="1"/>
    <col min="51" max="63" width="2.1796875" style="152" customWidth="1"/>
    <col min="64" max="64" width="1.1796875" style="152" customWidth="1"/>
    <col min="65" max="65" width="1" style="152" customWidth="1"/>
    <col min="66" max="70" width="2.1796875" style="152" customWidth="1"/>
    <col min="71" max="71" width="1" style="152" customWidth="1"/>
    <col min="72" max="16384" width="2.1796875" style="152"/>
  </cols>
  <sheetData>
    <row r="1" spans="1:86" ht="13.5" customHeight="1" x14ac:dyDescent="0.2">
      <c r="A1" s="154"/>
      <c r="B1" s="89" t="s">
        <v>371</v>
      </c>
      <c r="C1" s="154"/>
      <c r="D1" s="154"/>
      <c r="E1" s="154"/>
      <c r="F1" s="154"/>
      <c r="G1" s="154"/>
      <c r="H1" s="154"/>
      <c r="I1" s="154"/>
      <c r="J1" s="154"/>
      <c r="K1" s="154"/>
      <c r="L1" s="154"/>
      <c r="M1" s="154"/>
      <c r="N1" s="154"/>
      <c r="O1" s="154"/>
      <c r="P1" s="154"/>
      <c r="Q1" s="154"/>
      <c r="R1" s="154"/>
      <c r="S1" s="154"/>
      <c r="T1" s="154"/>
      <c r="U1" s="154"/>
      <c r="V1" s="154"/>
      <c r="W1" s="154"/>
      <c r="X1" s="154"/>
      <c r="Y1" s="154"/>
      <c r="Z1" s="154"/>
      <c r="AA1" s="154"/>
      <c r="AB1" s="154"/>
      <c r="AC1" s="154"/>
      <c r="AD1" s="154"/>
      <c r="AE1" s="154"/>
      <c r="AF1" s="154"/>
      <c r="AG1" s="154"/>
      <c r="AH1" s="154" t="s">
        <v>88</v>
      </c>
      <c r="AI1" s="154"/>
      <c r="AJ1" s="154"/>
      <c r="AK1" s="154" t="s">
        <v>89</v>
      </c>
      <c r="AL1" s="154"/>
      <c r="AM1" s="154"/>
      <c r="AN1" s="154" t="s">
        <v>90</v>
      </c>
      <c r="AO1" s="154"/>
      <c r="AP1" s="154"/>
      <c r="AQ1" s="154"/>
      <c r="AR1" s="154"/>
      <c r="AS1" s="89" t="s">
        <v>372</v>
      </c>
      <c r="AT1" s="154"/>
      <c r="AU1" s="154"/>
      <c r="AV1" s="154"/>
      <c r="AW1" s="154"/>
      <c r="AX1" s="154"/>
      <c r="AY1" s="157"/>
      <c r="AZ1" s="157"/>
      <c r="BA1" s="157"/>
      <c r="BB1" s="157"/>
      <c r="BC1" s="157"/>
      <c r="BD1" s="157"/>
      <c r="BE1" s="157"/>
      <c r="BF1" s="157"/>
      <c r="BG1" s="157"/>
      <c r="BH1" s="157"/>
      <c r="BI1" s="157"/>
      <c r="BJ1" s="157"/>
      <c r="BK1" s="157"/>
      <c r="BL1" s="157"/>
      <c r="BM1" s="157"/>
      <c r="BN1" s="157"/>
      <c r="BO1" s="157"/>
      <c r="BP1" s="157"/>
      <c r="BQ1" s="157"/>
      <c r="BR1" s="157"/>
      <c r="BS1" s="157"/>
      <c r="BT1" s="157"/>
      <c r="BU1" s="157"/>
      <c r="BV1" s="157"/>
      <c r="BW1" s="157"/>
      <c r="BX1" s="157"/>
      <c r="BY1" s="157"/>
      <c r="BZ1" s="157"/>
      <c r="CA1" s="157"/>
      <c r="CB1" s="157"/>
      <c r="CC1" s="157"/>
      <c r="CD1" s="157"/>
      <c r="CE1" s="157"/>
      <c r="CF1" s="157"/>
      <c r="CG1" s="153"/>
      <c r="CH1" s="153"/>
    </row>
    <row r="2" spans="1:86" ht="7.5" customHeight="1" x14ac:dyDescent="0.2">
      <c r="A2" s="154"/>
      <c r="B2" s="154"/>
      <c r="C2" s="154"/>
      <c r="D2" s="154"/>
      <c r="E2" s="154"/>
      <c r="F2" s="154"/>
      <c r="G2" s="154"/>
      <c r="H2" s="154"/>
      <c r="I2" s="154"/>
      <c r="J2" s="154"/>
      <c r="K2" s="154"/>
      <c r="L2" s="154"/>
      <c r="M2" s="154"/>
      <c r="N2" s="154"/>
      <c r="O2" s="154"/>
      <c r="P2" s="154"/>
      <c r="Q2" s="154"/>
      <c r="R2" s="154"/>
      <c r="S2" s="154"/>
      <c r="T2" s="154"/>
      <c r="U2" s="154"/>
      <c r="V2" s="154"/>
      <c r="W2" s="154"/>
      <c r="X2" s="154"/>
      <c r="Y2" s="154"/>
      <c r="Z2" s="154"/>
      <c r="AA2" s="154"/>
      <c r="AB2" s="154"/>
      <c r="AC2" s="154"/>
      <c r="AD2" s="154"/>
      <c r="AE2" s="154"/>
      <c r="AF2" s="154"/>
      <c r="AG2" s="154"/>
      <c r="AH2" s="154"/>
      <c r="AI2" s="154"/>
      <c r="AJ2" s="154"/>
      <c r="AK2" s="154"/>
      <c r="AL2" s="154"/>
      <c r="AM2" s="154"/>
      <c r="AN2" s="154"/>
      <c r="AO2" s="154"/>
      <c r="AP2" s="154"/>
      <c r="AQ2" s="154"/>
      <c r="AR2" s="154"/>
      <c r="AS2" s="154"/>
      <c r="AT2" s="154"/>
      <c r="AU2" s="154"/>
      <c r="AV2" s="154"/>
      <c r="AW2" s="154"/>
      <c r="AX2" s="154"/>
      <c r="AY2" s="154"/>
      <c r="AZ2" s="154"/>
      <c r="BA2" s="154"/>
      <c r="BB2" s="154"/>
      <c r="BC2" s="154"/>
      <c r="BD2" s="154"/>
      <c r="BE2" s="154"/>
      <c r="BF2" s="154"/>
      <c r="BG2" s="154"/>
      <c r="BH2" s="154"/>
      <c r="BI2" s="154"/>
      <c r="BJ2" s="154"/>
      <c r="BK2" s="154"/>
      <c r="BL2" s="154"/>
      <c r="BM2" s="154"/>
      <c r="BN2" s="154"/>
      <c r="BO2" s="154"/>
      <c r="BP2" s="154"/>
      <c r="BQ2" s="154"/>
      <c r="BR2" s="154"/>
      <c r="BS2" s="154"/>
      <c r="BT2" s="154"/>
      <c r="BU2" s="154"/>
      <c r="BV2" s="154"/>
      <c r="BW2" s="154"/>
      <c r="BX2" s="154"/>
      <c r="BY2" s="154"/>
      <c r="BZ2" s="154"/>
      <c r="CA2" s="154"/>
      <c r="CB2" s="154"/>
      <c r="CC2" s="154"/>
      <c r="CD2" s="154"/>
      <c r="CE2" s="154"/>
      <c r="CF2" s="154"/>
      <c r="CG2" s="153"/>
      <c r="CH2" s="153"/>
    </row>
    <row r="3" spans="1:86" ht="13.5" customHeight="1" x14ac:dyDescent="0.2">
      <c r="A3" s="725" t="s">
        <v>138</v>
      </c>
      <c r="B3" s="726"/>
      <c r="C3" s="726"/>
      <c r="D3" s="726"/>
      <c r="E3" s="726"/>
      <c r="F3" s="726"/>
      <c r="G3" s="726"/>
      <c r="H3" s="726"/>
      <c r="I3" s="726"/>
      <c r="J3" s="726"/>
      <c r="K3" s="726"/>
      <c r="L3" s="726"/>
      <c r="M3" s="726"/>
      <c r="N3" s="726"/>
      <c r="O3" s="726"/>
      <c r="P3" s="726"/>
      <c r="Q3" s="726"/>
      <c r="R3" s="726"/>
      <c r="S3" s="726"/>
      <c r="T3" s="726"/>
      <c r="U3" s="726"/>
      <c r="V3" s="726"/>
      <c r="W3" s="726"/>
      <c r="X3" s="726"/>
      <c r="Y3" s="726"/>
      <c r="Z3" s="726"/>
      <c r="AA3" s="726"/>
      <c r="AB3" s="726"/>
      <c r="AC3" s="726"/>
      <c r="AD3" s="726"/>
      <c r="AE3" s="726"/>
      <c r="AF3" s="726"/>
      <c r="AG3" s="726"/>
      <c r="AH3" s="726"/>
      <c r="AI3" s="726"/>
      <c r="AJ3" s="726"/>
      <c r="AK3" s="726"/>
      <c r="AL3" s="726"/>
      <c r="AM3" s="726"/>
      <c r="AN3" s="726"/>
      <c r="AO3" s="726"/>
      <c r="AP3" s="187"/>
      <c r="AQ3" s="154"/>
      <c r="AR3" s="722" t="s">
        <v>139</v>
      </c>
      <c r="AS3" s="722"/>
      <c r="AT3" s="722"/>
      <c r="AU3" s="722"/>
      <c r="AV3" s="722"/>
      <c r="AW3" s="722"/>
      <c r="AX3" s="722"/>
      <c r="AY3" s="722"/>
      <c r="AZ3" s="722"/>
      <c r="BA3" s="722"/>
      <c r="BB3" s="722"/>
      <c r="BC3" s="188"/>
      <c r="BD3" s="188"/>
      <c r="BE3" s="188"/>
      <c r="BF3" s="188"/>
      <c r="BG3" s="188"/>
      <c r="BH3" s="188"/>
      <c r="BI3" s="188"/>
      <c r="BJ3" s="188"/>
      <c r="BK3" s="188"/>
      <c r="BL3" s="188"/>
      <c r="BM3" s="188"/>
      <c r="BN3" s="188"/>
      <c r="BO3" s="188"/>
      <c r="BP3" s="188"/>
      <c r="BQ3" s="188"/>
      <c r="BR3" s="188"/>
      <c r="BS3" s="188"/>
      <c r="BT3" s="188"/>
      <c r="BU3" s="188"/>
      <c r="BV3" s="188"/>
      <c r="BW3" s="188"/>
      <c r="BX3" s="188"/>
      <c r="BY3" s="188"/>
      <c r="BZ3" s="188"/>
      <c r="CA3" s="188"/>
      <c r="CB3" s="188"/>
      <c r="CC3" s="188"/>
      <c r="CD3" s="188"/>
      <c r="CE3" s="188"/>
      <c r="CF3" s="188"/>
      <c r="CG3" s="153"/>
      <c r="CH3" s="153"/>
    </row>
    <row r="4" spans="1:86" ht="13.5" customHeight="1" x14ac:dyDescent="0.2">
      <c r="A4" s="726"/>
      <c r="B4" s="726"/>
      <c r="C4" s="726"/>
      <c r="D4" s="726"/>
      <c r="E4" s="726"/>
      <c r="F4" s="726"/>
      <c r="G4" s="726"/>
      <c r="H4" s="726"/>
      <c r="I4" s="726"/>
      <c r="J4" s="726"/>
      <c r="K4" s="726"/>
      <c r="L4" s="726"/>
      <c r="M4" s="726"/>
      <c r="N4" s="726"/>
      <c r="O4" s="726"/>
      <c r="P4" s="726"/>
      <c r="Q4" s="726"/>
      <c r="R4" s="726"/>
      <c r="S4" s="726"/>
      <c r="T4" s="726"/>
      <c r="U4" s="726"/>
      <c r="V4" s="726"/>
      <c r="W4" s="726"/>
      <c r="X4" s="726"/>
      <c r="Y4" s="726"/>
      <c r="Z4" s="726"/>
      <c r="AA4" s="726"/>
      <c r="AB4" s="726"/>
      <c r="AC4" s="726"/>
      <c r="AD4" s="726"/>
      <c r="AE4" s="726"/>
      <c r="AF4" s="726"/>
      <c r="AG4" s="726"/>
      <c r="AH4" s="726"/>
      <c r="AI4" s="726"/>
      <c r="AJ4" s="726"/>
      <c r="AK4" s="726"/>
      <c r="AL4" s="726"/>
      <c r="AM4" s="726"/>
      <c r="AN4" s="726"/>
      <c r="AO4" s="726"/>
      <c r="AP4" s="187"/>
      <c r="AQ4" s="154"/>
      <c r="AR4" s="723"/>
      <c r="AS4" s="723"/>
      <c r="AT4" s="723"/>
      <c r="AU4" s="723"/>
      <c r="AV4" s="723"/>
      <c r="AW4" s="723"/>
      <c r="AX4" s="723"/>
      <c r="AY4" s="723"/>
      <c r="AZ4" s="723"/>
      <c r="BA4" s="723"/>
      <c r="BB4" s="723"/>
      <c r="BC4" s="724" t="s">
        <v>140</v>
      </c>
      <c r="BD4" s="724"/>
      <c r="BE4" s="724"/>
      <c r="BF4" s="724"/>
      <c r="BG4" s="724"/>
      <c r="BH4" s="724"/>
      <c r="BI4" s="724"/>
      <c r="BJ4" s="724"/>
      <c r="BK4" s="724"/>
      <c r="BL4" s="724"/>
      <c r="BM4" s="724"/>
      <c r="BN4" s="724"/>
      <c r="BO4" s="724"/>
      <c r="BP4" s="724"/>
      <c r="BQ4" s="724"/>
      <c r="BR4" s="724"/>
      <c r="BS4" s="724"/>
      <c r="BT4" s="724"/>
      <c r="BU4" s="724"/>
      <c r="BV4" s="724"/>
      <c r="BW4" s="724"/>
      <c r="BX4" s="724"/>
      <c r="BY4" s="724"/>
      <c r="BZ4" s="724"/>
      <c r="CA4" s="724"/>
      <c r="CB4" s="724"/>
      <c r="CC4" s="724"/>
      <c r="CD4" s="724"/>
      <c r="CE4" s="724"/>
      <c r="CF4" s="724"/>
      <c r="CG4" s="153"/>
      <c r="CH4" s="153"/>
    </row>
    <row r="5" spans="1:86" ht="9" customHeight="1" x14ac:dyDescent="0.2">
      <c r="A5" s="187"/>
      <c r="B5" s="187"/>
      <c r="C5" s="187"/>
      <c r="D5" s="187"/>
      <c r="E5" s="187"/>
      <c r="F5" s="187"/>
      <c r="G5" s="187"/>
      <c r="H5" s="187"/>
      <c r="I5" s="187"/>
      <c r="J5" s="187"/>
      <c r="K5" s="187"/>
      <c r="L5" s="187"/>
      <c r="M5" s="187"/>
      <c r="N5" s="187"/>
      <c r="O5" s="187"/>
      <c r="P5" s="187"/>
      <c r="Q5" s="187"/>
      <c r="R5" s="187"/>
      <c r="S5" s="187"/>
      <c r="T5" s="187"/>
      <c r="U5" s="187"/>
      <c r="V5" s="187"/>
      <c r="W5" s="187"/>
      <c r="X5" s="187"/>
      <c r="Y5" s="187"/>
      <c r="Z5" s="187"/>
      <c r="AA5" s="187"/>
      <c r="AB5" s="187"/>
      <c r="AC5" s="187"/>
      <c r="AD5" s="187"/>
      <c r="AE5" s="187"/>
      <c r="AF5" s="187"/>
      <c r="AG5" s="187"/>
      <c r="AH5" s="187"/>
      <c r="AI5" s="187"/>
      <c r="AJ5" s="187"/>
      <c r="AK5" s="187"/>
      <c r="AL5" s="187"/>
      <c r="AM5" s="187"/>
      <c r="AN5" s="187"/>
      <c r="AO5" s="187"/>
      <c r="AP5" s="187"/>
      <c r="AQ5" s="154"/>
      <c r="AR5" s="171"/>
      <c r="AS5" s="701" t="s">
        <v>241</v>
      </c>
      <c r="AT5" s="664"/>
      <c r="AU5" s="664"/>
      <c r="AV5" s="664"/>
      <c r="AW5" s="664"/>
      <c r="AX5" s="170"/>
      <c r="AY5" s="727"/>
      <c r="AZ5" s="728"/>
      <c r="BA5" s="728"/>
      <c r="BB5" s="728"/>
      <c r="BC5" s="728"/>
      <c r="BD5" s="728"/>
      <c r="BE5" s="728"/>
      <c r="BF5" s="728"/>
      <c r="BG5" s="728"/>
      <c r="BH5" s="728"/>
      <c r="BI5" s="728"/>
      <c r="BJ5" s="728"/>
      <c r="BK5" s="728"/>
      <c r="BL5" s="729"/>
      <c r="BM5" s="171"/>
      <c r="BN5" s="664" t="s">
        <v>93</v>
      </c>
      <c r="BO5" s="664"/>
      <c r="BP5" s="664"/>
      <c r="BQ5" s="664"/>
      <c r="BR5" s="664"/>
      <c r="BS5" s="170"/>
      <c r="BT5" s="727"/>
      <c r="BU5" s="728"/>
      <c r="BV5" s="728"/>
      <c r="BW5" s="728"/>
      <c r="BX5" s="728"/>
      <c r="BY5" s="728"/>
      <c r="BZ5" s="728"/>
      <c r="CA5" s="728"/>
      <c r="CB5" s="728"/>
      <c r="CC5" s="728"/>
      <c r="CD5" s="728"/>
      <c r="CE5" s="728"/>
      <c r="CF5" s="729"/>
      <c r="CG5" s="153"/>
      <c r="CH5" s="153"/>
    </row>
    <row r="6" spans="1:86" ht="13.5" customHeight="1" x14ac:dyDescent="0.2">
      <c r="A6" s="154"/>
      <c r="B6" s="702" t="s">
        <v>141</v>
      </c>
      <c r="C6" s="702"/>
      <c r="D6" s="702"/>
      <c r="E6" s="702"/>
      <c r="F6" s="702"/>
      <c r="G6" s="186"/>
      <c r="H6" s="154"/>
      <c r="I6" s="154"/>
      <c r="J6" s="154"/>
      <c r="K6" s="154"/>
      <c r="L6" s="154"/>
      <c r="M6" s="154"/>
      <c r="N6" s="154"/>
      <c r="O6" s="154"/>
      <c r="P6" s="154"/>
      <c r="Q6" s="154"/>
      <c r="R6" s="154"/>
      <c r="S6" s="154"/>
      <c r="T6" s="154"/>
      <c r="U6" s="154"/>
      <c r="V6" s="154"/>
      <c r="W6" s="154"/>
      <c r="X6" s="154"/>
      <c r="Y6" s="154"/>
      <c r="Z6" s="154"/>
      <c r="AA6" s="154"/>
      <c r="AB6" s="154"/>
      <c r="AC6" s="154"/>
      <c r="AD6" s="154"/>
      <c r="AE6" s="154"/>
      <c r="AF6" s="154"/>
      <c r="AG6" s="154"/>
      <c r="AH6" s="154"/>
      <c r="AI6" s="154"/>
      <c r="AJ6" s="154"/>
      <c r="AK6" s="154"/>
      <c r="AL6" s="154"/>
      <c r="AM6" s="154"/>
      <c r="AN6" s="154"/>
      <c r="AO6" s="154"/>
      <c r="AP6" s="154"/>
      <c r="AQ6" s="154"/>
      <c r="AR6" s="161"/>
      <c r="AS6" s="665"/>
      <c r="AT6" s="665"/>
      <c r="AU6" s="665"/>
      <c r="AV6" s="665"/>
      <c r="AW6" s="665"/>
      <c r="AX6" s="165"/>
      <c r="AY6" s="730"/>
      <c r="AZ6" s="731"/>
      <c r="BA6" s="731"/>
      <c r="BB6" s="731"/>
      <c r="BC6" s="731"/>
      <c r="BD6" s="731"/>
      <c r="BE6" s="731"/>
      <c r="BF6" s="731"/>
      <c r="BG6" s="731"/>
      <c r="BH6" s="731"/>
      <c r="BI6" s="731"/>
      <c r="BJ6" s="731"/>
      <c r="BK6" s="731"/>
      <c r="BL6" s="732"/>
      <c r="BM6" s="161"/>
      <c r="BN6" s="665"/>
      <c r="BO6" s="665"/>
      <c r="BP6" s="665"/>
      <c r="BQ6" s="665"/>
      <c r="BR6" s="665"/>
      <c r="BS6" s="165"/>
      <c r="BT6" s="730"/>
      <c r="BU6" s="731"/>
      <c r="BV6" s="731"/>
      <c r="BW6" s="731"/>
      <c r="BX6" s="731"/>
      <c r="BY6" s="731"/>
      <c r="BZ6" s="731"/>
      <c r="CA6" s="731"/>
      <c r="CB6" s="731"/>
      <c r="CC6" s="731"/>
      <c r="CD6" s="731"/>
      <c r="CE6" s="731"/>
      <c r="CF6" s="732"/>
      <c r="CG6" s="153"/>
      <c r="CH6" s="153"/>
    </row>
    <row r="7" spans="1:86" ht="13.5" customHeight="1" x14ac:dyDescent="0.2">
      <c r="A7" s="154"/>
      <c r="B7" s="702"/>
      <c r="C7" s="702"/>
      <c r="D7" s="702"/>
      <c r="E7" s="702"/>
      <c r="F7" s="702"/>
      <c r="G7" s="185"/>
      <c r="H7" s="159"/>
      <c r="I7" s="159"/>
      <c r="J7" s="159"/>
      <c r="K7" s="159"/>
      <c r="L7" s="159"/>
      <c r="M7" s="159"/>
      <c r="N7" s="159"/>
      <c r="O7" s="159"/>
      <c r="P7" s="159"/>
      <c r="Q7" s="159"/>
      <c r="R7" s="159"/>
      <c r="S7" s="159"/>
      <c r="T7" s="159"/>
      <c r="U7" s="159"/>
      <c r="V7" s="154"/>
      <c r="W7" s="154"/>
      <c r="X7" s="154"/>
      <c r="Y7" s="154"/>
      <c r="Z7" s="154"/>
      <c r="AA7" s="154"/>
      <c r="AB7" s="154"/>
      <c r="AC7" s="154"/>
      <c r="AD7" s="154"/>
      <c r="AE7" s="154"/>
      <c r="AF7" s="154"/>
      <c r="AG7" s="154"/>
      <c r="AH7" s="154"/>
      <c r="AI7" s="154"/>
      <c r="AJ7" s="154"/>
      <c r="AK7" s="154"/>
      <c r="AL7" s="154"/>
      <c r="AM7" s="154"/>
      <c r="AN7" s="154"/>
      <c r="AO7" s="154"/>
      <c r="AP7" s="154"/>
      <c r="AQ7" s="154"/>
      <c r="AR7" s="160"/>
      <c r="AS7" s="666"/>
      <c r="AT7" s="666"/>
      <c r="AU7" s="666"/>
      <c r="AV7" s="666"/>
      <c r="AW7" s="666"/>
      <c r="AX7" s="164"/>
      <c r="AY7" s="733"/>
      <c r="AZ7" s="734"/>
      <c r="BA7" s="734"/>
      <c r="BB7" s="734"/>
      <c r="BC7" s="734"/>
      <c r="BD7" s="734"/>
      <c r="BE7" s="734"/>
      <c r="BF7" s="734"/>
      <c r="BG7" s="734"/>
      <c r="BH7" s="734"/>
      <c r="BI7" s="734"/>
      <c r="BJ7" s="734"/>
      <c r="BK7" s="734"/>
      <c r="BL7" s="735"/>
      <c r="BM7" s="160"/>
      <c r="BN7" s="666"/>
      <c r="BO7" s="666"/>
      <c r="BP7" s="666"/>
      <c r="BQ7" s="666"/>
      <c r="BR7" s="666"/>
      <c r="BS7" s="164"/>
      <c r="BT7" s="733"/>
      <c r="BU7" s="734"/>
      <c r="BV7" s="734"/>
      <c r="BW7" s="734"/>
      <c r="BX7" s="734"/>
      <c r="BY7" s="734"/>
      <c r="BZ7" s="734"/>
      <c r="CA7" s="734"/>
      <c r="CB7" s="734"/>
      <c r="CC7" s="734"/>
      <c r="CD7" s="734"/>
      <c r="CE7" s="734"/>
      <c r="CF7" s="735"/>
      <c r="CG7" s="153"/>
      <c r="CH7" s="153"/>
    </row>
    <row r="8" spans="1:86" ht="13.5" customHeight="1" x14ac:dyDescent="0.2">
      <c r="A8" s="154"/>
      <c r="B8" s="175"/>
      <c r="C8" s="175"/>
      <c r="D8" s="175"/>
      <c r="E8" s="175"/>
      <c r="F8" s="175"/>
      <c r="G8" s="175"/>
      <c r="H8" s="154"/>
      <c r="I8" s="154"/>
      <c r="J8" s="154"/>
      <c r="K8" s="154"/>
      <c r="L8" s="154"/>
      <c r="M8" s="154"/>
      <c r="N8" s="154"/>
      <c r="O8" s="154"/>
      <c r="P8" s="154"/>
      <c r="Q8" s="154"/>
      <c r="R8" s="154"/>
      <c r="S8" s="154"/>
      <c r="T8" s="154"/>
      <c r="U8" s="154"/>
      <c r="V8" s="154"/>
      <c r="W8" s="647" t="s">
        <v>142</v>
      </c>
      <c r="X8" s="647"/>
      <c r="Y8" s="647"/>
      <c r="Z8" s="647"/>
      <c r="AA8" s="647"/>
      <c r="AB8" s="647"/>
      <c r="AC8" s="647"/>
      <c r="AD8" s="647"/>
      <c r="AE8" s="647"/>
      <c r="AF8" s="154"/>
      <c r="AG8" s="154"/>
      <c r="AH8" s="154"/>
      <c r="AI8" s="154"/>
      <c r="AJ8" s="154"/>
      <c r="AK8" s="154"/>
      <c r="AL8" s="154"/>
      <c r="AM8" s="154"/>
      <c r="AN8" s="154"/>
      <c r="AO8" s="154"/>
      <c r="AP8" s="154"/>
      <c r="AQ8" s="154"/>
      <c r="AR8" s="171"/>
      <c r="AS8" s="701" t="s">
        <v>143</v>
      </c>
      <c r="AT8" s="701"/>
      <c r="AU8" s="701"/>
      <c r="AV8" s="701"/>
      <c r="AW8" s="701"/>
      <c r="AX8" s="170"/>
      <c r="AY8" s="736"/>
      <c r="AZ8" s="737"/>
      <c r="BA8" s="737"/>
      <c r="BB8" s="737"/>
      <c r="BC8" s="737"/>
      <c r="BD8" s="737"/>
      <c r="BE8" s="737"/>
      <c r="BF8" s="737"/>
      <c r="BG8" s="737"/>
      <c r="BH8" s="737"/>
      <c r="BI8" s="737"/>
      <c r="BJ8" s="737"/>
      <c r="BK8" s="737"/>
      <c r="BL8" s="737"/>
      <c r="BM8" s="737"/>
      <c r="BN8" s="737"/>
      <c r="BO8" s="737"/>
      <c r="BP8" s="737"/>
      <c r="BQ8" s="737"/>
      <c r="BR8" s="737"/>
      <c r="BS8" s="737"/>
      <c r="BT8" s="737"/>
      <c r="BU8" s="737"/>
      <c r="BV8" s="737"/>
      <c r="BW8" s="737"/>
      <c r="BX8" s="737"/>
      <c r="BY8" s="737"/>
      <c r="BZ8" s="737"/>
      <c r="CA8" s="737"/>
      <c r="CB8" s="737"/>
      <c r="CC8" s="737"/>
      <c r="CD8" s="737"/>
      <c r="CE8" s="737"/>
      <c r="CF8" s="738"/>
      <c r="CG8" s="153"/>
      <c r="CH8" s="153"/>
    </row>
    <row r="9" spans="1:86" ht="13.5" customHeight="1" x14ac:dyDescent="0.2">
      <c r="A9" s="154"/>
      <c r="B9" s="702"/>
      <c r="C9" s="702"/>
      <c r="D9" s="702"/>
      <c r="E9" s="702"/>
      <c r="F9" s="702"/>
      <c r="G9" s="175"/>
      <c r="H9" s="154"/>
      <c r="I9" s="154"/>
      <c r="J9" s="154"/>
      <c r="K9" s="154"/>
      <c r="L9" s="154"/>
      <c r="M9" s="154"/>
      <c r="N9" s="154"/>
      <c r="O9" s="154"/>
      <c r="P9" s="154"/>
      <c r="Q9" s="154"/>
      <c r="R9" s="154"/>
      <c r="S9" s="154"/>
      <c r="T9" s="154"/>
      <c r="U9" s="154"/>
      <c r="V9" s="154"/>
      <c r="W9" s="154"/>
      <c r="X9" s="154"/>
      <c r="Y9" s="154"/>
      <c r="Z9" s="154"/>
      <c r="AA9" s="154"/>
      <c r="AB9" s="154"/>
      <c r="AC9" s="162"/>
      <c r="AD9" s="154"/>
      <c r="AE9" s="154"/>
      <c r="AF9" s="154"/>
      <c r="AG9" s="154"/>
      <c r="AH9" s="154"/>
      <c r="AI9" s="154"/>
      <c r="AJ9" s="154"/>
      <c r="AK9" s="154"/>
      <c r="AL9" s="154"/>
      <c r="AM9" s="154"/>
      <c r="AN9" s="154"/>
      <c r="AO9" s="154"/>
      <c r="AP9" s="154"/>
      <c r="AQ9" s="154"/>
      <c r="AR9" s="161"/>
      <c r="AS9" s="702"/>
      <c r="AT9" s="702"/>
      <c r="AU9" s="702"/>
      <c r="AV9" s="702"/>
      <c r="AW9" s="702"/>
      <c r="AX9" s="165"/>
      <c r="AY9" s="739"/>
      <c r="AZ9" s="740"/>
      <c r="BA9" s="740"/>
      <c r="BB9" s="740"/>
      <c r="BC9" s="740"/>
      <c r="BD9" s="740"/>
      <c r="BE9" s="740"/>
      <c r="BF9" s="740"/>
      <c r="BG9" s="740"/>
      <c r="BH9" s="740"/>
      <c r="BI9" s="740"/>
      <c r="BJ9" s="740"/>
      <c r="BK9" s="740"/>
      <c r="BL9" s="740"/>
      <c r="BM9" s="740"/>
      <c r="BN9" s="740"/>
      <c r="BO9" s="740"/>
      <c r="BP9" s="740"/>
      <c r="BQ9" s="740"/>
      <c r="BR9" s="740"/>
      <c r="BS9" s="740"/>
      <c r="BT9" s="740"/>
      <c r="BU9" s="740"/>
      <c r="BV9" s="740"/>
      <c r="BW9" s="740"/>
      <c r="BX9" s="740"/>
      <c r="BY9" s="740"/>
      <c r="BZ9" s="740"/>
      <c r="CA9" s="740"/>
      <c r="CB9" s="740"/>
      <c r="CC9" s="740"/>
      <c r="CD9" s="740"/>
      <c r="CE9" s="740"/>
      <c r="CF9" s="741"/>
      <c r="CG9" s="153"/>
      <c r="CH9" s="153"/>
    </row>
    <row r="10" spans="1:86" ht="13.5" customHeight="1" x14ac:dyDescent="0.2">
      <c r="A10" s="154"/>
      <c r="B10" s="702"/>
      <c r="C10" s="702"/>
      <c r="D10" s="702"/>
      <c r="E10" s="702"/>
      <c r="F10" s="702"/>
      <c r="G10" s="695"/>
      <c r="H10" s="695"/>
      <c r="I10" s="695"/>
      <c r="J10" s="695"/>
      <c r="K10" s="695"/>
      <c r="L10" s="695"/>
      <c r="M10" s="695"/>
      <c r="N10" s="695"/>
      <c r="O10" s="695"/>
      <c r="P10" s="695"/>
      <c r="Q10" s="695"/>
      <c r="R10" s="695"/>
      <c r="S10" s="695"/>
      <c r="T10" s="695"/>
      <c r="U10" s="695"/>
      <c r="V10" s="154"/>
      <c r="W10" s="154"/>
      <c r="X10" s="665" t="s">
        <v>144</v>
      </c>
      <c r="Y10" s="665"/>
      <c r="Z10" s="665"/>
      <c r="AA10" s="665"/>
      <c r="AB10" s="154"/>
      <c r="AC10" s="676"/>
      <c r="AD10" s="676"/>
      <c r="AE10" s="676"/>
      <c r="AF10" s="676"/>
      <c r="AG10" s="676"/>
      <c r="AH10" s="676"/>
      <c r="AI10" s="676"/>
      <c r="AJ10" s="676"/>
      <c r="AK10" s="676"/>
      <c r="AL10" s="676"/>
      <c r="AM10" s="676"/>
      <c r="AN10" s="676"/>
      <c r="AO10" s="676"/>
      <c r="AP10" s="154"/>
      <c r="AQ10" s="154"/>
      <c r="AR10" s="160"/>
      <c r="AS10" s="703"/>
      <c r="AT10" s="703"/>
      <c r="AU10" s="703"/>
      <c r="AV10" s="703"/>
      <c r="AW10" s="703"/>
      <c r="AX10" s="164"/>
      <c r="AY10" s="697"/>
      <c r="AZ10" s="698"/>
      <c r="BA10" s="698"/>
      <c r="BB10" s="698"/>
      <c r="BC10" s="698"/>
      <c r="BD10" s="698"/>
      <c r="BE10" s="698"/>
      <c r="BF10" s="698"/>
      <c r="BG10" s="698"/>
      <c r="BH10" s="698"/>
      <c r="BI10" s="698"/>
      <c r="BJ10" s="698"/>
      <c r="BK10" s="698"/>
      <c r="BL10" s="698"/>
      <c r="BM10" s="698"/>
      <c r="BN10" s="698"/>
      <c r="BO10" s="698"/>
      <c r="BP10" s="698"/>
      <c r="BQ10" s="698"/>
      <c r="BR10" s="698"/>
      <c r="BS10" s="698"/>
      <c r="BT10" s="698"/>
      <c r="BU10" s="698"/>
      <c r="BV10" s="698"/>
      <c r="BW10" s="698"/>
      <c r="BX10" s="698"/>
      <c r="BY10" s="698"/>
      <c r="BZ10" s="698"/>
      <c r="CA10" s="698"/>
      <c r="CB10" s="698"/>
      <c r="CC10" s="698"/>
      <c r="CD10" s="698"/>
      <c r="CE10" s="698"/>
      <c r="CF10" s="699"/>
      <c r="CG10" s="153"/>
      <c r="CH10" s="153"/>
    </row>
    <row r="11" spans="1:86" ht="13.5" customHeight="1" x14ac:dyDescent="0.2">
      <c r="A11" s="154"/>
      <c r="B11" s="176"/>
      <c r="C11" s="175"/>
      <c r="D11" s="175"/>
      <c r="E11" s="175"/>
      <c r="F11" s="175"/>
      <c r="G11" s="175"/>
      <c r="H11" s="154"/>
      <c r="I11" s="154"/>
      <c r="J11" s="154"/>
      <c r="K11" s="154"/>
      <c r="L11" s="154"/>
      <c r="M11" s="154"/>
      <c r="N11" s="154"/>
      <c r="O11" s="154"/>
      <c r="P11" s="154"/>
      <c r="Q11" s="154"/>
      <c r="R11" s="154"/>
      <c r="S11" s="154"/>
      <c r="T11" s="154"/>
      <c r="U11" s="154"/>
      <c r="V11" s="154"/>
      <c r="W11" s="154"/>
      <c r="X11" s="154"/>
      <c r="Y11" s="154"/>
      <c r="Z11" s="154"/>
      <c r="AA11" s="154"/>
      <c r="AB11" s="154"/>
      <c r="AC11" s="154"/>
      <c r="AD11" s="154"/>
      <c r="AE11" s="154"/>
      <c r="AF11" s="154"/>
      <c r="AG11" s="154"/>
      <c r="AH11" s="154"/>
      <c r="AI11" s="154"/>
      <c r="AJ11" s="154"/>
      <c r="AK11" s="154"/>
      <c r="AL11" s="154"/>
      <c r="AM11" s="154"/>
      <c r="AN11" s="154"/>
      <c r="AO11" s="154"/>
      <c r="AP11" s="154"/>
      <c r="AQ11" s="154"/>
      <c r="AR11" s="171"/>
      <c r="AS11" s="682" t="s">
        <v>98</v>
      </c>
      <c r="AT11" s="682"/>
      <c r="AU11" s="682"/>
      <c r="AV11" s="682"/>
      <c r="AW11" s="682"/>
      <c r="AX11" s="170"/>
      <c r="AY11" s="727"/>
      <c r="AZ11" s="728"/>
      <c r="BA11" s="728"/>
      <c r="BB11" s="728"/>
      <c r="BC11" s="728"/>
      <c r="BD11" s="728"/>
      <c r="BE11" s="728"/>
      <c r="BF11" s="728"/>
      <c r="BG11" s="728"/>
      <c r="BH11" s="728"/>
      <c r="BI11" s="728"/>
      <c r="BJ11" s="728"/>
      <c r="BK11" s="728"/>
      <c r="BL11" s="728"/>
      <c r="BM11" s="728"/>
      <c r="BN11" s="728"/>
      <c r="BO11" s="728"/>
      <c r="BP11" s="728"/>
      <c r="BQ11" s="728"/>
      <c r="BR11" s="728"/>
      <c r="BS11" s="728"/>
      <c r="BT11" s="728"/>
      <c r="BU11" s="728"/>
      <c r="BV11" s="728"/>
      <c r="BW11" s="728"/>
      <c r="BX11" s="728"/>
      <c r="BY11" s="728"/>
      <c r="BZ11" s="728"/>
      <c r="CA11" s="728"/>
      <c r="CB11" s="728"/>
      <c r="CC11" s="728"/>
      <c r="CD11" s="728"/>
      <c r="CE11" s="728"/>
      <c r="CF11" s="729"/>
      <c r="CG11" s="153"/>
      <c r="CH11" s="153"/>
    </row>
    <row r="12" spans="1:86" ht="13.5" customHeight="1" x14ac:dyDescent="0.2">
      <c r="A12" s="154"/>
      <c r="B12" s="176"/>
      <c r="C12" s="175"/>
      <c r="D12" s="175"/>
      <c r="E12" s="175"/>
      <c r="F12" s="175"/>
      <c r="G12" s="175"/>
      <c r="H12" s="154"/>
      <c r="I12" s="154"/>
      <c r="J12" s="154"/>
      <c r="K12" s="154"/>
      <c r="L12" s="154"/>
      <c r="M12" s="154"/>
      <c r="N12" s="154"/>
      <c r="O12" s="154"/>
      <c r="P12" s="154"/>
      <c r="Q12" s="154"/>
      <c r="R12" s="154"/>
      <c r="S12" s="154"/>
      <c r="T12" s="154"/>
      <c r="U12" s="154"/>
      <c r="V12" s="154"/>
      <c r="W12" s="154"/>
      <c r="X12" s="154"/>
      <c r="Y12" s="154"/>
      <c r="Z12" s="154"/>
      <c r="AA12" s="154"/>
      <c r="AB12" s="154"/>
      <c r="AC12" s="700"/>
      <c r="AD12" s="700"/>
      <c r="AE12" s="700"/>
      <c r="AF12" s="700"/>
      <c r="AG12" s="700"/>
      <c r="AH12" s="700"/>
      <c r="AI12" s="700"/>
      <c r="AJ12" s="700"/>
      <c r="AK12" s="700"/>
      <c r="AL12" s="700"/>
      <c r="AM12" s="700"/>
      <c r="AN12" s="700"/>
      <c r="AO12" s="700"/>
      <c r="AP12" s="162"/>
      <c r="AQ12" s="154"/>
      <c r="AR12" s="161"/>
      <c r="AS12" s="683"/>
      <c r="AT12" s="683"/>
      <c r="AU12" s="683"/>
      <c r="AV12" s="683"/>
      <c r="AW12" s="683"/>
      <c r="AX12" s="165"/>
      <c r="AY12" s="730"/>
      <c r="AZ12" s="731"/>
      <c r="BA12" s="731"/>
      <c r="BB12" s="731"/>
      <c r="BC12" s="731"/>
      <c r="BD12" s="731"/>
      <c r="BE12" s="731"/>
      <c r="BF12" s="731"/>
      <c r="BG12" s="731"/>
      <c r="BH12" s="731"/>
      <c r="BI12" s="731"/>
      <c r="BJ12" s="731"/>
      <c r="BK12" s="731"/>
      <c r="BL12" s="731"/>
      <c r="BM12" s="731"/>
      <c r="BN12" s="731"/>
      <c r="BO12" s="731"/>
      <c r="BP12" s="731"/>
      <c r="BQ12" s="731"/>
      <c r="BR12" s="731"/>
      <c r="BS12" s="731"/>
      <c r="BT12" s="731"/>
      <c r="BU12" s="731"/>
      <c r="BV12" s="731"/>
      <c r="BW12" s="731"/>
      <c r="BX12" s="731"/>
      <c r="BY12" s="731"/>
      <c r="BZ12" s="731"/>
      <c r="CA12" s="731"/>
      <c r="CB12" s="731"/>
      <c r="CC12" s="731"/>
      <c r="CD12" s="731"/>
      <c r="CE12" s="731"/>
      <c r="CF12" s="732"/>
      <c r="CG12" s="153"/>
      <c r="CH12" s="153"/>
    </row>
    <row r="13" spans="1:86" ht="13.5" customHeight="1" x14ac:dyDescent="0.2">
      <c r="A13" s="171"/>
      <c r="B13" s="664" t="s">
        <v>240</v>
      </c>
      <c r="C13" s="664"/>
      <c r="D13" s="664"/>
      <c r="E13" s="664"/>
      <c r="F13" s="664"/>
      <c r="G13" s="184"/>
      <c r="H13" s="669"/>
      <c r="I13" s="670"/>
      <c r="J13" s="670"/>
      <c r="K13" s="670"/>
      <c r="L13" s="670"/>
      <c r="M13" s="670"/>
      <c r="N13" s="670"/>
      <c r="O13" s="670"/>
      <c r="P13" s="670"/>
      <c r="Q13" s="670"/>
      <c r="R13" s="670"/>
      <c r="S13" s="670"/>
      <c r="T13" s="670"/>
      <c r="U13" s="671"/>
      <c r="V13" s="154"/>
      <c r="W13" s="154"/>
      <c r="X13" s="154"/>
      <c r="Y13" s="154"/>
      <c r="Z13" s="154"/>
      <c r="AA13" s="154"/>
      <c r="AB13" s="154"/>
      <c r="AC13" s="154"/>
      <c r="AD13" s="154"/>
      <c r="AE13" s="154"/>
      <c r="AF13" s="154"/>
      <c r="AG13" s="154"/>
      <c r="AH13" s="154"/>
      <c r="AI13" s="154"/>
      <c r="AJ13" s="154"/>
      <c r="AK13" s="154"/>
      <c r="AL13" s="154"/>
      <c r="AM13" s="154"/>
      <c r="AN13" s="154"/>
      <c r="AO13" s="154"/>
      <c r="AP13" s="154"/>
      <c r="AQ13" s="154"/>
      <c r="AR13" s="160"/>
      <c r="AS13" s="684"/>
      <c r="AT13" s="684"/>
      <c r="AU13" s="684"/>
      <c r="AV13" s="684"/>
      <c r="AW13" s="684"/>
      <c r="AX13" s="164"/>
      <c r="AY13" s="733"/>
      <c r="AZ13" s="734"/>
      <c r="BA13" s="734"/>
      <c r="BB13" s="734"/>
      <c r="BC13" s="734"/>
      <c r="BD13" s="734"/>
      <c r="BE13" s="734"/>
      <c r="BF13" s="734"/>
      <c r="BG13" s="734"/>
      <c r="BH13" s="734"/>
      <c r="BI13" s="734"/>
      <c r="BJ13" s="734"/>
      <c r="BK13" s="734"/>
      <c r="BL13" s="734"/>
      <c r="BM13" s="734"/>
      <c r="BN13" s="734"/>
      <c r="BO13" s="734"/>
      <c r="BP13" s="734"/>
      <c r="BQ13" s="734"/>
      <c r="BR13" s="734"/>
      <c r="BS13" s="734"/>
      <c r="BT13" s="734"/>
      <c r="BU13" s="734"/>
      <c r="BV13" s="734"/>
      <c r="BW13" s="734"/>
      <c r="BX13" s="734"/>
      <c r="BY13" s="734"/>
      <c r="BZ13" s="734"/>
      <c r="CA13" s="734"/>
      <c r="CB13" s="734"/>
      <c r="CC13" s="734"/>
      <c r="CD13" s="734"/>
      <c r="CE13" s="734"/>
      <c r="CF13" s="735"/>
      <c r="CG13" s="153"/>
      <c r="CH13" s="153"/>
    </row>
    <row r="14" spans="1:86" ht="13.5" customHeight="1" x14ac:dyDescent="0.2">
      <c r="A14" s="161"/>
      <c r="B14" s="665"/>
      <c r="C14" s="665"/>
      <c r="D14" s="665"/>
      <c r="E14" s="665"/>
      <c r="F14" s="665"/>
      <c r="G14" s="175"/>
      <c r="H14" s="672"/>
      <c r="I14" s="673"/>
      <c r="J14" s="673"/>
      <c r="K14" s="673"/>
      <c r="L14" s="673"/>
      <c r="M14" s="673"/>
      <c r="N14" s="673"/>
      <c r="O14" s="673"/>
      <c r="P14" s="673"/>
      <c r="Q14" s="673"/>
      <c r="R14" s="673"/>
      <c r="S14" s="673"/>
      <c r="T14" s="673"/>
      <c r="U14" s="674"/>
      <c r="V14" s="154"/>
      <c r="W14" s="154"/>
      <c r="X14" s="154"/>
      <c r="Y14" s="154"/>
      <c r="Z14" s="154"/>
      <c r="AA14" s="154"/>
      <c r="AB14" s="154"/>
      <c r="AC14" s="700"/>
      <c r="AD14" s="700"/>
      <c r="AE14" s="700"/>
      <c r="AF14" s="700"/>
      <c r="AG14" s="700"/>
      <c r="AH14" s="700"/>
      <c r="AI14" s="700"/>
      <c r="AJ14" s="700"/>
      <c r="AK14" s="700"/>
      <c r="AL14" s="700"/>
      <c r="AM14" s="700"/>
      <c r="AN14" s="700"/>
      <c r="AO14" s="700"/>
      <c r="AP14" s="162"/>
      <c r="AQ14" s="154"/>
      <c r="AR14" s="171"/>
      <c r="AS14" s="664" t="s">
        <v>104</v>
      </c>
      <c r="AT14" s="664"/>
      <c r="AU14" s="664"/>
      <c r="AV14" s="664"/>
      <c r="AW14" s="664"/>
      <c r="AX14" s="170"/>
      <c r="AY14" s="685" t="s">
        <v>377</v>
      </c>
      <c r="AZ14" s="686"/>
      <c r="BA14" s="686"/>
      <c r="BB14" s="686"/>
      <c r="BC14" s="686"/>
      <c r="BD14" s="686"/>
      <c r="BE14" s="686"/>
      <c r="BF14" s="686"/>
      <c r="BG14" s="686"/>
      <c r="BH14" s="686"/>
      <c r="BI14" s="686"/>
      <c r="BJ14" s="686"/>
      <c r="BK14" s="686"/>
      <c r="BL14" s="686"/>
      <c r="BM14" s="171"/>
      <c r="BN14" s="664" t="s">
        <v>105</v>
      </c>
      <c r="BO14" s="664"/>
      <c r="BP14" s="664"/>
      <c r="BQ14" s="664"/>
      <c r="BR14" s="664"/>
      <c r="BS14" s="170"/>
      <c r="BT14" s="691" t="s">
        <v>106</v>
      </c>
      <c r="BU14" s="692"/>
      <c r="BV14" s="692"/>
      <c r="BW14" s="692"/>
      <c r="BX14" s="692"/>
      <c r="BY14" s="692"/>
      <c r="BZ14" s="692"/>
      <c r="CA14" s="692"/>
      <c r="CB14" s="692"/>
      <c r="CC14" s="692"/>
      <c r="CD14" s="692"/>
      <c r="CE14" s="692"/>
      <c r="CF14" s="693"/>
      <c r="CG14" s="153"/>
      <c r="CH14" s="153"/>
    </row>
    <row r="15" spans="1:86" ht="13.5" customHeight="1" x14ac:dyDescent="0.2">
      <c r="A15" s="161"/>
      <c r="B15" s="665"/>
      <c r="C15" s="665"/>
      <c r="D15" s="665"/>
      <c r="E15" s="665"/>
      <c r="F15" s="665"/>
      <c r="G15" s="175"/>
      <c r="H15" s="672"/>
      <c r="I15" s="673"/>
      <c r="J15" s="673"/>
      <c r="K15" s="673"/>
      <c r="L15" s="673"/>
      <c r="M15" s="673"/>
      <c r="N15" s="673"/>
      <c r="O15" s="673"/>
      <c r="P15" s="673"/>
      <c r="Q15" s="673"/>
      <c r="R15" s="673"/>
      <c r="S15" s="673"/>
      <c r="T15" s="673"/>
      <c r="U15" s="674"/>
      <c r="V15" s="154"/>
      <c r="W15" s="154"/>
      <c r="X15" s="154"/>
      <c r="Y15" s="154"/>
      <c r="Z15" s="154"/>
      <c r="AA15" s="154"/>
      <c r="AB15" s="154"/>
      <c r="AC15" s="154"/>
      <c r="AD15" s="154"/>
      <c r="AE15" s="154"/>
      <c r="AF15" s="154"/>
      <c r="AG15" s="154"/>
      <c r="AH15" s="154"/>
      <c r="AI15" s="154"/>
      <c r="AJ15" s="154"/>
      <c r="AK15" s="154"/>
      <c r="AL15" s="154"/>
      <c r="AM15" s="154"/>
      <c r="AN15" s="154"/>
      <c r="AO15" s="154"/>
      <c r="AP15" s="154"/>
      <c r="AQ15" s="154"/>
      <c r="AR15" s="161"/>
      <c r="AS15" s="665"/>
      <c r="AT15" s="665"/>
      <c r="AU15" s="665"/>
      <c r="AV15" s="665"/>
      <c r="AW15" s="665"/>
      <c r="AX15" s="165"/>
      <c r="AY15" s="687"/>
      <c r="AZ15" s="688"/>
      <c r="BA15" s="688"/>
      <c r="BB15" s="688"/>
      <c r="BC15" s="688"/>
      <c r="BD15" s="688"/>
      <c r="BE15" s="688"/>
      <c r="BF15" s="688"/>
      <c r="BG15" s="688"/>
      <c r="BH15" s="688"/>
      <c r="BI15" s="688"/>
      <c r="BJ15" s="688"/>
      <c r="BK15" s="688"/>
      <c r="BL15" s="688"/>
      <c r="BM15" s="161"/>
      <c r="BN15" s="665"/>
      <c r="BO15" s="665"/>
      <c r="BP15" s="665"/>
      <c r="BQ15" s="665"/>
      <c r="BR15" s="665"/>
      <c r="BS15" s="165"/>
      <c r="BT15" s="694"/>
      <c r="BU15" s="695"/>
      <c r="BV15" s="695"/>
      <c r="BW15" s="695"/>
      <c r="BX15" s="695"/>
      <c r="BY15" s="695"/>
      <c r="BZ15" s="695"/>
      <c r="CA15" s="695"/>
      <c r="CB15" s="695"/>
      <c r="CC15" s="695"/>
      <c r="CD15" s="695"/>
      <c r="CE15" s="695"/>
      <c r="CF15" s="696"/>
      <c r="CG15" s="153"/>
      <c r="CH15" s="153"/>
    </row>
    <row r="16" spans="1:86" ht="27" customHeight="1" x14ac:dyDescent="0.2">
      <c r="A16" s="160"/>
      <c r="B16" s="666"/>
      <c r="C16" s="666"/>
      <c r="D16" s="666"/>
      <c r="E16" s="666"/>
      <c r="F16" s="666"/>
      <c r="G16" s="183"/>
      <c r="H16" s="675"/>
      <c r="I16" s="676"/>
      <c r="J16" s="676"/>
      <c r="K16" s="676"/>
      <c r="L16" s="676"/>
      <c r="M16" s="676"/>
      <c r="N16" s="676"/>
      <c r="O16" s="676"/>
      <c r="P16" s="676"/>
      <c r="Q16" s="676"/>
      <c r="R16" s="676"/>
      <c r="S16" s="676"/>
      <c r="T16" s="676"/>
      <c r="U16" s="677"/>
      <c r="V16" s="154"/>
      <c r="W16" s="154"/>
      <c r="X16" s="704" t="s">
        <v>239</v>
      </c>
      <c r="Y16" s="704"/>
      <c r="Z16" s="704"/>
      <c r="AA16" s="704"/>
      <c r="AB16" s="154"/>
      <c r="AC16" s="676"/>
      <c r="AD16" s="676"/>
      <c r="AE16" s="676"/>
      <c r="AF16" s="676"/>
      <c r="AG16" s="676"/>
      <c r="AH16" s="676"/>
      <c r="AI16" s="676"/>
      <c r="AJ16" s="676"/>
      <c r="AK16" s="676"/>
      <c r="AL16" s="676"/>
      <c r="AM16" s="676"/>
      <c r="AN16" s="676"/>
      <c r="AO16" s="676"/>
      <c r="AP16" s="154"/>
      <c r="AQ16" s="154"/>
      <c r="AR16" s="160"/>
      <c r="AS16" s="666"/>
      <c r="AT16" s="666"/>
      <c r="AU16" s="666"/>
      <c r="AV16" s="666"/>
      <c r="AW16" s="666"/>
      <c r="AX16" s="164"/>
      <c r="AY16" s="689"/>
      <c r="AZ16" s="690"/>
      <c r="BA16" s="690"/>
      <c r="BB16" s="690"/>
      <c r="BC16" s="690"/>
      <c r="BD16" s="690"/>
      <c r="BE16" s="690"/>
      <c r="BF16" s="690"/>
      <c r="BG16" s="690"/>
      <c r="BH16" s="690"/>
      <c r="BI16" s="690"/>
      <c r="BJ16" s="690"/>
      <c r="BK16" s="690"/>
      <c r="BL16" s="690"/>
      <c r="BM16" s="160"/>
      <c r="BN16" s="666"/>
      <c r="BO16" s="666"/>
      <c r="BP16" s="666"/>
      <c r="BQ16" s="666"/>
      <c r="BR16" s="666"/>
      <c r="BS16" s="164"/>
      <c r="BT16" s="697"/>
      <c r="BU16" s="698"/>
      <c r="BV16" s="698"/>
      <c r="BW16" s="698"/>
      <c r="BX16" s="698"/>
      <c r="BY16" s="698"/>
      <c r="BZ16" s="698"/>
      <c r="CA16" s="698"/>
      <c r="CB16" s="698"/>
      <c r="CC16" s="698"/>
      <c r="CD16" s="698"/>
      <c r="CE16" s="698"/>
      <c r="CF16" s="699"/>
      <c r="CG16" s="153"/>
      <c r="CH16" s="153"/>
    </row>
    <row r="17" spans="1:86" ht="13.5" customHeight="1" x14ac:dyDescent="0.2">
      <c r="A17" s="154"/>
      <c r="B17" s="176"/>
      <c r="C17" s="175"/>
      <c r="D17" s="175"/>
      <c r="E17" s="175"/>
      <c r="F17" s="175"/>
      <c r="G17" s="175"/>
      <c r="H17" s="154"/>
      <c r="I17" s="154"/>
      <c r="J17" s="154"/>
      <c r="K17" s="154"/>
      <c r="L17" s="154"/>
      <c r="M17" s="154"/>
      <c r="N17" s="154"/>
      <c r="O17" s="154"/>
      <c r="P17" s="154"/>
      <c r="Q17" s="154"/>
      <c r="R17" s="154"/>
      <c r="S17" s="154"/>
      <c r="T17" s="154"/>
      <c r="U17" s="154"/>
      <c r="V17" s="154"/>
      <c r="W17" s="154"/>
      <c r="X17" s="175"/>
      <c r="Y17" s="175"/>
      <c r="Z17" s="175"/>
      <c r="AA17" s="175"/>
      <c r="AB17" s="154"/>
      <c r="AC17" s="154"/>
      <c r="AD17" s="154"/>
      <c r="AE17" s="154"/>
      <c r="AF17" s="154"/>
      <c r="AG17" s="154"/>
      <c r="AH17" s="154"/>
      <c r="AI17" s="154"/>
      <c r="AJ17" s="154"/>
      <c r="AK17" s="154"/>
      <c r="AL17" s="154"/>
      <c r="AM17" s="154"/>
      <c r="AN17" s="154"/>
      <c r="AO17" s="154"/>
      <c r="AP17" s="154"/>
      <c r="AQ17" s="154"/>
      <c r="AR17" s="182"/>
      <c r="AS17" s="182"/>
      <c r="AT17" s="182"/>
      <c r="AU17" s="182"/>
      <c r="AV17" s="182"/>
      <c r="AW17" s="182"/>
      <c r="AX17" s="182"/>
      <c r="AY17" s="182"/>
      <c r="AZ17" s="182"/>
      <c r="BA17" s="182"/>
      <c r="BB17" s="182"/>
      <c r="BC17" s="182"/>
      <c r="BD17" s="182"/>
      <c r="BE17" s="182"/>
      <c r="BF17" s="182"/>
      <c r="BG17" s="182"/>
      <c r="BH17" s="182"/>
      <c r="BI17" s="182"/>
      <c r="BJ17" s="182"/>
      <c r="BK17" s="182"/>
      <c r="BL17" s="182"/>
      <c r="BM17" s="182"/>
      <c r="BN17" s="182"/>
      <c r="BO17" s="182"/>
      <c r="BP17" s="182"/>
      <c r="BQ17" s="182"/>
      <c r="BR17" s="182"/>
      <c r="BS17" s="182"/>
      <c r="BT17" s="182"/>
      <c r="BU17" s="182"/>
      <c r="BV17" s="182"/>
      <c r="BW17" s="182"/>
      <c r="BX17" s="182"/>
      <c r="BY17" s="182"/>
      <c r="BZ17" s="182"/>
      <c r="CA17" s="182"/>
      <c r="CB17" s="182"/>
      <c r="CC17" s="182"/>
      <c r="CD17" s="182"/>
      <c r="CE17" s="182"/>
      <c r="CF17" s="182"/>
      <c r="CG17" s="153"/>
      <c r="CH17" s="153"/>
    </row>
    <row r="18" spans="1:86" ht="13.5" customHeight="1" x14ac:dyDescent="0.2">
      <c r="A18" s="154"/>
      <c r="B18" s="176"/>
      <c r="C18" s="175"/>
      <c r="D18" s="175"/>
      <c r="E18" s="175"/>
      <c r="F18" s="175"/>
      <c r="G18" s="175"/>
      <c r="H18" s="154"/>
      <c r="I18" s="154"/>
      <c r="J18" s="154"/>
      <c r="K18" s="154"/>
      <c r="L18" s="154"/>
      <c r="M18" s="154"/>
      <c r="N18" s="154"/>
      <c r="O18" s="154"/>
      <c r="P18" s="154"/>
      <c r="Q18" s="154"/>
      <c r="R18" s="154"/>
      <c r="S18" s="154"/>
      <c r="T18" s="154"/>
      <c r="U18" s="154"/>
      <c r="V18" s="154"/>
      <c r="W18" s="154"/>
      <c r="X18" s="665" t="s">
        <v>145</v>
      </c>
      <c r="Y18" s="665"/>
      <c r="Z18" s="665"/>
      <c r="AA18" s="665"/>
      <c r="AB18" s="154"/>
      <c r="AC18" s="705"/>
      <c r="AD18" s="705"/>
      <c r="AE18" s="705"/>
      <c r="AF18" s="705"/>
      <c r="AG18" s="705"/>
      <c r="AH18" s="705"/>
      <c r="AI18" s="705"/>
      <c r="AJ18" s="705"/>
      <c r="AK18" s="705"/>
      <c r="AL18" s="705"/>
      <c r="AM18" s="705"/>
      <c r="AN18" s="705"/>
      <c r="AO18" s="705"/>
      <c r="AP18" s="174"/>
      <c r="AQ18" s="154"/>
      <c r="AR18" s="171"/>
      <c r="AS18" s="701" t="s">
        <v>94</v>
      </c>
      <c r="AT18" s="701"/>
      <c r="AU18" s="701"/>
      <c r="AV18" s="701"/>
      <c r="AW18" s="701"/>
      <c r="AX18" s="170"/>
      <c r="AY18" s="622" t="s">
        <v>107</v>
      </c>
      <c r="AZ18" s="623"/>
      <c r="BA18" s="623"/>
      <c r="BB18" s="623"/>
      <c r="BC18" s="623"/>
      <c r="BD18" s="623"/>
      <c r="BE18" s="623"/>
      <c r="BF18" s="623"/>
      <c r="BG18" s="623"/>
      <c r="BH18" s="624"/>
      <c r="BI18" s="622" t="s">
        <v>96</v>
      </c>
      <c r="BJ18" s="623"/>
      <c r="BK18" s="623"/>
      <c r="BL18" s="623"/>
      <c r="BM18" s="623"/>
      <c r="BN18" s="623"/>
      <c r="BO18" s="623"/>
      <c r="BP18" s="623"/>
      <c r="BQ18" s="623"/>
      <c r="BR18" s="623"/>
      <c r="BS18" s="623"/>
      <c r="BT18" s="623"/>
      <c r="BU18" s="623"/>
      <c r="BV18" s="624"/>
      <c r="BW18" s="622" t="s">
        <v>97</v>
      </c>
      <c r="BX18" s="623"/>
      <c r="BY18" s="623"/>
      <c r="BZ18" s="623"/>
      <c r="CA18" s="623"/>
      <c r="CB18" s="623"/>
      <c r="CC18" s="623"/>
      <c r="CD18" s="623"/>
      <c r="CE18" s="623"/>
      <c r="CF18" s="624"/>
      <c r="CG18" s="153"/>
      <c r="CH18" s="153"/>
    </row>
    <row r="19" spans="1:86" ht="13.5" customHeight="1" x14ac:dyDescent="0.2">
      <c r="A19" s="154"/>
      <c r="B19" s="667" t="s">
        <v>146</v>
      </c>
      <c r="C19" s="667"/>
      <c r="D19" s="667"/>
      <c r="E19" s="667"/>
      <c r="F19" s="667"/>
      <c r="G19" s="667"/>
      <c r="H19" s="667"/>
      <c r="I19" s="667"/>
      <c r="J19" s="667"/>
      <c r="K19" s="667"/>
      <c r="L19" s="667"/>
      <c r="M19" s="667"/>
      <c r="N19" s="667"/>
      <c r="O19" s="667"/>
      <c r="P19" s="667"/>
      <c r="Q19" s="667"/>
      <c r="R19" s="667"/>
      <c r="S19" s="667"/>
      <c r="T19" s="667"/>
      <c r="U19" s="667"/>
      <c r="V19" s="667"/>
      <c r="W19" s="667"/>
      <c r="X19" s="667"/>
      <c r="Y19" s="667"/>
      <c r="Z19" s="667"/>
      <c r="AA19" s="667"/>
      <c r="AB19" s="667"/>
      <c r="AC19" s="667"/>
      <c r="AD19" s="667"/>
      <c r="AE19" s="667"/>
      <c r="AF19" s="667"/>
      <c r="AG19" s="667"/>
      <c r="AH19" s="667"/>
      <c r="AI19" s="667"/>
      <c r="AJ19" s="667"/>
      <c r="AK19" s="667"/>
      <c r="AL19" s="667"/>
      <c r="AM19" s="667"/>
      <c r="AN19" s="667"/>
      <c r="AO19" s="667"/>
      <c r="AP19" s="181"/>
      <c r="AQ19" s="154"/>
      <c r="AR19" s="161"/>
      <c r="AS19" s="702"/>
      <c r="AT19" s="702"/>
      <c r="AU19" s="702"/>
      <c r="AV19" s="702"/>
      <c r="AW19" s="702"/>
      <c r="AX19" s="165"/>
      <c r="AY19" s="637"/>
      <c r="AZ19" s="638"/>
      <c r="BA19" s="638"/>
      <c r="BB19" s="638"/>
      <c r="BC19" s="638"/>
      <c r="BD19" s="638"/>
      <c r="BE19" s="638"/>
      <c r="BF19" s="638"/>
      <c r="BG19" s="638"/>
      <c r="BH19" s="639"/>
      <c r="BI19" s="637"/>
      <c r="BJ19" s="638"/>
      <c r="BK19" s="638"/>
      <c r="BL19" s="638"/>
      <c r="BM19" s="638"/>
      <c r="BN19" s="638"/>
      <c r="BO19" s="638"/>
      <c r="BP19" s="638"/>
      <c r="BQ19" s="638"/>
      <c r="BR19" s="638"/>
      <c r="BS19" s="638"/>
      <c r="BT19" s="638"/>
      <c r="BU19" s="638"/>
      <c r="BV19" s="639"/>
      <c r="BW19" s="637"/>
      <c r="BX19" s="638"/>
      <c r="BY19" s="638"/>
      <c r="BZ19" s="638"/>
      <c r="CA19" s="638"/>
      <c r="CB19" s="638"/>
      <c r="CC19" s="638"/>
      <c r="CD19" s="638"/>
      <c r="CE19" s="638"/>
      <c r="CF19" s="639"/>
      <c r="CG19" s="153"/>
      <c r="CH19" s="153"/>
    </row>
    <row r="20" spans="1:86" ht="13.5" customHeight="1" x14ac:dyDescent="0.2">
      <c r="A20" s="154"/>
      <c r="B20" s="668"/>
      <c r="C20" s="668"/>
      <c r="D20" s="668"/>
      <c r="E20" s="668"/>
      <c r="F20" s="668"/>
      <c r="G20" s="668"/>
      <c r="H20" s="668"/>
      <c r="I20" s="668"/>
      <c r="J20" s="668"/>
      <c r="K20" s="668"/>
      <c r="L20" s="668"/>
      <c r="M20" s="668"/>
      <c r="N20" s="668"/>
      <c r="O20" s="668"/>
      <c r="P20" s="668"/>
      <c r="Q20" s="668"/>
      <c r="R20" s="668"/>
      <c r="S20" s="668"/>
      <c r="T20" s="668"/>
      <c r="U20" s="668"/>
      <c r="V20" s="668"/>
      <c r="W20" s="668"/>
      <c r="X20" s="668"/>
      <c r="Y20" s="668"/>
      <c r="Z20" s="668"/>
      <c r="AA20" s="668"/>
      <c r="AB20" s="668"/>
      <c r="AC20" s="668"/>
      <c r="AD20" s="668"/>
      <c r="AE20" s="668"/>
      <c r="AF20" s="668"/>
      <c r="AG20" s="668"/>
      <c r="AH20" s="668"/>
      <c r="AI20" s="668"/>
      <c r="AJ20" s="668"/>
      <c r="AK20" s="668"/>
      <c r="AL20" s="668"/>
      <c r="AM20" s="668"/>
      <c r="AN20" s="668"/>
      <c r="AO20" s="668"/>
      <c r="AP20" s="181"/>
      <c r="AQ20" s="154"/>
      <c r="AR20" s="161"/>
      <c r="AS20" s="702"/>
      <c r="AT20" s="702"/>
      <c r="AU20" s="702"/>
      <c r="AV20" s="702"/>
      <c r="AW20" s="702"/>
      <c r="AX20" s="165"/>
      <c r="AY20" s="691" t="s">
        <v>99</v>
      </c>
      <c r="AZ20" s="692"/>
      <c r="BA20" s="692"/>
      <c r="BB20" s="692"/>
      <c r="BC20" s="692"/>
      <c r="BD20" s="692"/>
      <c r="BE20" s="692"/>
      <c r="BF20" s="692"/>
      <c r="BG20" s="692"/>
      <c r="BH20" s="693"/>
      <c r="BI20" s="678" t="s">
        <v>100</v>
      </c>
      <c r="BJ20" s="679"/>
      <c r="BK20" s="679"/>
      <c r="BL20" s="679"/>
      <c r="BM20" s="679"/>
      <c r="BN20" s="659" t="s">
        <v>101</v>
      </c>
      <c r="BO20" s="660"/>
      <c r="BP20" s="660"/>
      <c r="BQ20" s="660"/>
      <c r="BR20" s="660"/>
      <c r="BS20" s="660"/>
      <c r="BT20" s="660"/>
      <c r="BU20" s="660"/>
      <c r="BV20" s="661"/>
      <c r="BW20" s="691" t="s">
        <v>102</v>
      </c>
      <c r="BX20" s="670"/>
      <c r="BY20" s="670"/>
      <c r="BZ20" s="670"/>
      <c r="CA20" s="670"/>
      <c r="CB20" s="670"/>
      <c r="CC20" s="670"/>
      <c r="CD20" s="670"/>
      <c r="CE20" s="670"/>
      <c r="CF20" s="671"/>
      <c r="CG20" s="153"/>
      <c r="CH20" s="153"/>
    </row>
    <row r="21" spans="1:86" ht="13.5" customHeight="1" x14ac:dyDescent="0.2">
      <c r="A21" s="171"/>
      <c r="B21" s="682" t="s">
        <v>98</v>
      </c>
      <c r="C21" s="682"/>
      <c r="D21" s="682"/>
      <c r="E21" s="682"/>
      <c r="F21" s="682"/>
      <c r="G21" s="170"/>
      <c r="H21" s="669"/>
      <c r="I21" s="670"/>
      <c r="J21" s="670"/>
      <c r="K21" s="670"/>
      <c r="L21" s="670"/>
      <c r="M21" s="670"/>
      <c r="N21" s="670"/>
      <c r="O21" s="670"/>
      <c r="P21" s="670"/>
      <c r="Q21" s="670"/>
      <c r="R21" s="670"/>
      <c r="S21" s="670"/>
      <c r="T21" s="670"/>
      <c r="U21" s="670"/>
      <c r="V21" s="670"/>
      <c r="W21" s="670"/>
      <c r="X21" s="670"/>
      <c r="Y21" s="670"/>
      <c r="Z21" s="670"/>
      <c r="AA21" s="670"/>
      <c r="AB21" s="670"/>
      <c r="AC21" s="670"/>
      <c r="AD21" s="670"/>
      <c r="AE21" s="670"/>
      <c r="AF21" s="670"/>
      <c r="AG21" s="670"/>
      <c r="AH21" s="670"/>
      <c r="AI21" s="670"/>
      <c r="AJ21" s="670"/>
      <c r="AK21" s="670"/>
      <c r="AL21" s="670"/>
      <c r="AM21" s="670"/>
      <c r="AN21" s="670"/>
      <c r="AO21" s="671"/>
      <c r="AP21" s="154"/>
      <c r="AQ21" s="154"/>
      <c r="AR21" s="161"/>
      <c r="AS21" s="702"/>
      <c r="AT21" s="702"/>
      <c r="AU21" s="702"/>
      <c r="AV21" s="702"/>
      <c r="AW21" s="702"/>
      <c r="AX21" s="165"/>
      <c r="AY21" s="697"/>
      <c r="AZ21" s="698"/>
      <c r="BA21" s="698"/>
      <c r="BB21" s="698"/>
      <c r="BC21" s="698"/>
      <c r="BD21" s="698"/>
      <c r="BE21" s="698"/>
      <c r="BF21" s="698"/>
      <c r="BG21" s="698"/>
      <c r="BH21" s="699"/>
      <c r="BI21" s="680" t="s">
        <v>103</v>
      </c>
      <c r="BJ21" s="681"/>
      <c r="BK21" s="681"/>
      <c r="BL21" s="681"/>
      <c r="BM21" s="681"/>
      <c r="BN21" s="662"/>
      <c r="BO21" s="662"/>
      <c r="BP21" s="662"/>
      <c r="BQ21" s="662"/>
      <c r="BR21" s="662"/>
      <c r="BS21" s="662"/>
      <c r="BT21" s="662"/>
      <c r="BU21" s="662"/>
      <c r="BV21" s="663"/>
      <c r="BW21" s="675"/>
      <c r="BX21" s="676"/>
      <c r="BY21" s="676"/>
      <c r="BZ21" s="676"/>
      <c r="CA21" s="676"/>
      <c r="CB21" s="676"/>
      <c r="CC21" s="676"/>
      <c r="CD21" s="676"/>
      <c r="CE21" s="676"/>
      <c r="CF21" s="677"/>
      <c r="CG21" s="153"/>
      <c r="CH21" s="153"/>
    </row>
    <row r="22" spans="1:86" ht="13.5" customHeight="1" x14ac:dyDescent="0.2">
      <c r="A22" s="161"/>
      <c r="B22" s="683"/>
      <c r="C22" s="683"/>
      <c r="D22" s="683"/>
      <c r="E22" s="683"/>
      <c r="F22" s="683"/>
      <c r="G22" s="165"/>
      <c r="H22" s="672"/>
      <c r="I22" s="673"/>
      <c r="J22" s="673"/>
      <c r="K22" s="673"/>
      <c r="L22" s="673"/>
      <c r="M22" s="673"/>
      <c r="N22" s="673"/>
      <c r="O22" s="673"/>
      <c r="P22" s="673"/>
      <c r="Q22" s="673"/>
      <c r="R22" s="673"/>
      <c r="S22" s="673"/>
      <c r="T22" s="673"/>
      <c r="U22" s="673"/>
      <c r="V22" s="673"/>
      <c r="W22" s="673"/>
      <c r="X22" s="673"/>
      <c r="Y22" s="673"/>
      <c r="Z22" s="673"/>
      <c r="AA22" s="673"/>
      <c r="AB22" s="673"/>
      <c r="AC22" s="673"/>
      <c r="AD22" s="673"/>
      <c r="AE22" s="673"/>
      <c r="AF22" s="673"/>
      <c r="AG22" s="673"/>
      <c r="AH22" s="673"/>
      <c r="AI22" s="673"/>
      <c r="AJ22" s="673"/>
      <c r="AK22" s="673"/>
      <c r="AL22" s="673"/>
      <c r="AM22" s="673"/>
      <c r="AN22" s="673"/>
      <c r="AO22" s="674"/>
      <c r="AP22" s="154"/>
      <c r="AQ22" s="154"/>
      <c r="AR22" s="161"/>
      <c r="AS22" s="702"/>
      <c r="AT22" s="702"/>
      <c r="AU22" s="702"/>
      <c r="AV22" s="702"/>
      <c r="AW22" s="702"/>
      <c r="AX22" s="165"/>
      <c r="AY22" s="691" t="s">
        <v>99</v>
      </c>
      <c r="AZ22" s="692"/>
      <c r="BA22" s="692"/>
      <c r="BB22" s="692"/>
      <c r="BC22" s="692"/>
      <c r="BD22" s="692"/>
      <c r="BE22" s="692"/>
      <c r="BF22" s="692"/>
      <c r="BG22" s="692"/>
      <c r="BH22" s="693"/>
      <c r="BI22" s="678" t="s">
        <v>100</v>
      </c>
      <c r="BJ22" s="679"/>
      <c r="BK22" s="679"/>
      <c r="BL22" s="679"/>
      <c r="BM22" s="679"/>
      <c r="BN22" s="659" t="s">
        <v>101</v>
      </c>
      <c r="BO22" s="660"/>
      <c r="BP22" s="660"/>
      <c r="BQ22" s="660"/>
      <c r="BR22" s="660"/>
      <c r="BS22" s="660"/>
      <c r="BT22" s="660"/>
      <c r="BU22" s="660"/>
      <c r="BV22" s="661"/>
      <c r="BW22" s="691" t="s">
        <v>102</v>
      </c>
      <c r="BX22" s="670"/>
      <c r="BY22" s="670"/>
      <c r="BZ22" s="670"/>
      <c r="CA22" s="670"/>
      <c r="CB22" s="670"/>
      <c r="CC22" s="670"/>
      <c r="CD22" s="670"/>
      <c r="CE22" s="670"/>
      <c r="CF22" s="671"/>
      <c r="CG22" s="153"/>
      <c r="CH22" s="153"/>
    </row>
    <row r="23" spans="1:86" ht="13.5" customHeight="1" x14ac:dyDescent="0.2">
      <c r="A23" s="160"/>
      <c r="B23" s="684"/>
      <c r="C23" s="684"/>
      <c r="D23" s="684"/>
      <c r="E23" s="684"/>
      <c r="F23" s="684"/>
      <c r="G23" s="164"/>
      <c r="H23" s="675"/>
      <c r="I23" s="676"/>
      <c r="J23" s="676"/>
      <c r="K23" s="676"/>
      <c r="L23" s="676"/>
      <c r="M23" s="676"/>
      <c r="N23" s="676"/>
      <c r="O23" s="676"/>
      <c r="P23" s="676"/>
      <c r="Q23" s="676"/>
      <c r="R23" s="676"/>
      <c r="S23" s="676"/>
      <c r="T23" s="676"/>
      <c r="U23" s="676"/>
      <c r="V23" s="676"/>
      <c r="W23" s="676"/>
      <c r="X23" s="676"/>
      <c r="Y23" s="676"/>
      <c r="Z23" s="676"/>
      <c r="AA23" s="676"/>
      <c r="AB23" s="676"/>
      <c r="AC23" s="676"/>
      <c r="AD23" s="676"/>
      <c r="AE23" s="676"/>
      <c r="AF23" s="676"/>
      <c r="AG23" s="676"/>
      <c r="AH23" s="676"/>
      <c r="AI23" s="676"/>
      <c r="AJ23" s="676"/>
      <c r="AK23" s="676"/>
      <c r="AL23" s="676"/>
      <c r="AM23" s="676"/>
      <c r="AN23" s="676"/>
      <c r="AO23" s="677"/>
      <c r="AP23" s="154"/>
      <c r="AQ23" s="154"/>
      <c r="AR23" s="160"/>
      <c r="AS23" s="703"/>
      <c r="AT23" s="703"/>
      <c r="AU23" s="703"/>
      <c r="AV23" s="703"/>
      <c r="AW23" s="703"/>
      <c r="AX23" s="164"/>
      <c r="AY23" s="697"/>
      <c r="AZ23" s="698"/>
      <c r="BA23" s="698"/>
      <c r="BB23" s="698"/>
      <c r="BC23" s="698"/>
      <c r="BD23" s="698"/>
      <c r="BE23" s="698"/>
      <c r="BF23" s="698"/>
      <c r="BG23" s="698"/>
      <c r="BH23" s="699"/>
      <c r="BI23" s="680" t="s">
        <v>103</v>
      </c>
      <c r="BJ23" s="681"/>
      <c r="BK23" s="681"/>
      <c r="BL23" s="681"/>
      <c r="BM23" s="681"/>
      <c r="BN23" s="662"/>
      <c r="BO23" s="662"/>
      <c r="BP23" s="662"/>
      <c r="BQ23" s="662"/>
      <c r="BR23" s="662"/>
      <c r="BS23" s="662"/>
      <c r="BT23" s="662"/>
      <c r="BU23" s="662"/>
      <c r="BV23" s="663"/>
      <c r="BW23" s="675"/>
      <c r="BX23" s="676"/>
      <c r="BY23" s="676"/>
      <c r="BZ23" s="676"/>
      <c r="CA23" s="676"/>
      <c r="CB23" s="676"/>
      <c r="CC23" s="676"/>
      <c r="CD23" s="676"/>
      <c r="CE23" s="676"/>
      <c r="CF23" s="677"/>
      <c r="CG23" s="153"/>
      <c r="CH23" s="153"/>
    </row>
    <row r="24" spans="1:86" ht="13.5" customHeight="1" x14ac:dyDescent="0.2">
      <c r="A24" s="161"/>
      <c r="B24" s="664" t="s">
        <v>104</v>
      </c>
      <c r="C24" s="664"/>
      <c r="D24" s="664"/>
      <c r="E24" s="664"/>
      <c r="F24" s="664"/>
      <c r="G24" s="165"/>
      <c r="H24" s="685" t="s">
        <v>377</v>
      </c>
      <c r="I24" s="686"/>
      <c r="J24" s="686"/>
      <c r="K24" s="686"/>
      <c r="L24" s="686"/>
      <c r="M24" s="686"/>
      <c r="N24" s="686"/>
      <c r="O24" s="686"/>
      <c r="P24" s="686"/>
      <c r="Q24" s="686"/>
      <c r="R24" s="686"/>
      <c r="S24" s="686"/>
      <c r="T24" s="686"/>
      <c r="U24" s="686"/>
      <c r="V24" s="180"/>
      <c r="W24" s="701" t="s">
        <v>147</v>
      </c>
      <c r="X24" s="701"/>
      <c r="Y24" s="701"/>
      <c r="Z24" s="701"/>
      <c r="AA24" s="701"/>
      <c r="AB24" s="170"/>
      <c r="AC24" s="691" t="s">
        <v>106</v>
      </c>
      <c r="AD24" s="692"/>
      <c r="AE24" s="692"/>
      <c r="AF24" s="692"/>
      <c r="AG24" s="692"/>
      <c r="AH24" s="692"/>
      <c r="AI24" s="692"/>
      <c r="AJ24" s="692"/>
      <c r="AK24" s="692"/>
      <c r="AL24" s="692"/>
      <c r="AM24" s="692"/>
      <c r="AN24" s="692"/>
      <c r="AO24" s="693"/>
      <c r="AP24" s="177"/>
      <c r="AQ24" s="154"/>
      <c r="AR24" s="154"/>
      <c r="AS24" s="154"/>
      <c r="AT24" s="154"/>
      <c r="AU24" s="154"/>
      <c r="AV24" s="154"/>
      <c r="AW24" s="154"/>
      <c r="AX24" s="154"/>
      <c r="AY24" s="154"/>
      <c r="AZ24" s="154"/>
      <c r="BA24" s="154"/>
      <c r="BB24" s="154"/>
      <c r="BC24" s="154"/>
      <c r="BD24" s="154"/>
      <c r="BE24" s="154"/>
      <c r="BF24" s="154"/>
      <c r="BG24" s="154"/>
      <c r="BH24" s="154"/>
      <c r="BI24" s="154"/>
      <c r="BJ24" s="154"/>
      <c r="BK24" s="154"/>
      <c r="BL24" s="154"/>
      <c r="BM24" s="154"/>
      <c r="BN24" s="154"/>
      <c r="BO24" s="154"/>
      <c r="BP24" s="154"/>
      <c r="BQ24" s="154"/>
      <c r="BR24" s="154"/>
      <c r="BS24" s="154"/>
      <c r="BT24" s="154"/>
      <c r="BU24" s="154"/>
      <c r="BV24" s="154"/>
      <c r="BW24" s="154"/>
      <c r="BX24" s="154"/>
      <c r="BY24" s="154"/>
      <c r="BZ24" s="154"/>
      <c r="CA24" s="154"/>
      <c r="CB24" s="154"/>
      <c r="CC24" s="154"/>
      <c r="CD24" s="154"/>
      <c r="CE24" s="154"/>
      <c r="CF24" s="154"/>
      <c r="CG24" s="153"/>
      <c r="CH24" s="153"/>
    </row>
    <row r="25" spans="1:86" ht="13.5" customHeight="1" x14ac:dyDescent="0.2">
      <c r="A25" s="161"/>
      <c r="B25" s="665"/>
      <c r="C25" s="665"/>
      <c r="D25" s="665"/>
      <c r="E25" s="665"/>
      <c r="F25" s="665"/>
      <c r="G25" s="165"/>
      <c r="H25" s="687"/>
      <c r="I25" s="688"/>
      <c r="J25" s="688"/>
      <c r="K25" s="688"/>
      <c r="L25" s="688"/>
      <c r="M25" s="688"/>
      <c r="N25" s="688"/>
      <c r="O25" s="688"/>
      <c r="P25" s="688"/>
      <c r="Q25" s="688"/>
      <c r="R25" s="688"/>
      <c r="S25" s="688"/>
      <c r="T25" s="688"/>
      <c r="U25" s="688"/>
      <c r="V25" s="179"/>
      <c r="W25" s="702"/>
      <c r="X25" s="702"/>
      <c r="Y25" s="702"/>
      <c r="Z25" s="702"/>
      <c r="AA25" s="702"/>
      <c r="AB25" s="165"/>
      <c r="AC25" s="694"/>
      <c r="AD25" s="695"/>
      <c r="AE25" s="695"/>
      <c r="AF25" s="695"/>
      <c r="AG25" s="695"/>
      <c r="AH25" s="695"/>
      <c r="AI25" s="695"/>
      <c r="AJ25" s="695"/>
      <c r="AK25" s="695"/>
      <c r="AL25" s="695"/>
      <c r="AM25" s="695"/>
      <c r="AN25" s="695"/>
      <c r="AO25" s="696"/>
      <c r="AP25" s="177"/>
      <c r="AQ25" s="154"/>
      <c r="AR25" s="171"/>
      <c r="AS25" s="640" t="s">
        <v>109</v>
      </c>
      <c r="AT25" s="640"/>
      <c r="AU25" s="640"/>
      <c r="AV25" s="640"/>
      <c r="AW25" s="640"/>
      <c r="AX25" s="170"/>
      <c r="AY25" s="169" t="s">
        <v>184</v>
      </c>
      <c r="AZ25" s="640" t="s">
        <v>110</v>
      </c>
      <c r="BA25" s="640"/>
      <c r="BB25" s="640"/>
      <c r="BC25" s="640"/>
      <c r="BD25" s="168"/>
      <c r="BE25" s="640" t="s">
        <v>111</v>
      </c>
      <c r="BF25" s="640"/>
      <c r="BG25" s="640"/>
      <c r="BH25" s="640"/>
      <c r="BI25" s="640"/>
      <c r="BJ25" s="640"/>
      <c r="BK25" s="640"/>
      <c r="BL25" s="640"/>
      <c r="BM25" s="640"/>
      <c r="BN25" s="640"/>
      <c r="BO25" s="654" t="s">
        <v>112</v>
      </c>
      <c r="BP25" s="654"/>
      <c r="BQ25" s="654"/>
      <c r="BR25" s="654"/>
      <c r="BS25" s="654"/>
      <c r="BT25" s="654"/>
      <c r="BU25" s="654"/>
      <c r="BV25" s="654"/>
      <c r="BW25" s="654"/>
      <c r="BX25" s="640" t="s">
        <v>113</v>
      </c>
      <c r="BY25" s="640"/>
      <c r="BZ25" s="640"/>
      <c r="CA25" s="640"/>
      <c r="CB25" s="640"/>
      <c r="CC25" s="640"/>
      <c r="CD25" s="640"/>
      <c r="CE25" s="640"/>
      <c r="CF25" s="655"/>
      <c r="CG25" s="153"/>
      <c r="CH25" s="153"/>
    </row>
    <row r="26" spans="1:86" ht="13.5" customHeight="1" x14ac:dyDescent="0.2">
      <c r="A26" s="160"/>
      <c r="B26" s="666"/>
      <c r="C26" s="666"/>
      <c r="D26" s="666"/>
      <c r="E26" s="666"/>
      <c r="F26" s="666"/>
      <c r="G26" s="164"/>
      <c r="H26" s="689"/>
      <c r="I26" s="690"/>
      <c r="J26" s="690"/>
      <c r="K26" s="690"/>
      <c r="L26" s="690"/>
      <c r="M26" s="690"/>
      <c r="N26" s="690"/>
      <c r="O26" s="690"/>
      <c r="P26" s="690"/>
      <c r="Q26" s="690"/>
      <c r="R26" s="690"/>
      <c r="S26" s="690"/>
      <c r="T26" s="690"/>
      <c r="U26" s="690"/>
      <c r="V26" s="178"/>
      <c r="W26" s="703"/>
      <c r="X26" s="703"/>
      <c r="Y26" s="703"/>
      <c r="Z26" s="703"/>
      <c r="AA26" s="703"/>
      <c r="AB26" s="164"/>
      <c r="AC26" s="697"/>
      <c r="AD26" s="698"/>
      <c r="AE26" s="698"/>
      <c r="AF26" s="698"/>
      <c r="AG26" s="698"/>
      <c r="AH26" s="698"/>
      <c r="AI26" s="698"/>
      <c r="AJ26" s="698"/>
      <c r="AK26" s="698"/>
      <c r="AL26" s="698"/>
      <c r="AM26" s="698"/>
      <c r="AN26" s="698"/>
      <c r="AO26" s="699"/>
      <c r="AP26" s="177"/>
      <c r="AQ26" s="154"/>
      <c r="AR26" s="161"/>
      <c r="AS26" s="641"/>
      <c r="AT26" s="641"/>
      <c r="AU26" s="641"/>
      <c r="AV26" s="641"/>
      <c r="AW26" s="641"/>
      <c r="AX26" s="165"/>
      <c r="AY26" s="167"/>
      <c r="AZ26" s="641"/>
      <c r="BA26" s="641"/>
      <c r="BB26" s="641"/>
      <c r="BC26" s="641"/>
      <c r="BD26" s="166"/>
      <c r="BE26" s="642"/>
      <c r="BF26" s="642"/>
      <c r="BG26" s="642"/>
      <c r="BH26" s="642"/>
      <c r="BI26" s="642"/>
      <c r="BJ26" s="642"/>
      <c r="BK26" s="642"/>
      <c r="BL26" s="642"/>
      <c r="BM26" s="642"/>
      <c r="BN26" s="642"/>
      <c r="BO26" s="654"/>
      <c r="BP26" s="654"/>
      <c r="BQ26" s="654"/>
      <c r="BR26" s="654"/>
      <c r="BS26" s="654"/>
      <c r="BT26" s="654"/>
      <c r="BU26" s="654"/>
      <c r="BV26" s="654"/>
      <c r="BW26" s="654"/>
      <c r="BX26" s="642"/>
      <c r="BY26" s="642"/>
      <c r="BZ26" s="642"/>
      <c r="CA26" s="642"/>
      <c r="CB26" s="642"/>
      <c r="CC26" s="642"/>
      <c r="CD26" s="642"/>
      <c r="CE26" s="642"/>
      <c r="CF26" s="656"/>
      <c r="CG26" s="153"/>
      <c r="CH26" s="153"/>
    </row>
    <row r="27" spans="1:86" ht="13.5" customHeight="1" x14ac:dyDescent="0.2">
      <c r="A27" s="154"/>
      <c r="B27" s="176"/>
      <c r="C27" s="175"/>
      <c r="D27" s="175"/>
      <c r="E27" s="175"/>
      <c r="F27" s="175"/>
      <c r="G27" s="175"/>
      <c r="H27" s="154"/>
      <c r="I27" s="154"/>
      <c r="J27" s="154"/>
      <c r="K27" s="154"/>
      <c r="L27" s="154"/>
      <c r="M27" s="154"/>
      <c r="N27" s="154"/>
      <c r="O27" s="154"/>
      <c r="P27" s="154"/>
      <c r="Q27" s="154"/>
      <c r="R27" s="154"/>
      <c r="S27" s="154"/>
      <c r="T27" s="154"/>
      <c r="U27" s="154"/>
      <c r="V27" s="154"/>
      <c r="W27" s="154"/>
      <c r="X27" s="175"/>
      <c r="Y27" s="175"/>
      <c r="Z27" s="175"/>
      <c r="AA27" s="175"/>
      <c r="AB27" s="154"/>
      <c r="AC27" s="174"/>
      <c r="AD27" s="174"/>
      <c r="AE27" s="174"/>
      <c r="AF27" s="174"/>
      <c r="AG27" s="174"/>
      <c r="AH27" s="174"/>
      <c r="AI27" s="174"/>
      <c r="AJ27" s="174"/>
      <c r="AK27" s="174"/>
      <c r="AL27" s="174"/>
      <c r="AM27" s="174"/>
      <c r="AN27" s="174"/>
      <c r="AO27" s="174"/>
      <c r="AP27" s="174"/>
      <c r="AQ27" s="154"/>
      <c r="AR27" s="161"/>
      <c r="AS27" s="641"/>
      <c r="AT27" s="641"/>
      <c r="AU27" s="641"/>
      <c r="AV27" s="641"/>
      <c r="AW27" s="641"/>
      <c r="AX27" s="165"/>
      <c r="AY27" s="154"/>
      <c r="AZ27" s="641"/>
      <c r="BA27" s="641"/>
      <c r="BB27" s="641"/>
      <c r="BC27" s="641"/>
      <c r="BD27" s="165"/>
      <c r="BE27" s="650" t="s">
        <v>118</v>
      </c>
      <c r="BF27" s="650"/>
      <c r="BG27" s="650"/>
      <c r="BH27" s="650"/>
      <c r="BI27" s="650"/>
      <c r="BJ27" s="650"/>
      <c r="BK27" s="650"/>
      <c r="BL27" s="650"/>
      <c r="BM27" s="650"/>
      <c r="BN27" s="650"/>
      <c r="BO27" s="649" t="s">
        <v>118</v>
      </c>
      <c r="BP27" s="649"/>
      <c r="BQ27" s="649"/>
      <c r="BR27" s="649"/>
      <c r="BS27" s="649"/>
      <c r="BT27" s="649"/>
      <c r="BU27" s="649"/>
      <c r="BV27" s="649"/>
      <c r="BW27" s="649"/>
      <c r="BX27" s="650" t="s">
        <v>118</v>
      </c>
      <c r="BY27" s="650"/>
      <c r="BZ27" s="650"/>
      <c r="CA27" s="650"/>
      <c r="CB27" s="650"/>
      <c r="CC27" s="650"/>
      <c r="CD27" s="650"/>
      <c r="CE27" s="650"/>
      <c r="CF27" s="651"/>
      <c r="CG27" s="153"/>
      <c r="CH27" s="153"/>
    </row>
    <row r="28" spans="1:86" ht="13.5" customHeight="1" x14ac:dyDescent="0.2">
      <c r="A28" s="171"/>
      <c r="B28" s="701" t="s">
        <v>94</v>
      </c>
      <c r="C28" s="701"/>
      <c r="D28" s="701"/>
      <c r="E28" s="701"/>
      <c r="F28" s="701"/>
      <c r="G28" s="170"/>
      <c r="H28" s="622" t="s">
        <v>107</v>
      </c>
      <c r="I28" s="623"/>
      <c r="J28" s="623"/>
      <c r="K28" s="623"/>
      <c r="L28" s="623"/>
      <c r="M28" s="623"/>
      <c r="N28" s="623"/>
      <c r="O28" s="623"/>
      <c r="P28" s="623"/>
      <c r="Q28" s="624"/>
      <c r="R28" s="622" t="s">
        <v>96</v>
      </c>
      <c r="S28" s="623"/>
      <c r="T28" s="623"/>
      <c r="U28" s="623"/>
      <c r="V28" s="623"/>
      <c r="W28" s="623"/>
      <c r="X28" s="623"/>
      <c r="Y28" s="623"/>
      <c r="Z28" s="623"/>
      <c r="AA28" s="623"/>
      <c r="AB28" s="623"/>
      <c r="AC28" s="623"/>
      <c r="AD28" s="623"/>
      <c r="AE28" s="624"/>
      <c r="AF28" s="622" t="s">
        <v>97</v>
      </c>
      <c r="AG28" s="623"/>
      <c r="AH28" s="623"/>
      <c r="AI28" s="623"/>
      <c r="AJ28" s="623"/>
      <c r="AK28" s="623"/>
      <c r="AL28" s="623"/>
      <c r="AM28" s="623"/>
      <c r="AN28" s="623"/>
      <c r="AO28" s="624"/>
      <c r="AP28" s="167"/>
      <c r="AQ28" s="154"/>
      <c r="AR28" s="161"/>
      <c r="AS28" s="641"/>
      <c r="AT28" s="641"/>
      <c r="AU28" s="641"/>
      <c r="AV28" s="641"/>
      <c r="AW28" s="641"/>
      <c r="AX28" s="165"/>
      <c r="AY28" s="154"/>
      <c r="AZ28" s="641"/>
      <c r="BA28" s="641"/>
      <c r="BB28" s="641"/>
      <c r="BC28" s="641"/>
      <c r="BD28" s="165"/>
      <c r="BE28" s="652"/>
      <c r="BF28" s="652"/>
      <c r="BG28" s="652"/>
      <c r="BH28" s="652"/>
      <c r="BI28" s="652"/>
      <c r="BJ28" s="652"/>
      <c r="BK28" s="652"/>
      <c r="BL28" s="652"/>
      <c r="BM28" s="652"/>
      <c r="BN28" s="652"/>
      <c r="BO28" s="649"/>
      <c r="BP28" s="649"/>
      <c r="BQ28" s="649"/>
      <c r="BR28" s="649"/>
      <c r="BS28" s="649"/>
      <c r="BT28" s="649"/>
      <c r="BU28" s="649"/>
      <c r="BV28" s="649"/>
      <c r="BW28" s="649"/>
      <c r="BX28" s="652"/>
      <c r="BY28" s="652"/>
      <c r="BZ28" s="652"/>
      <c r="CA28" s="652"/>
      <c r="CB28" s="652"/>
      <c r="CC28" s="652"/>
      <c r="CD28" s="652"/>
      <c r="CE28" s="652"/>
      <c r="CF28" s="653"/>
      <c r="CG28" s="153"/>
      <c r="CH28" s="153"/>
    </row>
    <row r="29" spans="1:86" ht="13.5" customHeight="1" x14ac:dyDescent="0.2">
      <c r="A29" s="161"/>
      <c r="B29" s="702"/>
      <c r="C29" s="702"/>
      <c r="D29" s="702"/>
      <c r="E29" s="702"/>
      <c r="F29" s="702"/>
      <c r="G29" s="165"/>
      <c r="H29" s="637"/>
      <c r="I29" s="638"/>
      <c r="J29" s="638"/>
      <c r="K29" s="638"/>
      <c r="L29" s="638"/>
      <c r="M29" s="638"/>
      <c r="N29" s="638"/>
      <c r="O29" s="638"/>
      <c r="P29" s="638"/>
      <c r="Q29" s="639"/>
      <c r="R29" s="637"/>
      <c r="S29" s="638"/>
      <c r="T29" s="638"/>
      <c r="U29" s="638"/>
      <c r="V29" s="638"/>
      <c r="W29" s="638"/>
      <c r="X29" s="638"/>
      <c r="Y29" s="638"/>
      <c r="Z29" s="638"/>
      <c r="AA29" s="638"/>
      <c r="AB29" s="638"/>
      <c r="AC29" s="638"/>
      <c r="AD29" s="638"/>
      <c r="AE29" s="639"/>
      <c r="AF29" s="637"/>
      <c r="AG29" s="638"/>
      <c r="AH29" s="638"/>
      <c r="AI29" s="638"/>
      <c r="AJ29" s="638"/>
      <c r="AK29" s="638"/>
      <c r="AL29" s="638"/>
      <c r="AM29" s="638"/>
      <c r="AN29" s="638"/>
      <c r="AO29" s="639"/>
      <c r="AP29" s="167"/>
      <c r="AQ29" s="154"/>
      <c r="AR29" s="161"/>
      <c r="AS29" s="641"/>
      <c r="AT29" s="641"/>
      <c r="AU29" s="641"/>
      <c r="AV29" s="641"/>
      <c r="AW29" s="641"/>
      <c r="AX29" s="165"/>
      <c r="AY29" s="628" t="s">
        <v>221</v>
      </c>
      <c r="AZ29" s="629"/>
      <c r="BA29" s="629"/>
      <c r="BB29" s="629"/>
      <c r="BC29" s="629"/>
      <c r="BD29" s="630"/>
      <c r="BE29" s="622" t="s">
        <v>120</v>
      </c>
      <c r="BF29" s="623"/>
      <c r="BG29" s="623"/>
      <c r="BH29" s="623"/>
      <c r="BI29" s="623"/>
      <c r="BJ29" s="623"/>
      <c r="BK29" s="623"/>
      <c r="BL29" s="622" t="s">
        <v>111</v>
      </c>
      <c r="BM29" s="623"/>
      <c r="BN29" s="623"/>
      <c r="BO29" s="623"/>
      <c r="BP29" s="623"/>
      <c r="BQ29" s="623"/>
      <c r="BR29" s="623"/>
      <c r="BS29" s="624"/>
      <c r="BT29" s="622" t="s">
        <v>112</v>
      </c>
      <c r="BU29" s="623"/>
      <c r="BV29" s="623"/>
      <c r="BW29" s="623"/>
      <c r="BX29" s="623"/>
      <c r="BY29" s="623"/>
      <c r="BZ29" s="624"/>
      <c r="CA29" s="622" t="s">
        <v>113</v>
      </c>
      <c r="CB29" s="623"/>
      <c r="CC29" s="623"/>
      <c r="CD29" s="623"/>
      <c r="CE29" s="623"/>
      <c r="CF29" s="624"/>
      <c r="CG29" s="153"/>
      <c r="CH29" s="153"/>
    </row>
    <row r="30" spans="1:86" ht="13.5" customHeight="1" x14ac:dyDescent="0.2">
      <c r="A30" s="161"/>
      <c r="B30" s="702"/>
      <c r="C30" s="702"/>
      <c r="D30" s="702"/>
      <c r="E30" s="702"/>
      <c r="F30" s="702"/>
      <c r="G30" s="165"/>
      <c r="H30" s="691" t="s">
        <v>99</v>
      </c>
      <c r="I30" s="692"/>
      <c r="J30" s="692"/>
      <c r="K30" s="692"/>
      <c r="L30" s="692"/>
      <c r="M30" s="692"/>
      <c r="N30" s="692"/>
      <c r="O30" s="692"/>
      <c r="P30" s="692"/>
      <c r="Q30" s="693"/>
      <c r="R30" s="678" t="s">
        <v>100</v>
      </c>
      <c r="S30" s="679"/>
      <c r="T30" s="679"/>
      <c r="U30" s="679"/>
      <c r="V30" s="679"/>
      <c r="W30" s="659" t="s">
        <v>101</v>
      </c>
      <c r="X30" s="660"/>
      <c r="Y30" s="660"/>
      <c r="Z30" s="660"/>
      <c r="AA30" s="660"/>
      <c r="AB30" s="660"/>
      <c r="AC30" s="660"/>
      <c r="AD30" s="660"/>
      <c r="AE30" s="661"/>
      <c r="AF30" s="691" t="s">
        <v>102</v>
      </c>
      <c r="AG30" s="670"/>
      <c r="AH30" s="670"/>
      <c r="AI30" s="670"/>
      <c r="AJ30" s="670"/>
      <c r="AK30" s="670"/>
      <c r="AL30" s="670"/>
      <c r="AM30" s="670"/>
      <c r="AN30" s="670"/>
      <c r="AO30" s="671"/>
      <c r="AP30" s="154"/>
      <c r="AQ30" s="154"/>
      <c r="AR30" s="161"/>
      <c r="AS30" s="641"/>
      <c r="AT30" s="641"/>
      <c r="AU30" s="641"/>
      <c r="AV30" s="641"/>
      <c r="AW30" s="641"/>
      <c r="AX30" s="165"/>
      <c r="AY30" s="631"/>
      <c r="AZ30" s="632"/>
      <c r="BA30" s="632"/>
      <c r="BB30" s="632"/>
      <c r="BC30" s="632"/>
      <c r="BD30" s="633"/>
      <c r="BE30" s="637"/>
      <c r="BF30" s="638"/>
      <c r="BG30" s="638"/>
      <c r="BH30" s="638"/>
      <c r="BI30" s="638"/>
      <c r="BJ30" s="638"/>
      <c r="BK30" s="638"/>
      <c r="BL30" s="637"/>
      <c r="BM30" s="638"/>
      <c r="BN30" s="638"/>
      <c r="BO30" s="638"/>
      <c r="BP30" s="638"/>
      <c r="BQ30" s="638"/>
      <c r="BR30" s="638"/>
      <c r="BS30" s="639"/>
      <c r="BT30" s="637"/>
      <c r="BU30" s="638"/>
      <c r="BV30" s="638"/>
      <c r="BW30" s="638"/>
      <c r="BX30" s="638"/>
      <c r="BY30" s="638"/>
      <c r="BZ30" s="639"/>
      <c r="CA30" s="637"/>
      <c r="CB30" s="638"/>
      <c r="CC30" s="638"/>
      <c r="CD30" s="638"/>
      <c r="CE30" s="638"/>
      <c r="CF30" s="639"/>
      <c r="CG30" s="153"/>
      <c r="CH30" s="153"/>
    </row>
    <row r="31" spans="1:86" ht="13.5" customHeight="1" x14ac:dyDescent="0.2">
      <c r="A31" s="161"/>
      <c r="B31" s="702"/>
      <c r="C31" s="702"/>
      <c r="D31" s="702"/>
      <c r="E31" s="702"/>
      <c r="F31" s="702"/>
      <c r="G31" s="165"/>
      <c r="H31" s="697"/>
      <c r="I31" s="698"/>
      <c r="J31" s="698"/>
      <c r="K31" s="698"/>
      <c r="L31" s="698"/>
      <c r="M31" s="698"/>
      <c r="N31" s="698"/>
      <c r="O31" s="698"/>
      <c r="P31" s="698"/>
      <c r="Q31" s="699"/>
      <c r="R31" s="680" t="s">
        <v>103</v>
      </c>
      <c r="S31" s="681"/>
      <c r="T31" s="681"/>
      <c r="U31" s="681"/>
      <c r="V31" s="681"/>
      <c r="W31" s="662"/>
      <c r="X31" s="662"/>
      <c r="Y31" s="662"/>
      <c r="Z31" s="662"/>
      <c r="AA31" s="662"/>
      <c r="AB31" s="662"/>
      <c r="AC31" s="662"/>
      <c r="AD31" s="662"/>
      <c r="AE31" s="663"/>
      <c r="AF31" s="675"/>
      <c r="AG31" s="676"/>
      <c r="AH31" s="676"/>
      <c r="AI31" s="676"/>
      <c r="AJ31" s="676"/>
      <c r="AK31" s="676"/>
      <c r="AL31" s="676"/>
      <c r="AM31" s="676"/>
      <c r="AN31" s="676"/>
      <c r="AO31" s="677"/>
      <c r="AP31" s="154"/>
      <c r="AQ31" s="154"/>
      <c r="AR31" s="161"/>
      <c r="AS31" s="641"/>
      <c r="AT31" s="641"/>
      <c r="AU31" s="641"/>
      <c r="AV31" s="641"/>
      <c r="AW31" s="641"/>
      <c r="AX31" s="165"/>
      <c r="AY31" s="631"/>
      <c r="AZ31" s="632"/>
      <c r="BA31" s="632"/>
      <c r="BB31" s="632"/>
      <c r="BC31" s="632"/>
      <c r="BD31" s="633"/>
      <c r="BE31" s="622"/>
      <c r="BF31" s="623"/>
      <c r="BG31" s="623"/>
      <c r="BH31" s="623"/>
      <c r="BI31" s="623"/>
      <c r="BJ31" s="623"/>
      <c r="BK31" s="623"/>
      <c r="BL31" s="622"/>
      <c r="BM31" s="623"/>
      <c r="BN31" s="623"/>
      <c r="BO31" s="623"/>
      <c r="BP31" s="623"/>
      <c r="BQ31" s="623"/>
      <c r="BR31" s="623"/>
      <c r="BS31" s="624"/>
      <c r="BT31" s="622"/>
      <c r="BU31" s="623"/>
      <c r="BV31" s="623"/>
      <c r="BW31" s="623"/>
      <c r="BX31" s="623"/>
      <c r="BY31" s="623"/>
      <c r="BZ31" s="624"/>
      <c r="CA31" s="622"/>
      <c r="CB31" s="623"/>
      <c r="CC31" s="623"/>
      <c r="CD31" s="623"/>
      <c r="CE31" s="623"/>
      <c r="CF31" s="624"/>
      <c r="CG31" s="153"/>
      <c r="CH31" s="153"/>
    </row>
    <row r="32" spans="1:86" ht="13.5" customHeight="1" x14ac:dyDescent="0.2">
      <c r="A32" s="161"/>
      <c r="B32" s="702"/>
      <c r="C32" s="702"/>
      <c r="D32" s="702"/>
      <c r="E32" s="702"/>
      <c r="F32" s="702"/>
      <c r="G32" s="165"/>
      <c r="H32" s="691" t="s">
        <v>99</v>
      </c>
      <c r="I32" s="692"/>
      <c r="J32" s="692"/>
      <c r="K32" s="692"/>
      <c r="L32" s="692"/>
      <c r="M32" s="692"/>
      <c r="N32" s="692"/>
      <c r="O32" s="692"/>
      <c r="P32" s="692"/>
      <c r="Q32" s="693"/>
      <c r="R32" s="678" t="s">
        <v>100</v>
      </c>
      <c r="S32" s="679"/>
      <c r="T32" s="679"/>
      <c r="U32" s="679"/>
      <c r="V32" s="679"/>
      <c r="W32" s="659" t="s">
        <v>101</v>
      </c>
      <c r="X32" s="660"/>
      <c r="Y32" s="660"/>
      <c r="Z32" s="660"/>
      <c r="AA32" s="660"/>
      <c r="AB32" s="660"/>
      <c r="AC32" s="660"/>
      <c r="AD32" s="660"/>
      <c r="AE32" s="661"/>
      <c r="AF32" s="691" t="s">
        <v>102</v>
      </c>
      <c r="AG32" s="670"/>
      <c r="AH32" s="670"/>
      <c r="AI32" s="670"/>
      <c r="AJ32" s="670"/>
      <c r="AK32" s="670"/>
      <c r="AL32" s="670"/>
      <c r="AM32" s="670"/>
      <c r="AN32" s="670"/>
      <c r="AO32" s="671"/>
      <c r="AP32" s="154"/>
      <c r="AQ32" s="154"/>
      <c r="AR32" s="160"/>
      <c r="AS32" s="642"/>
      <c r="AT32" s="642"/>
      <c r="AU32" s="642"/>
      <c r="AV32" s="642"/>
      <c r="AW32" s="642"/>
      <c r="AX32" s="164"/>
      <c r="AY32" s="634"/>
      <c r="AZ32" s="635"/>
      <c r="BA32" s="635"/>
      <c r="BB32" s="635"/>
      <c r="BC32" s="635"/>
      <c r="BD32" s="636"/>
      <c r="BE32" s="637"/>
      <c r="BF32" s="638"/>
      <c r="BG32" s="638"/>
      <c r="BH32" s="638"/>
      <c r="BI32" s="638"/>
      <c r="BJ32" s="638"/>
      <c r="BK32" s="638"/>
      <c r="BL32" s="637"/>
      <c r="BM32" s="638"/>
      <c r="BN32" s="638"/>
      <c r="BO32" s="638"/>
      <c r="BP32" s="638"/>
      <c r="BQ32" s="638"/>
      <c r="BR32" s="638"/>
      <c r="BS32" s="639"/>
      <c r="BT32" s="637"/>
      <c r="BU32" s="638"/>
      <c r="BV32" s="638"/>
      <c r="BW32" s="638"/>
      <c r="BX32" s="638"/>
      <c r="BY32" s="638"/>
      <c r="BZ32" s="639"/>
      <c r="CA32" s="637"/>
      <c r="CB32" s="638"/>
      <c r="CC32" s="638"/>
      <c r="CD32" s="638"/>
      <c r="CE32" s="638"/>
      <c r="CF32" s="639"/>
      <c r="CG32" s="153"/>
      <c r="CH32" s="153"/>
    </row>
    <row r="33" spans="1:86" ht="13.5" customHeight="1" x14ac:dyDescent="0.2">
      <c r="A33" s="160"/>
      <c r="B33" s="703"/>
      <c r="C33" s="703"/>
      <c r="D33" s="703"/>
      <c r="E33" s="703"/>
      <c r="F33" s="703"/>
      <c r="G33" s="164"/>
      <c r="H33" s="697"/>
      <c r="I33" s="698"/>
      <c r="J33" s="698"/>
      <c r="K33" s="698"/>
      <c r="L33" s="698"/>
      <c r="M33" s="698"/>
      <c r="N33" s="698"/>
      <c r="O33" s="698"/>
      <c r="P33" s="698"/>
      <c r="Q33" s="699"/>
      <c r="R33" s="680" t="s">
        <v>103</v>
      </c>
      <c r="S33" s="681"/>
      <c r="T33" s="681"/>
      <c r="U33" s="681"/>
      <c r="V33" s="681"/>
      <c r="W33" s="662"/>
      <c r="X33" s="662"/>
      <c r="Y33" s="662"/>
      <c r="Z33" s="662"/>
      <c r="AA33" s="662"/>
      <c r="AB33" s="662"/>
      <c r="AC33" s="662"/>
      <c r="AD33" s="662"/>
      <c r="AE33" s="663"/>
      <c r="AF33" s="675"/>
      <c r="AG33" s="676"/>
      <c r="AH33" s="676"/>
      <c r="AI33" s="676"/>
      <c r="AJ33" s="676"/>
      <c r="AK33" s="676"/>
      <c r="AL33" s="676"/>
      <c r="AM33" s="676"/>
      <c r="AN33" s="676"/>
      <c r="AO33" s="677"/>
      <c r="AP33" s="154"/>
      <c r="AQ33" s="154"/>
      <c r="CG33" s="153"/>
      <c r="CH33" s="153"/>
    </row>
    <row r="34" spans="1:86" ht="13.5" customHeight="1" x14ac:dyDescent="0.2">
      <c r="A34" s="172"/>
      <c r="B34" s="173"/>
      <c r="C34" s="173"/>
      <c r="D34" s="173"/>
      <c r="E34" s="173"/>
      <c r="F34" s="173"/>
      <c r="G34" s="172"/>
      <c r="H34" s="172"/>
      <c r="I34" s="172"/>
      <c r="J34" s="172"/>
      <c r="K34" s="172"/>
      <c r="L34" s="172"/>
      <c r="M34" s="172"/>
      <c r="N34" s="172"/>
      <c r="O34" s="172"/>
      <c r="P34" s="172"/>
      <c r="Q34" s="172"/>
      <c r="R34" s="172"/>
      <c r="S34" s="172"/>
      <c r="T34" s="172"/>
      <c r="U34" s="172"/>
      <c r="V34" s="172"/>
      <c r="W34" s="172"/>
      <c r="X34" s="172"/>
      <c r="Y34" s="172"/>
      <c r="Z34" s="172"/>
      <c r="AA34" s="172"/>
      <c r="AB34" s="172"/>
      <c r="AC34" s="172"/>
      <c r="AD34" s="172"/>
      <c r="AE34" s="172"/>
      <c r="AF34" s="172"/>
      <c r="AG34" s="172"/>
      <c r="AH34" s="172"/>
      <c r="AI34" s="172"/>
      <c r="AJ34" s="172"/>
      <c r="AK34" s="172"/>
      <c r="AL34" s="172"/>
      <c r="AM34" s="172"/>
      <c r="AN34" s="172"/>
      <c r="AO34" s="172"/>
      <c r="AP34" s="154"/>
      <c r="AQ34" s="154"/>
      <c r="AR34" s="706" t="s">
        <v>122</v>
      </c>
      <c r="AS34" s="707"/>
      <c r="AT34" s="707"/>
      <c r="AU34" s="707"/>
      <c r="AV34" s="707"/>
      <c r="AW34" s="707"/>
      <c r="AX34" s="707"/>
      <c r="AY34" s="707"/>
      <c r="AZ34" s="708"/>
      <c r="BA34" s="622"/>
      <c r="BB34" s="623"/>
      <c r="BC34" s="623"/>
      <c r="BD34" s="623"/>
      <c r="BE34" s="623"/>
      <c r="BF34" s="623"/>
      <c r="BG34" s="623"/>
      <c r="BH34" s="623"/>
      <c r="BI34" s="623"/>
      <c r="BJ34" s="623"/>
      <c r="BK34" s="624"/>
      <c r="BL34" s="154"/>
      <c r="BM34" s="706" t="s">
        <v>123</v>
      </c>
      <c r="BN34" s="707"/>
      <c r="BO34" s="707"/>
      <c r="BP34" s="707"/>
      <c r="BQ34" s="707"/>
      <c r="BR34" s="707"/>
      <c r="BS34" s="707"/>
      <c r="BT34" s="707"/>
      <c r="BU34" s="708"/>
      <c r="BV34" s="622"/>
      <c r="BW34" s="623"/>
      <c r="BX34" s="623"/>
      <c r="BY34" s="623"/>
      <c r="BZ34" s="623"/>
      <c r="CA34" s="623"/>
      <c r="CB34" s="623"/>
      <c r="CC34" s="623"/>
      <c r="CD34" s="623"/>
      <c r="CE34" s="623"/>
      <c r="CF34" s="624"/>
      <c r="CG34" s="153"/>
      <c r="CH34" s="153"/>
    </row>
    <row r="35" spans="1:86" ht="13.5" customHeight="1" x14ac:dyDescent="0.2">
      <c r="A35" s="171"/>
      <c r="B35" s="640" t="s">
        <v>109</v>
      </c>
      <c r="C35" s="640"/>
      <c r="D35" s="640"/>
      <c r="E35" s="640"/>
      <c r="F35" s="640"/>
      <c r="G35" s="170"/>
      <c r="H35" s="169" t="s">
        <v>184</v>
      </c>
      <c r="I35" s="640" t="s">
        <v>110</v>
      </c>
      <c r="J35" s="640"/>
      <c r="K35" s="640"/>
      <c r="L35" s="640"/>
      <c r="M35" s="168"/>
      <c r="N35" s="640" t="s">
        <v>111</v>
      </c>
      <c r="O35" s="640"/>
      <c r="P35" s="640"/>
      <c r="Q35" s="640"/>
      <c r="R35" s="640"/>
      <c r="S35" s="640"/>
      <c r="T35" s="640"/>
      <c r="U35" s="640"/>
      <c r="V35" s="640"/>
      <c r="W35" s="640"/>
      <c r="X35" s="654" t="s">
        <v>112</v>
      </c>
      <c r="Y35" s="654"/>
      <c r="Z35" s="654"/>
      <c r="AA35" s="654"/>
      <c r="AB35" s="654"/>
      <c r="AC35" s="654"/>
      <c r="AD35" s="654"/>
      <c r="AE35" s="654"/>
      <c r="AF35" s="654"/>
      <c r="AG35" s="640" t="s">
        <v>113</v>
      </c>
      <c r="AH35" s="640"/>
      <c r="AI35" s="640"/>
      <c r="AJ35" s="640"/>
      <c r="AK35" s="640"/>
      <c r="AL35" s="640"/>
      <c r="AM35" s="640"/>
      <c r="AN35" s="640"/>
      <c r="AO35" s="655"/>
      <c r="AP35" s="154"/>
      <c r="AQ35" s="154"/>
      <c r="AR35" s="709"/>
      <c r="AS35" s="710"/>
      <c r="AT35" s="710"/>
      <c r="AU35" s="710"/>
      <c r="AV35" s="710"/>
      <c r="AW35" s="710"/>
      <c r="AX35" s="710"/>
      <c r="AY35" s="710"/>
      <c r="AZ35" s="711"/>
      <c r="BA35" s="625"/>
      <c r="BB35" s="626"/>
      <c r="BC35" s="626"/>
      <c r="BD35" s="626"/>
      <c r="BE35" s="626"/>
      <c r="BF35" s="626"/>
      <c r="BG35" s="626"/>
      <c r="BH35" s="626"/>
      <c r="BI35" s="626"/>
      <c r="BJ35" s="626"/>
      <c r="BK35" s="627"/>
      <c r="BL35" s="154"/>
      <c r="BM35" s="709"/>
      <c r="BN35" s="710"/>
      <c r="BO35" s="710"/>
      <c r="BP35" s="710"/>
      <c r="BQ35" s="710"/>
      <c r="BR35" s="710"/>
      <c r="BS35" s="710"/>
      <c r="BT35" s="710"/>
      <c r="BU35" s="711"/>
      <c r="BV35" s="625"/>
      <c r="BW35" s="626"/>
      <c r="BX35" s="626"/>
      <c r="BY35" s="626"/>
      <c r="BZ35" s="626"/>
      <c r="CA35" s="626"/>
      <c r="CB35" s="626"/>
      <c r="CC35" s="626"/>
      <c r="CD35" s="626"/>
      <c r="CE35" s="626"/>
      <c r="CF35" s="627"/>
      <c r="CG35" s="153"/>
      <c r="CH35" s="153"/>
    </row>
    <row r="36" spans="1:86" ht="13.5" customHeight="1" x14ac:dyDescent="0.2">
      <c r="A36" s="161"/>
      <c r="B36" s="641"/>
      <c r="C36" s="641"/>
      <c r="D36" s="641"/>
      <c r="E36" s="641"/>
      <c r="F36" s="641"/>
      <c r="G36" s="165"/>
      <c r="H36" s="167"/>
      <c r="I36" s="641"/>
      <c r="J36" s="641"/>
      <c r="K36" s="641"/>
      <c r="L36" s="641"/>
      <c r="M36" s="166"/>
      <c r="N36" s="642"/>
      <c r="O36" s="642"/>
      <c r="P36" s="642"/>
      <c r="Q36" s="642"/>
      <c r="R36" s="642"/>
      <c r="S36" s="642"/>
      <c r="T36" s="642"/>
      <c r="U36" s="642"/>
      <c r="V36" s="642"/>
      <c r="W36" s="642"/>
      <c r="X36" s="654"/>
      <c r="Y36" s="654"/>
      <c r="Z36" s="654"/>
      <c r="AA36" s="654"/>
      <c r="AB36" s="654"/>
      <c r="AC36" s="654"/>
      <c r="AD36" s="654"/>
      <c r="AE36" s="654"/>
      <c r="AF36" s="654"/>
      <c r="AG36" s="642"/>
      <c r="AH36" s="642"/>
      <c r="AI36" s="642"/>
      <c r="AJ36" s="642"/>
      <c r="AK36" s="642"/>
      <c r="AL36" s="642"/>
      <c r="AM36" s="642"/>
      <c r="AN36" s="642"/>
      <c r="AO36" s="656"/>
      <c r="AP36" s="154"/>
      <c r="AQ36" s="154"/>
      <c r="AR36" s="161"/>
      <c r="AS36" s="154"/>
      <c r="AT36" s="628" t="s">
        <v>124</v>
      </c>
      <c r="AU36" s="640"/>
      <c r="AV36" s="640"/>
      <c r="AW36" s="640"/>
      <c r="AX36" s="640"/>
      <c r="AY36" s="640"/>
      <c r="AZ36" s="655"/>
      <c r="BA36" s="622"/>
      <c r="BB36" s="623"/>
      <c r="BC36" s="623"/>
      <c r="BD36" s="623"/>
      <c r="BE36" s="623"/>
      <c r="BF36" s="623"/>
      <c r="BG36" s="623"/>
      <c r="BH36" s="623"/>
      <c r="BI36" s="623"/>
      <c r="BJ36" s="623"/>
      <c r="BK36" s="624"/>
      <c r="BL36" s="154"/>
      <c r="BM36" s="706" t="s">
        <v>125</v>
      </c>
      <c r="BN36" s="707"/>
      <c r="BO36" s="707"/>
      <c r="BP36" s="707"/>
      <c r="BQ36" s="707"/>
      <c r="BR36" s="707"/>
      <c r="BS36" s="707"/>
      <c r="BT36" s="707"/>
      <c r="BU36" s="708"/>
      <c r="BV36" s="622"/>
      <c r="BW36" s="623"/>
      <c r="BX36" s="623"/>
      <c r="BY36" s="623"/>
      <c r="BZ36" s="623"/>
      <c r="CA36" s="623"/>
      <c r="CB36" s="623"/>
      <c r="CC36" s="623"/>
      <c r="CD36" s="623"/>
      <c r="CE36" s="623"/>
      <c r="CF36" s="624"/>
      <c r="CG36" s="153"/>
      <c r="CH36" s="153"/>
    </row>
    <row r="37" spans="1:86" ht="13.5" customHeight="1" x14ac:dyDescent="0.2">
      <c r="A37" s="161"/>
      <c r="B37" s="641"/>
      <c r="C37" s="641"/>
      <c r="D37" s="641"/>
      <c r="E37" s="641"/>
      <c r="F37" s="641"/>
      <c r="G37" s="165"/>
      <c r="H37" s="154"/>
      <c r="I37" s="641"/>
      <c r="J37" s="641"/>
      <c r="K37" s="641"/>
      <c r="L37" s="641"/>
      <c r="M37" s="165"/>
      <c r="N37" s="650" t="s">
        <v>118</v>
      </c>
      <c r="O37" s="650"/>
      <c r="P37" s="650"/>
      <c r="Q37" s="650"/>
      <c r="R37" s="650"/>
      <c r="S37" s="650"/>
      <c r="T37" s="650"/>
      <c r="U37" s="650"/>
      <c r="V37" s="650"/>
      <c r="W37" s="650"/>
      <c r="X37" s="649" t="s">
        <v>118</v>
      </c>
      <c r="Y37" s="649"/>
      <c r="Z37" s="649"/>
      <c r="AA37" s="649"/>
      <c r="AB37" s="649"/>
      <c r="AC37" s="649"/>
      <c r="AD37" s="649"/>
      <c r="AE37" s="649"/>
      <c r="AF37" s="649"/>
      <c r="AG37" s="650" t="s">
        <v>118</v>
      </c>
      <c r="AH37" s="650"/>
      <c r="AI37" s="650"/>
      <c r="AJ37" s="650"/>
      <c r="AK37" s="650"/>
      <c r="AL37" s="650"/>
      <c r="AM37" s="650"/>
      <c r="AN37" s="650"/>
      <c r="AO37" s="651"/>
      <c r="AP37" s="154"/>
      <c r="AQ37" s="154"/>
      <c r="AR37" s="161"/>
      <c r="AS37" s="154"/>
      <c r="AT37" s="657"/>
      <c r="AU37" s="641"/>
      <c r="AV37" s="641"/>
      <c r="AW37" s="641"/>
      <c r="AX37" s="641"/>
      <c r="AY37" s="641"/>
      <c r="AZ37" s="658"/>
      <c r="BA37" s="625"/>
      <c r="BB37" s="626"/>
      <c r="BC37" s="626"/>
      <c r="BD37" s="626"/>
      <c r="BE37" s="626"/>
      <c r="BF37" s="626"/>
      <c r="BG37" s="626"/>
      <c r="BH37" s="626"/>
      <c r="BI37" s="626"/>
      <c r="BJ37" s="626"/>
      <c r="BK37" s="627"/>
      <c r="BL37" s="154"/>
      <c r="BM37" s="709"/>
      <c r="BN37" s="710"/>
      <c r="BO37" s="710"/>
      <c r="BP37" s="710"/>
      <c r="BQ37" s="710"/>
      <c r="BR37" s="710"/>
      <c r="BS37" s="710"/>
      <c r="BT37" s="710"/>
      <c r="BU37" s="711"/>
      <c r="BV37" s="625"/>
      <c r="BW37" s="626"/>
      <c r="BX37" s="626"/>
      <c r="BY37" s="626"/>
      <c r="BZ37" s="626"/>
      <c r="CA37" s="626"/>
      <c r="CB37" s="626"/>
      <c r="CC37" s="626"/>
      <c r="CD37" s="626"/>
      <c r="CE37" s="626"/>
      <c r="CF37" s="627"/>
      <c r="CG37" s="153"/>
      <c r="CH37" s="153"/>
    </row>
    <row r="38" spans="1:86" ht="13.5" customHeight="1" x14ac:dyDescent="0.2">
      <c r="A38" s="161"/>
      <c r="B38" s="641"/>
      <c r="C38" s="641"/>
      <c r="D38" s="641"/>
      <c r="E38" s="641"/>
      <c r="F38" s="641"/>
      <c r="G38" s="165"/>
      <c r="H38" s="154"/>
      <c r="I38" s="641"/>
      <c r="J38" s="641"/>
      <c r="K38" s="641"/>
      <c r="L38" s="641"/>
      <c r="M38" s="165"/>
      <c r="N38" s="652"/>
      <c r="O38" s="652"/>
      <c r="P38" s="652"/>
      <c r="Q38" s="652"/>
      <c r="R38" s="652"/>
      <c r="S38" s="652"/>
      <c r="T38" s="652"/>
      <c r="U38" s="652"/>
      <c r="V38" s="652"/>
      <c r="W38" s="652"/>
      <c r="X38" s="649"/>
      <c r="Y38" s="649"/>
      <c r="Z38" s="649"/>
      <c r="AA38" s="649"/>
      <c r="AB38" s="649"/>
      <c r="AC38" s="649"/>
      <c r="AD38" s="649"/>
      <c r="AE38" s="649"/>
      <c r="AF38" s="649"/>
      <c r="AG38" s="652"/>
      <c r="AH38" s="652"/>
      <c r="AI38" s="652"/>
      <c r="AJ38" s="652"/>
      <c r="AK38" s="652"/>
      <c r="AL38" s="652"/>
      <c r="AM38" s="652"/>
      <c r="AN38" s="652"/>
      <c r="AO38" s="653"/>
      <c r="AP38" s="154"/>
      <c r="AQ38" s="154"/>
      <c r="AR38" s="706" t="s">
        <v>126</v>
      </c>
      <c r="AS38" s="707"/>
      <c r="AT38" s="707"/>
      <c r="AU38" s="707"/>
      <c r="AV38" s="707"/>
      <c r="AW38" s="707"/>
      <c r="AX38" s="707"/>
      <c r="AY38" s="707"/>
      <c r="AZ38" s="708"/>
      <c r="BA38" s="716" t="s">
        <v>127</v>
      </c>
      <c r="BB38" s="717"/>
      <c r="BC38" s="717"/>
      <c r="BD38" s="717"/>
      <c r="BE38" s="717"/>
      <c r="BF38" s="717"/>
      <c r="BG38" s="717"/>
      <c r="BH38" s="717"/>
      <c r="BI38" s="717"/>
      <c r="BJ38" s="717"/>
      <c r="BK38" s="718"/>
      <c r="BL38" s="154"/>
      <c r="BM38" s="706" t="s">
        <v>128</v>
      </c>
      <c r="BN38" s="707"/>
      <c r="BO38" s="707"/>
      <c r="BP38" s="707"/>
      <c r="BQ38" s="707"/>
      <c r="BR38" s="707"/>
      <c r="BS38" s="707"/>
      <c r="BT38" s="707"/>
      <c r="BU38" s="708"/>
      <c r="BV38" s="622"/>
      <c r="BW38" s="623"/>
      <c r="BX38" s="623"/>
      <c r="BY38" s="623"/>
      <c r="BZ38" s="623"/>
      <c r="CA38" s="623"/>
      <c r="CB38" s="623"/>
      <c r="CC38" s="623"/>
      <c r="CD38" s="623"/>
      <c r="CE38" s="623"/>
      <c r="CF38" s="624"/>
      <c r="CG38" s="153"/>
      <c r="CH38" s="153"/>
    </row>
    <row r="39" spans="1:86" ht="13.5" customHeight="1" x14ac:dyDescent="0.2">
      <c r="A39" s="161"/>
      <c r="B39" s="641"/>
      <c r="C39" s="641"/>
      <c r="D39" s="641"/>
      <c r="E39" s="641"/>
      <c r="F39" s="641"/>
      <c r="G39" s="165"/>
      <c r="H39" s="628" t="s">
        <v>221</v>
      </c>
      <c r="I39" s="629"/>
      <c r="J39" s="629"/>
      <c r="K39" s="629"/>
      <c r="L39" s="629"/>
      <c r="M39" s="630"/>
      <c r="N39" s="622" t="s">
        <v>120</v>
      </c>
      <c r="O39" s="623"/>
      <c r="P39" s="623"/>
      <c r="Q39" s="623"/>
      <c r="R39" s="623"/>
      <c r="S39" s="623"/>
      <c r="T39" s="623"/>
      <c r="U39" s="622" t="s">
        <v>111</v>
      </c>
      <c r="V39" s="623"/>
      <c r="W39" s="623"/>
      <c r="X39" s="623"/>
      <c r="Y39" s="623"/>
      <c r="Z39" s="623"/>
      <c r="AA39" s="623"/>
      <c r="AB39" s="624"/>
      <c r="AC39" s="622" t="s">
        <v>112</v>
      </c>
      <c r="AD39" s="623"/>
      <c r="AE39" s="623"/>
      <c r="AF39" s="623"/>
      <c r="AG39" s="623"/>
      <c r="AH39" s="623"/>
      <c r="AI39" s="624"/>
      <c r="AJ39" s="622" t="s">
        <v>113</v>
      </c>
      <c r="AK39" s="623"/>
      <c r="AL39" s="623"/>
      <c r="AM39" s="623"/>
      <c r="AN39" s="623"/>
      <c r="AO39" s="624"/>
      <c r="AP39" s="154"/>
      <c r="AQ39" s="154"/>
      <c r="AR39" s="709"/>
      <c r="AS39" s="710"/>
      <c r="AT39" s="710"/>
      <c r="AU39" s="710"/>
      <c r="AV39" s="710"/>
      <c r="AW39" s="710"/>
      <c r="AX39" s="710"/>
      <c r="AY39" s="710"/>
      <c r="AZ39" s="711"/>
      <c r="BA39" s="719"/>
      <c r="BB39" s="720"/>
      <c r="BC39" s="720"/>
      <c r="BD39" s="720"/>
      <c r="BE39" s="720"/>
      <c r="BF39" s="720"/>
      <c r="BG39" s="720"/>
      <c r="BH39" s="720"/>
      <c r="BI39" s="720"/>
      <c r="BJ39" s="720"/>
      <c r="BK39" s="721"/>
      <c r="BL39" s="154"/>
      <c r="BM39" s="709"/>
      <c r="BN39" s="710"/>
      <c r="BO39" s="710"/>
      <c r="BP39" s="710"/>
      <c r="BQ39" s="710"/>
      <c r="BR39" s="710"/>
      <c r="BS39" s="710"/>
      <c r="BT39" s="710"/>
      <c r="BU39" s="711"/>
      <c r="BV39" s="625"/>
      <c r="BW39" s="626"/>
      <c r="BX39" s="626"/>
      <c r="BY39" s="626"/>
      <c r="BZ39" s="626"/>
      <c r="CA39" s="626"/>
      <c r="CB39" s="626"/>
      <c r="CC39" s="626"/>
      <c r="CD39" s="626"/>
      <c r="CE39" s="626"/>
      <c r="CF39" s="627"/>
      <c r="CG39" s="153"/>
      <c r="CH39" s="153"/>
    </row>
    <row r="40" spans="1:86" ht="13.5" customHeight="1" x14ac:dyDescent="0.2">
      <c r="A40" s="161"/>
      <c r="B40" s="641"/>
      <c r="C40" s="641"/>
      <c r="D40" s="641"/>
      <c r="E40" s="641"/>
      <c r="F40" s="641"/>
      <c r="G40" s="165"/>
      <c r="H40" s="631"/>
      <c r="I40" s="632"/>
      <c r="J40" s="632"/>
      <c r="K40" s="632"/>
      <c r="L40" s="632"/>
      <c r="M40" s="633"/>
      <c r="N40" s="637"/>
      <c r="O40" s="638"/>
      <c r="P40" s="638"/>
      <c r="Q40" s="638"/>
      <c r="R40" s="638"/>
      <c r="S40" s="638"/>
      <c r="T40" s="638"/>
      <c r="U40" s="637"/>
      <c r="V40" s="638"/>
      <c r="W40" s="638"/>
      <c r="X40" s="638"/>
      <c r="Y40" s="638"/>
      <c r="Z40" s="638"/>
      <c r="AA40" s="638"/>
      <c r="AB40" s="639"/>
      <c r="AC40" s="637"/>
      <c r="AD40" s="638"/>
      <c r="AE40" s="638"/>
      <c r="AF40" s="638"/>
      <c r="AG40" s="638"/>
      <c r="AH40" s="638"/>
      <c r="AI40" s="639"/>
      <c r="AJ40" s="637"/>
      <c r="AK40" s="638"/>
      <c r="AL40" s="638"/>
      <c r="AM40" s="638"/>
      <c r="AN40" s="638"/>
      <c r="AO40" s="639"/>
      <c r="AP40" s="154"/>
      <c r="AQ40" s="154"/>
      <c r="AR40" s="161"/>
      <c r="AS40" s="154"/>
      <c r="AT40" s="706" t="s">
        <v>129</v>
      </c>
      <c r="AU40" s="707"/>
      <c r="AV40" s="707"/>
      <c r="AW40" s="707"/>
      <c r="AX40" s="707"/>
      <c r="AY40" s="707"/>
      <c r="AZ40" s="708"/>
      <c r="BA40" s="622"/>
      <c r="BB40" s="623"/>
      <c r="BC40" s="623"/>
      <c r="BD40" s="623"/>
      <c r="BE40" s="623"/>
      <c r="BF40" s="623"/>
      <c r="BG40" s="623"/>
      <c r="BH40" s="623"/>
      <c r="BI40" s="623"/>
      <c r="BJ40" s="623"/>
      <c r="BK40" s="624"/>
      <c r="BL40" s="154"/>
      <c r="BM40" s="706" t="s">
        <v>130</v>
      </c>
      <c r="BN40" s="707"/>
      <c r="BO40" s="707"/>
      <c r="BP40" s="707"/>
      <c r="BQ40" s="707"/>
      <c r="BR40" s="707"/>
      <c r="BS40" s="707"/>
      <c r="BT40" s="707"/>
      <c r="BU40" s="708"/>
      <c r="BV40" s="622"/>
      <c r="BW40" s="623"/>
      <c r="BX40" s="623"/>
      <c r="BY40" s="623"/>
      <c r="BZ40" s="623"/>
      <c r="CA40" s="623"/>
      <c r="CB40" s="623"/>
      <c r="CC40" s="623"/>
      <c r="CD40" s="623"/>
      <c r="CE40" s="623"/>
      <c r="CF40" s="624"/>
      <c r="CG40" s="153"/>
      <c r="CH40" s="153"/>
    </row>
    <row r="41" spans="1:86" ht="13.5" customHeight="1" x14ac:dyDescent="0.2">
      <c r="A41" s="161"/>
      <c r="B41" s="641"/>
      <c r="C41" s="641"/>
      <c r="D41" s="641"/>
      <c r="E41" s="641"/>
      <c r="F41" s="641"/>
      <c r="G41" s="165"/>
      <c r="H41" s="631"/>
      <c r="I41" s="632"/>
      <c r="J41" s="632"/>
      <c r="K41" s="632"/>
      <c r="L41" s="632"/>
      <c r="M41" s="633"/>
      <c r="N41" s="622"/>
      <c r="O41" s="623"/>
      <c r="P41" s="623"/>
      <c r="Q41" s="623"/>
      <c r="R41" s="623"/>
      <c r="S41" s="623"/>
      <c r="T41" s="623"/>
      <c r="U41" s="622"/>
      <c r="V41" s="623"/>
      <c r="W41" s="623"/>
      <c r="X41" s="623"/>
      <c r="Y41" s="623"/>
      <c r="Z41" s="623"/>
      <c r="AA41" s="623"/>
      <c r="AB41" s="624"/>
      <c r="AC41" s="622"/>
      <c r="AD41" s="623"/>
      <c r="AE41" s="623"/>
      <c r="AF41" s="623"/>
      <c r="AG41" s="623"/>
      <c r="AH41" s="623"/>
      <c r="AI41" s="624"/>
      <c r="AJ41" s="622"/>
      <c r="AK41" s="623"/>
      <c r="AL41" s="623"/>
      <c r="AM41" s="623"/>
      <c r="AN41" s="623"/>
      <c r="AO41" s="624"/>
      <c r="AP41" s="154"/>
      <c r="AQ41" s="154"/>
      <c r="AR41" s="160"/>
      <c r="AS41" s="159"/>
      <c r="AT41" s="713"/>
      <c r="AU41" s="714"/>
      <c r="AV41" s="714"/>
      <c r="AW41" s="714"/>
      <c r="AX41" s="714"/>
      <c r="AY41" s="714"/>
      <c r="AZ41" s="715"/>
      <c r="BA41" s="637"/>
      <c r="BB41" s="638"/>
      <c r="BC41" s="638"/>
      <c r="BD41" s="638"/>
      <c r="BE41" s="638"/>
      <c r="BF41" s="638"/>
      <c r="BG41" s="638"/>
      <c r="BH41" s="638"/>
      <c r="BI41" s="638"/>
      <c r="BJ41" s="638"/>
      <c r="BK41" s="639"/>
      <c r="BL41" s="154"/>
      <c r="BM41" s="709"/>
      <c r="BN41" s="710"/>
      <c r="BO41" s="710"/>
      <c r="BP41" s="710"/>
      <c r="BQ41" s="710"/>
      <c r="BR41" s="710"/>
      <c r="BS41" s="710"/>
      <c r="BT41" s="710"/>
      <c r="BU41" s="711"/>
      <c r="BV41" s="625"/>
      <c r="BW41" s="626"/>
      <c r="BX41" s="626"/>
      <c r="BY41" s="626"/>
      <c r="BZ41" s="626"/>
      <c r="CA41" s="626"/>
      <c r="CB41" s="626"/>
      <c r="CC41" s="626"/>
      <c r="CD41" s="626"/>
      <c r="CE41" s="626"/>
      <c r="CF41" s="627"/>
      <c r="CG41" s="153"/>
      <c r="CH41" s="153"/>
    </row>
    <row r="42" spans="1:86" ht="13.5" customHeight="1" x14ac:dyDescent="0.2">
      <c r="A42" s="160"/>
      <c r="B42" s="642"/>
      <c r="C42" s="642"/>
      <c r="D42" s="642"/>
      <c r="E42" s="642"/>
      <c r="F42" s="642"/>
      <c r="G42" s="164"/>
      <c r="H42" s="634"/>
      <c r="I42" s="635"/>
      <c r="J42" s="635"/>
      <c r="K42" s="635"/>
      <c r="L42" s="635"/>
      <c r="M42" s="636"/>
      <c r="N42" s="637"/>
      <c r="O42" s="638"/>
      <c r="P42" s="638"/>
      <c r="Q42" s="638"/>
      <c r="R42" s="638"/>
      <c r="S42" s="638"/>
      <c r="T42" s="638"/>
      <c r="U42" s="637"/>
      <c r="V42" s="638"/>
      <c r="W42" s="638"/>
      <c r="X42" s="638"/>
      <c r="Y42" s="638"/>
      <c r="Z42" s="638"/>
      <c r="AA42" s="638"/>
      <c r="AB42" s="639"/>
      <c r="AC42" s="637"/>
      <c r="AD42" s="638"/>
      <c r="AE42" s="638"/>
      <c r="AF42" s="638"/>
      <c r="AG42" s="638"/>
      <c r="AH42" s="638"/>
      <c r="AI42" s="639"/>
      <c r="AJ42" s="637"/>
      <c r="AK42" s="638"/>
      <c r="AL42" s="638"/>
      <c r="AM42" s="638"/>
      <c r="AN42" s="638"/>
      <c r="AO42" s="639"/>
      <c r="AP42" s="154"/>
      <c r="AQ42" s="154"/>
      <c r="AR42" s="154"/>
      <c r="AS42" s="154"/>
      <c r="AT42" s="154"/>
      <c r="AU42" s="154"/>
      <c r="AV42" s="154"/>
      <c r="AW42" s="154"/>
      <c r="AX42" s="154"/>
      <c r="AY42" s="154"/>
      <c r="AZ42" s="154"/>
      <c r="BA42" s="154"/>
      <c r="BB42" s="154"/>
      <c r="BC42" s="154"/>
      <c r="BD42" s="154"/>
      <c r="BE42" s="154"/>
      <c r="BF42" s="154"/>
      <c r="BG42" s="154"/>
      <c r="BH42" s="154"/>
      <c r="BI42" s="154"/>
      <c r="BJ42" s="154"/>
      <c r="BK42" s="154"/>
      <c r="BL42" s="154"/>
      <c r="BM42" s="161"/>
      <c r="BN42" s="154"/>
      <c r="BO42" s="706" t="s">
        <v>129</v>
      </c>
      <c r="BP42" s="707"/>
      <c r="BQ42" s="707"/>
      <c r="BR42" s="707"/>
      <c r="BS42" s="707"/>
      <c r="BT42" s="707"/>
      <c r="BU42" s="708"/>
      <c r="BV42" s="622"/>
      <c r="BW42" s="623"/>
      <c r="BX42" s="623"/>
      <c r="BY42" s="623"/>
      <c r="BZ42" s="623"/>
      <c r="CA42" s="623"/>
      <c r="CB42" s="623"/>
      <c r="CC42" s="623"/>
      <c r="CD42" s="623"/>
      <c r="CE42" s="623"/>
      <c r="CF42" s="624"/>
      <c r="CG42" s="153"/>
      <c r="CH42" s="153"/>
    </row>
    <row r="43" spans="1:86" ht="13.5" customHeight="1" x14ac:dyDescent="0.2">
      <c r="A43" s="154"/>
      <c r="B43" s="163"/>
      <c r="C43" s="163"/>
      <c r="D43" s="163"/>
      <c r="E43" s="163"/>
      <c r="F43" s="163"/>
      <c r="G43" s="154"/>
      <c r="H43" s="154"/>
      <c r="I43" s="154"/>
      <c r="J43" s="154"/>
      <c r="K43" s="154"/>
      <c r="L43" s="154"/>
      <c r="M43" s="154"/>
      <c r="N43" s="154"/>
      <c r="O43" s="154"/>
      <c r="P43" s="154"/>
      <c r="Q43" s="154"/>
      <c r="R43" s="154"/>
      <c r="S43" s="154"/>
      <c r="T43" s="154"/>
      <c r="U43" s="154"/>
      <c r="V43" s="154"/>
      <c r="W43" s="154"/>
      <c r="X43" s="154"/>
      <c r="Y43" s="154"/>
      <c r="Z43" s="154"/>
      <c r="AA43" s="154"/>
      <c r="AB43" s="154"/>
      <c r="AC43" s="154"/>
      <c r="AD43" s="154"/>
      <c r="AE43" s="154"/>
      <c r="AF43" s="154"/>
      <c r="AG43" s="154"/>
      <c r="AH43" s="154"/>
      <c r="AI43" s="154"/>
      <c r="AJ43" s="154"/>
      <c r="AK43" s="154"/>
      <c r="AL43" s="154"/>
      <c r="AM43" s="154"/>
      <c r="AN43" s="154"/>
      <c r="AO43" s="154"/>
      <c r="AP43" s="154"/>
      <c r="AQ43" s="154"/>
      <c r="AR43" s="154"/>
      <c r="AS43" s="154"/>
      <c r="AT43" s="154"/>
      <c r="AU43" s="154"/>
      <c r="AV43" s="154"/>
      <c r="AW43" s="154"/>
      <c r="AX43" s="154"/>
      <c r="AY43" s="154"/>
      <c r="AZ43" s="154"/>
      <c r="BA43" s="154"/>
      <c r="BB43" s="154"/>
      <c r="BC43" s="154"/>
      <c r="BD43" s="154"/>
      <c r="BE43" s="154"/>
      <c r="BF43" s="154"/>
      <c r="BG43" s="154"/>
      <c r="BH43" s="154"/>
      <c r="BI43" s="154"/>
      <c r="BJ43" s="154"/>
      <c r="BK43" s="154"/>
      <c r="BL43" s="154"/>
      <c r="BM43" s="161"/>
      <c r="BN43" s="154"/>
      <c r="BO43" s="709"/>
      <c r="BP43" s="710"/>
      <c r="BQ43" s="710"/>
      <c r="BR43" s="710"/>
      <c r="BS43" s="710"/>
      <c r="BT43" s="710"/>
      <c r="BU43" s="711"/>
      <c r="BV43" s="625"/>
      <c r="BW43" s="626"/>
      <c r="BX43" s="626"/>
      <c r="BY43" s="626"/>
      <c r="BZ43" s="626"/>
      <c r="CA43" s="626"/>
      <c r="CB43" s="626"/>
      <c r="CC43" s="626"/>
      <c r="CD43" s="626"/>
      <c r="CE43" s="626"/>
      <c r="CF43" s="627"/>
      <c r="CG43" s="153"/>
      <c r="CH43" s="153"/>
    </row>
    <row r="44" spans="1:86" ht="13.5" customHeight="1" x14ac:dyDescent="0.2">
      <c r="A44" s="643" t="s">
        <v>148</v>
      </c>
      <c r="B44" s="644"/>
      <c r="C44" s="644"/>
      <c r="D44" s="644"/>
      <c r="E44" s="644"/>
      <c r="F44" s="644"/>
      <c r="G44" s="644"/>
      <c r="H44" s="644"/>
      <c r="I44" s="645"/>
      <c r="J44" s="622"/>
      <c r="K44" s="623"/>
      <c r="L44" s="623"/>
      <c r="M44" s="623"/>
      <c r="N44" s="623"/>
      <c r="O44" s="623"/>
      <c r="P44" s="623"/>
      <c r="Q44" s="623"/>
      <c r="R44" s="623"/>
      <c r="S44" s="623"/>
      <c r="T44" s="624"/>
      <c r="U44" s="154"/>
      <c r="V44" s="643" t="s">
        <v>123</v>
      </c>
      <c r="W44" s="644"/>
      <c r="X44" s="644"/>
      <c r="Y44" s="644"/>
      <c r="Z44" s="644"/>
      <c r="AA44" s="644"/>
      <c r="AB44" s="644"/>
      <c r="AC44" s="644"/>
      <c r="AD44" s="645"/>
      <c r="AE44" s="622"/>
      <c r="AF44" s="623"/>
      <c r="AG44" s="623"/>
      <c r="AH44" s="623"/>
      <c r="AI44" s="623"/>
      <c r="AJ44" s="623"/>
      <c r="AK44" s="623"/>
      <c r="AL44" s="623"/>
      <c r="AM44" s="623"/>
      <c r="AN44" s="623"/>
      <c r="AO44" s="624"/>
      <c r="AP44" s="155"/>
      <c r="AQ44" s="154"/>
      <c r="AR44" s="154"/>
      <c r="AS44" s="154"/>
      <c r="AT44" s="154"/>
      <c r="AU44" s="154"/>
      <c r="AV44" s="154"/>
      <c r="AW44" s="154"/>
      <c r="AX44" s="154"/>
      <c r="AY44" s="154"/>
      <c r="AZ44" s="154"/>
      <c r="BA44" s="154"/>
      <c r="BB44" s="154"/>
      <c r="BC44" s="154"/>
      <c r="BD44" s="154"/>
      <c r="BE44" s="154"/>
      <c r="BF44" s="154"/>
      <c r="BG44" s="154"/>
      <c r="BH44" s="154"/>
      <c r="BI44" s="154"/>
      <c r="BJ44" s="154"/>
      <c r="BK44" s="154"/>
      <c r="BL44" s="154"/>
      <c r="BM44" s="161"/>
      <c r="BN44" s="154"/>
      <c r="BO44" s="622" t="s">
        <v>134</v>
      </c>
      <c r="BP44" s="623"/>
      <c r="BQ44" s="623"/>
      <c r="BR44" s="623"/>
      <c r="BS44" s="623"/>
      <c r="BT44" s="623"/>
      <c r="BU44" s="624"/>
      <c r="BV44" s="622"/>
      <c r="BW44" s="623"/>
      <c r="BX44" s="623"/>
      <c r="BY44" s="623"/>
      <c r="BZ44" s="623"/>
      <c r="CA44" s="623"/>
      <c r="CB44" s="623"/>
      <c r="CC44" s="623"/>
      <c r="CD44" s="623"/>
      <c r="CE44" s="623"/>
      <c r="CF44" s="624"/>
      <c r="CG44" s="153"/>
      <c r="CH44" s="153"/>
    </row>
    <row r="45" spans="1:86" ht="13.5" customHeight="1" x14ac:dyDescent="0.2">
      <c r="A45" s="646"/>
      <c r="B45" s="647"/>
      <c r="C45" s="647"/>
      <c r="D45" s="647"/>
      <c r="E45" s="647"/>
      <c r="F45" s="647"/>
      <c r="G45" s="647"/>
      <c r="H45" s="647"/>
      <c r="I45" s="648"/>
      <c r="J45" s="625"/>
      <c r="K45" s="626"/>
      <c r="L45" s="626"/>
      <c r="M45" s="626"/>
      <c r="N45" s="626"/>
      <c r="O45" s="626"/>
      <c r="P45" s="626"/>
      <c r="Q45" s="626"/>
      <c r="R45" s="626"/>
      <c r="S45" s="626"/>
      <c r="T45" s="627"/>
      <c r="U45" s="154"/>
      <c r="V45" s="646"/>
      <c r="W45" s="647"/>
      <c r="X45" s="647"/>
      <c r="Y45" s="647"/>
      <c r="Z45" s="647"/>
      <c r="AA45" s="647"/>
      <c r="AB45" s="647"/>
      <c r="AC45" s="647"/>
      <c r="AD45" s="648"/>
      <c r="AE45" s="625"/>
      <c r="AF45" s="626"/>
      <c r="AG45" s="626"/>
      <c r="AH45" s="626"/>
      <c r="AI45" s="626"/>
      <c r="AJ45" s="626"/>
      <c r="AK45" s="626"/>
      <c r="AL45" s="626"/>
      <c r="AM45" s="626"/>
      <c r="AN45" s="626"/>
      <c r="AO45" s="627"/>
      <c r="AP45" s="155"/>
      <c r="AQ45" s="154"/>
      <c r="AR45" s="154"/>
      <c r="AS45" s="154"/>
      <c r="AT45" s="154"/>
      <c r="AU45" s="154"/>
      <c r="AV45" s="154"/>
      <c r="AW45" s="154"/>
      <c r="AX45" s="154"/>
      <c r="AY45" s="154"/>
      <c r="AZ45" s="154"/>
      <c r="BA45" s="154"/>
      <c r="BB45" s="154"/>
      <c r="BC45" s="154"/>
      <c r="BD45" s="154"/>
      <c r="BE45" s="154"/>
      <c r="BF45" s="154"/>
      <c r="BG45" s="154"/>
      <c r="BH45" s="154"/>
      <c r="BI45" s="154"/>
      <c r="BJ45" s="154"/>
      <c r="BK45" s="154"/>
      <c r="BL45" s="154"/>
      <c r="BM45" s="160"/>
      <c r="BN45" s="159"/>
      <c r="BO45" s="637"/>
      <c r="BP45" s="638"/>
      <c r="BQ45" s="638"/>
      <c r="BR45" s="638"/>
      <c r="BS45" s="638"/>
      <c r="BT45" s="638"/>
      <c r="BU45" s="639"/>
      <c r="BV45" s="637"/>
      <c r="BW45" s="638"/>
      <c r="BX45" s="638"/>
      <c r="BY45" s="638"/>
      <c r="BZ45" s="638"/>
      <c r="CA45" s="638"/>
      <c r="CB45" s="638"/>
      <c r="CC45" s="638"/>
      <c r="CD45" s="638"/>
      <c r="CE45" s="638"/>
      <c r="CF45" s="639"/>
      <c r="CG45" s="153"/>
      <c r="CH45" s="153"/>
    </row>
    <row r="46" spans="1:86" ht="13.5" customHeight="1" x14ac:dyDescent="0.2">
      <c r="A46" s="161"/>
      <c r="B46" s="154"/>
      <c r="C46" s="628" t="s">
        <v>124</v>
      </c>
      <c r="D46" s="640"/>
      <c r="E46" s="640"/>
      <c r="F46" s="640"/>
      <c r="G46" s="640"/>
      <c r="H46" s="640"/>
      <c r="I46" s="655"/>
      <c r="J46" s="622"/>
      <c r="K46" s="623"/>
      <c r="L46" s="623"/>
      <c r="M46" s="623"/>
      <c r="N46" s="623"/>
      <c r="O46" s="623"/>
      <c r="P46" s="623"/>
      <c r="Q46" s="623"/>
      <c r="R46" s="623"/>
      <c r="S46" s="623"/>
      <c r="T46" s="624"/>
      <c r="U46" s="154"/>
      <c r="V46" s="643" t="s">
        <v>125</v>
      </c>
      <c r="W46" s="644"/>
      <c r="X46" s="644"/>
      <c r="Y46" s="644"/>
      <c r="Z46" s="644"/>
      <c r="AA46" s="644"/>
      <c r="AB46" s="644"/>
      <c r="AC46" s="644"/>
      <c r="AD46" s="645"/>
      <c r="AE46" s="622"/>
      <c r="AF46" s="623"/>
      <c r="AG46" s="623"/>
      <c r="AH46" s="623"/>
      <c r="AI46" s="623"/>
      <c r="AJ46" s="623"/>
      <c r="AK46" s="623"/>
      <c r="AL46" s="623"/>
      <c r="AM46" s="623"/>
      <c r="AN46" s="623"/>
      <c r="AO46" s="624"/>
      <c r="AP46" s="155"/>
      <c r="AQ46" s="154"/>
      <c r="AR46" s="154"/>
      <c r="AS46" s="154"/>
      <c r="AT46" s="154"/>
      <c r="AU46" s="154"/>
      <c r="AV46" s="154"/>
      <c r="AW46" s="154"/>
      <c r="AX46" s="154"/>
      <c r="AY46" s="154"/>
      <c r="AZ46" s="154"/>
      <c r="BA46" s="154"/>
      <c r="BB46" s="154"/>
      <c r="BC46" s="154"/>
      <c r="BD46" s="154"/>
      <c r="BE46" s="154"/>
      <c r="BF46" s="154"/>
      <c r="BG46" s="154"/>
      <c r="BH46" s="154"/>
      <c r="BI46" s="154"/>
      <c r="BJ46" s="154"/>
      <c r="BK46" s="154"/>
      <c r="BL46" s="154"/>
      <c r="BM46" s="154"/>
      <c r="BN46" s="154"/>
      <c r="BO46" s="154"/>
      <c r="BP46" s="154"/>
      <c r="BQ46" s="154"/>
      <c r="BR46" s="154"/>
      <c r="BS46" s="154"/>
      <c r="BT46" s="154"/>
      <c r="BU46" s="154"/>
      <c r="BV46" s="154"/>
      <c r="BW46" s="154"/>
      <c r="BX46" s="154"/>
      <c r="BY46" s="154"/>
      <c r="BZ46" s="154"/>
      <c r="CA46" s="154"/>
      <c r="CB46" s="154"/>
      <c r="CC46" s="154"/>
      <c r="CD46" s="154"/>
      <c r="CE46" s="154"/>
      <c r="CF46" s="154"/>
      <c r="CG46" s="153"/>
      <c r="CH46" s="153"/>
    </row>
    <row r="47" spans="1:86" ht="13.5" customHeight="1" x14ac:dyDescent="0.2">
      <c r="A47" s="161"/>
      <c r="B47" s="154"/>
      <c r="C47" s="657"/>
      <c r="D47" s="641"/>
      <c r="E47" s="641"/>
      <c r="F47" s="641"/>
      <c r="G47" s="641"/>
      <c r="H47" s="641"/>
      <c r="I47" s="658"/>
      <c r="J47" s="625"/>
      <c r="K47" s="626"/>
      <c r="L47" s="626"/>
      <c r="M47" s="626"/>
      <c r="N47" s="626"/>
      <c r="O47" s="626"/>
      <c r="P47" s="626"/>
      <c r="Q47" s="626"/>
      <c r="R47" s="626"/>
      <c r="S47" s="626"/>
      <c r="T47" s="627"/>
      <c r="U47" s="154"/>
      <c r="V47" s="646"/>
      <c r="W47" s="647"/>
      <c r="X47" s="647"/>
      <c r="Y47" s="647"/>
      <c r="Z47" s="647"/>
      <c r="AA47" s="647"/>
      <c r="AB47" s="647"/>
      <c r="AC47" s="647"/>
      <c r="AD47" s="648"/>
      <c r="AE47" s="625"/>
      <c r="AF47" s="626"/>
      <c r="AG47" s="626"/>
      <c r="AH47" s="626"/>
      <c r="AI47" s="626"/>
      <c r="AJ47" s="626"/>
      <c r="AK47" s="626"/>
      <c r="AL47" s="626"/>
      <c r="AM47" s="626"/>
      <c r="AN47" s="626"/>
      <c r="AO47" s="627"/>
      <c r="AP47" s="155"/>
      <c r="AQ47" s="154"/>
      <c r="AR47" s="628" t="s">
        <v>183</v>
      </c>
      <c r="AS47" s="640"/>
      <c r="AT47" s="640"/>
      <c r="AU47" s="640"/>
      <c r="AV47" s="640"/>
      <c r="AW47" s="640"/>
      <c r="AX47" s="640"/>
      <c r="AY47" s="655"/>
      <c r="AZ47" s="628" t="s">
        <v>185</v>
      </c>
      <c r="BA47" s="640"/>
      <c r="BB47" s="640"/>
      <c r="BC47" s="640"/>
      <c r="BD47" s="640"/>
      <c r="BE47" s="640"/>
      <c r="BF47" s="655"/>
      <c r="BG47" s="628" t="s">
        <v>182</v>
      </c>
      <c r="BH47" s="640"/>
      <c r="BI47" s="640"/>
      <c r="BJ47" s="640"/>
      <c r="BK47" s="640"/>
      <c r="BL47" s="640"/>
      <c r="BM47" s="655"/>
      <c r="BN47" s="628" t="s">
        <v>181</v>
      </c>
      <c r="BO47" s="640"/>
      <c r="BP47" s="640"/>
      <c r="BQ47" s="640"/>
      <c r="BR47" s="640"/>
      <c r="BS47" s="640"/>
      <c r="BT47" s="655"/>
      <c r="BU47" s="628" t="s">
        <v>186</v>
      </c>
      <c r="BV47" s="640"/>
      <c r="BW47" s="640"/>
      <c r="BX47" s="640"/>
      <c r="BY47" s="640"/>
      <c r="BZ47" s="655"/>
      <c r="CA47" s="628" t="s">
        <v>185</v>
      </c>
      <c r="CB47" s="640"/>
      <c r="CC47" s="640"/>
      <c r="CD47" s="640"/>
      <c r="CE47" s="640"/>
      <c r="CF47" s="655"/>
      <c r="CG47" s="153"/>
      <c r="CH47" s="153"/>
    </row>
    <row r="48" spans="1:86" ht="13.5" customHeight="1" x14ac:dyDescent="0.2">
      <c r="A48" s="643" t="s">
        <v>122</v>
      </c>
      <c r="B48" s="644"/>
      <c r="C48" s="644"/>
      <c r="D48" s="644"/>
      <c r="E48" s="644"/>
      <c r="F48" s="644"/>
      <c r="G48" s="644"/>
      <c r="H48" s="644"/>
      <c r="I48" s="645"/>
      <c r="J48" s="622"/>
      <c r="K48" s="623"/>
      <c r="L48" s="623"/>
      <c r="M48" s="623"/>
      <c r="N48" s="623"/>
      <c r="O48" s="623"/>
      <c r="P48" s="623"/>
      <c r="Q48" s="623"/>
      <c r="R48" s="623"/>
      <c r="S48" s="623"/>
      <c r="T48" s="624"/>
      <c r="U48" s="154"/>
      <c r="V48" s="643" t="s">
        <v>128</v>
      </c>
      <c r="W48" s="644"/>
      <c r="X48" s="644"/>
      <c r="Y48" s="644"/>
      <c r="Z48" s="644"/>
      <c r="AA48" s="644"/>
      <c r="AB48" s="644"/>
      <c r="AC48" s="644"/>
      <c r="AD48" s="645"/>
      <c r="AE48" s="622"/>
      <c r="AF48" s="623"/>
      <c r="AG48" s="623"/>
      <c r="AH48" s="623"/>
      <c r="AI48" s="623"/>
      <c r="AJ48" s="623"/>
      <c r="AK48" s="623"/>
      <c r="AL48" s="623"/>
      <c r="AM48" s="623"/>
      <c r="AN48" s="623"/>
      <c r="AO48" s="624"/>
      <c r="AP48" s="155"/>
      <c r="AQ48" s="154"/>
      <c r="AR48" s="657"/>
      <c r="AS48" s="641"/>
      <c r="AT48" s="641"/>
      <c r="AU48" s="641"/>
      <c r="AV48" s="641"/>
      <c r="AW48" s="641"/>
      <c r="AX48" s="641"/>
      <c r="AY48" s="658"/>
      <c r="AZ48" s="657"/>
      <c r="BA48" s="641"/>
      <c r="BB48" s="641"/>
      <c r="BC48" s="641"/>
      <c r="BD48" s="641"/>
      <c r="BE48" s="641"/>
      <c r="BF48" s="658"/>
      <c r="BG48" s="657"/>
      <c r="BH48" s="641"/>
      <c r="BI48" s="641"/>
      <c r="BJ48" s="641"/>
      <c r="BK48" s="641"/>
      <c r="BL48" s="641"/>
      <c r="BM48" s="658"/>
      <c r="BN48" s="657"/>
      <c r="BO48" s="641"/>
      <c r="BP48" s="641"/>
      <c r="BQ48" s="641"/>
      <c r="BR48" s="641"/>
      <c r="BS48" s="641"/>
      <c r="BT48" s="658"/>
      <c r="BU48" s="657"/>
      <c r="BV48" s="641"/>
      <c r="BW48" s="641"/>
      <c r="BX48" s="641"/>
      <c r="BY48" s="641"/>
      <c r="BZ48" s="658"/>
      <c r="CA48" s="657"/>
      <c r="CB48" s="641"/>
      <c r="CC48" s="641"/>
      <c r="CD48" s="641"/>
      <c r="CE48" s="641"/>
      <c r="CF48" s="658"/>
      <c r="CG48" s="153"/>
      <c r="CH48" s="153"/>
    </row>
    <row r="49" spans="1:86" ht="13.5" customHeight="1" x14ac:dyDescent="0.2">
      <c r="A49" s="646"/>
      <c r="B49" s="647"/>
      <c r="C49" s="647"/>
      <c r="D49" s="647"/>
      <c r="E49" s="647"/>
      <c r="F49" s="647"/>
      <c r="G49" s="647"/>
      <c r="H49" s="647"/>
      <c r="I49" s="648"/>
      <c r="J49" s="625"/>
      <c r="K49" s="626"/>
      <c r="L49" s="626"/>
      <c r="M49" s="626"/>
      <c r="N49" s="626"/>
      <c r="O49" s="626"/>
      <c r="P49" s="626"/>
      <c r="Q49" s="626"/>
      <c r="R49" s="626"/>
      <c r="S49" s="626"/>
      <c r="T49" s="627"/>
      <c r="U49" s="154"/>
      <c r="V49" s="646"/>
      <c r="W49" s="647"/>
      <c r="X49" s="647"/>
      <c r="Y49" s="647"/>
      <c r="Z49" s="647"/>
      <c r="AA49" s="647"/>
      <c r="AB49" s="647"/>
      <c r="AC49" s="647"/>
      <c r="AD49" s="648"/>
      <c r="AE49" s="625"/>
      <c r="AF49" s="626"/>
      <c r="AG49" s="626"/>
      <c r="AH49" s="626"/>
      <c r="AI49" s="626"/>
      <c r="AJ49" s="626"/>
      <c r="AK49" s="626"/>
      <c r="AL49" s="626"/>
      <c r="AM49" s="626"/>
      <c r="AN49" s="626"/>
      <c r="AO49" s="627"/>
      <c r="AP49" s="155"/>
      <c r="AQ49" s="154"/>
      <c r="AR49" s="712"/>
      <c r="AS49" s="642"/>
      <c r="AT49" s="642"/>
      <c r="AU49" s="642"/>
      <c r="AV49" s="642"/>
      <c r="AW49" s="642"/>
      <c r="AX49" s="642"/>
      <c r="AY49" s="656"/>
      <c r="AZ49" s="712"/>
      <c r="BA49" s="642"/>
      <c r="BB49" s="642"/>
      <c r="BC49" s="642"/>
      <c r="BD49" s="642"/>
      <c r="BE49" s="642"/>
      <c r="BF49" s="656"/>
      <c r="BG49" s="712"/>
      <c r="BH49" s="642"/>
      <c r="BI49" s="642"/>
      <c r="BJ49" s="642"/>
      <c r="BK49" s="642"/>
      <c r="BL49" s="642"/>
      <c r="BM49" s="656"/>
      <c r="BN49" s="712"/>
      <c r="BO49" s="642"/>
      <c r="BP49" s="642"/>
      <c r="BQ49" s="642"/>
      <c r="BR49" s="642"/>
      <c r="BS49" s="642"/>
      <c r="BT49" s="656"/>
      <c r="BU49" s="712"/>
      <c r="BV49" s="642"/>
      <c r="BW49" s="642"/>
      <c r="BX49" s="642"/>
      <c r="BY49" s="642"/>
      <c r="BZ49" s="656"/>
      <c r="CA49" s="712"/>
      <c r="CB49" s="642"/>
      <c r="CC49" s="642"/>
      <c r="CD49" s="642"/>
      <c r="CE49" s="642"/>
      <c r="CF49" s="656"/>
      <c r="CG49" s="153"/>
      <c r="CH49" s="153"/>
    </row>
    <row r="50" spans="1:86" ht="13.5" customHeight="1" x14ac:dyDescent="0.2">
      <c r="A50" s="161"/>
      <c r="B50" s="154"/>
      <c r="C50" s="628" t="s">
        <v>124</v>
      </c>
      <c r="D50" s="640"/>
      <c r="E50" s="640"/>
      <c r="F50" s="640"/>
      <c r="G50" s="640"/>
      <c r="H50" s="640"/>
      <c r="I50" s="655"/>
      <c r="J50" s="622"/>
      <c r="K50" s="623"/>
      <c r="L50" s="623"/>
      <c r="M50" s="623"/>
      <c r="N50" s="623"/>
      <c r="O50" s="623"/>
      <c r="P50" s="623"/>
      <c r="Q50" s="623"/>
      <c r="R50" s="623"/>
      <c r="S50" s="623"/>
      <c r="T50" s="624"/>
      <c r="U50" s="154"/>
      <c r="V50" s="643" t="s">
        <v>130</v>
      </c>
      <c r="W50" s="644"/>
      <c r="X50" s="644"/>
      <c r="Y50" s="644"/>
      <c r="Z50" s="644"/>
      <c r="AA50" s="644"/>
      <c r="AB50" s="644"/>
      <c r="AC50" s="644"/>
      <c r="AD50" s="645"/>
      <c r="AE50" s="622"/>
      <c r="AF50" s="623"/>
      <c r="AG50" s="623"/>
      <c r="AH50" s="623"/>
      <c r="AI50" s="623"/>
      <c r="AJ50" s="623"/>
      <c r="AK50" s="623"/>
      <c r="AL50" s="623"/>
      <c r="AM50" s="623"/>
      <c r="AN50" s="623"/>
      <c r="AO50" s="624"/>
      <c r="AP50" s="155"/>
      <c r="AQ50" s="154"/>
      <c r="AR50" s="162"/>
      <c r="AS50" s="162"/>
      <c r="AT50" s="162"/>
      <c r="AU50" s="162"/>
      <c r="AV50" s="162"/>
      <c r="AW50" s="162"/>
      <c r="AX50" s="162"/>
      <c r="AY50" s="162"/>
      <c r="AZ50" s="162"/>
      <c r="BA50" s="162"/>
      <c r="BB50" s="162"/>
      <c r="BC50" s="162"/>
      <c r="BD50" s="162"/>
      <c r="BE50" s="162"/>
      <c r="BF50" s="162"/>
      <c r="BG50" s="162"/>
      <c r="BH50" s="162"/>
      <c r="BI50" s="162"/>
      <c r="BJ50" s="162"/>
      <c r="BK50" s="162"/>
      <c r="BL50" s="162"/>
      <c r="BM50" s="156"/>
      <c r="BN50" s="156"/>
      <c r="BO50" s="156"/>
      <c r="BP50" s="156"/>
      <c r="BQ50" s="156"/>
      <c r="BR50" s="156"/>
      <c r="BS50" s="156"/>
      <c r="BT50" s="156"/>
      <c r="BU50" s="156"/>
      <c r="BV50" s="156"/>
      <c r="BW50" s="156"/>
      <c r="BX50" s="156"/>
      <c r="BY50" s="156"/>
      <c r="BZ50" s="156"/>
      <c r="CA50" s="156"/>
      <c r="CB50" s="156"/>
      <c r="CC50" s="156"/>
      <c r="CD50" s="156"/>
      <c r="CE50" s="156"/>
      <c r="CF50" s="156"/>
      <c r="CG50" s="153"/>
      <c r="CH50" s="153"/>
    </row>
    <row r="51" spans="1:86" ht="13.5" customHeight="1" x14ac:dyDescent="0.2">
      <c r="A51" s="161"/>
      <c r="B51" s="154"/>
      <c r="C51" s="657"/>
      <c r="D51" s="641"/>
      <c r="E51" s="641"/>
      <c r="F51" s="641"/>
      <c r="G51" s="641"/>
      <c r="H51" s="641"/>
      <c r="I51" s="658"/>
      <c r="J51" s="625"/>
      <c r="K51" s="626"/>
      <c r="L51" s="626"/>
      <c r="M51" s="626"/>
      <c r="N51" s="626"/>
      <c r="O51" s="626"/>
      <c r="P51" s="626"/>
      <c r="Q51" s="626"/>
      <c r="R51" s="626"/>
      <c r="S51" s="626"/>
      <c r="T51" s="627"/>
      <c r="U51" s="154"/>
      <c r="V51" s="646"/>
      <c r="W51" s="647"/>
      <c r="X51" s="647"/>
      <c r="Y51" s="647"/>
      <c r="Z51" s="647"/>
      <c r="AA51" s="647"/>
      <c r="AB51" s="647"/>
      <c r="AC51" s="647"/>
      <c r="AD51" s="648"/>
      <c r="AE51" s="625"/>
      <c r="AF51" s="626"/>
      <c r="AG51" s="626"/>
      <c r="AH51" s="626"/>
      <c r="AI51" s="626"/>
      <c r="AJ51" s="626"/>
      <c r="AK51" s="626"/>
      <c r="AL51" s="626"/>
      <c r="AM51" s="626"/>
      <c r="AN51" s="626"/>
      <c r="AO51" s="627"/>
      <c r="AP51" s="155"/>
      <c r="AQ51" s="154"/>
      <c r="AR51" s="156"/>
      <c r="AS51" s="156"/>
      <c r="AT51" s="156"/>
      <c r="AU51" s="156"/>
      <c r="AV51" s="156"/>
      <c r="AW51" s="156"/>
      <c r="AX51" s="156"/>
      <c r="AY51" s="156"/>
      <c r="AZ51" s="156"/>
      <c r="BA51" s="156"/>
      <c r="BB51" s="156"/>
      <c r="BC51" s="156"/>
      <c r="BD51" s="156"/>
      <c r="BE51" s="156"/>
      <c r="BF51" s="156"/>
      <c r="BG51" s="156"/>
      <c r="BH51" s="156"/>
      <c r="BI51" s="156"/>
      <c r="BJ51" s="156"/>
      <c r="BK51" s="156"/>
      <c r="BL51" s="156"/>
      <c r="BM51" s="156"/>
      <c r="BN51" s="156"/>
      <c r="BO51" s="156"/>
      <c r="BP51" s="156"/>
      <c r="BQ51" s="156"/>
      <c r="BR51" s="156"/>
      <c r="BS51" s="156"/>
      <c r="BT51" s="156"/>
      <c r="BU51" s="156"/>
      <c r="BV51" s="156"/>
      <c r="BW51" s="156"/>
      <c r="BX51" s="156"/>
      <c r="BY51" s="156"/>
      <c r="BZ51" s="156"/>
      <c r="CA51" s="156"/>
      <c r="CB51" s="156"/>
      <c r="CC51" s="156"/>
      <c r="CD51" s="156"/>
      <c r="CE51" s="156"/>
      <c r="CF51" s="156"/>
      <c r="CG51" s="153"/>
      <c r="CH51" s="153"/>
    </row>
    <row r="52" spans="1:86" ht="13.5" customHeight="1" x14ac:dyDescent="0.2">
      <c r="A52" s="643" t="s">
        <v>126</v>
      </c>
      <c r="B52" s="644"/>
      <c r="C52" s="644"/>
      <c r="D52" s="644"/>
      <c r="E52" s="644"/>
      <c r="F52" s="644"/>
      <c r="G52" s="644"/>
      <c r="H52" s="644"/>
      <c r="I52" s="645"/>
      <c r="J52" s="716" t="s">
        <v>127</v>
      </c>
      <c r="K52" s="717"/>
      <c r="L52" s="717"/>
      <c r="M52" s="717"/>
      <c r="N52" s="717"/>
      <c r="O52" s="717"/>
      <c r="P52" s="717"/>
      <c r="Q52" s="717"/>
      <c r="R52" s="717"/>
      <c r="S52" s="717"/>
      <c r="T52" s="718"/>
      <c r="U52" s="154"/>
      <c r="V52" s="161"/>
      <c r="W52" s="154"/>
      <c r="X52" s="643" t="s">
        <v>129</v>
      </c>
      <c r="Y52" s="644"/>
      <c r="Z52" s="644"/>
      <c r="AA52" s="644"/>
      <c r="AB52" s="644"/>
      <c r="AC52" s="644"/>
      <c r="AD52" s="645"/>
      <c r="AE52" s="622"/>
      <c r="AF52" s="623"/>
      <c r="AG52" s="623"/>
      <c r="AH52" s="623"/>
      <c r="AI52" s="623"/>
      <c r="AJ52" s="623"/>
      <c r="AK52" s="623"/>
      <c r="AL52" s="623"/>
      <c r="AM52" s="623"/>
      <c r="AN52" s="623"/>
      <c r="AO52" s="624"/>
      <c r="AP52" s="155"/>
      <c r="AQ52" s="154"/>
      <c r="AR52" s="156"/>
      <c r="AS52" s="156"/>
      <c r="AT52" s="156"/>
      <c r="AU52" s="156"/>
      <c r="AV52" s="156"/>
      <c r="AW52" s="156"/>
      <c r="AX52" s="156"/>
      <c r="AY52" s="156"/>
      <c r="AZ52" s="156"/>
      <c r="BA52" s="156"/>
      <c r="BB52" s="156"/>
      <c r="BC52" s="156"/>
      <c r="BD52" s="156"/>
      <c r="BE52" s="156"/>
      <c r="BF52" s="156"/>
      <c r="BG52" s="156"/>
      <c r="BH52" s="156"/>
      <c r="BI52" s="156"/>
      <c r="BJ52" s="156"/>
      <c r="BK52" s="156"/>
      <c r="BL52" s="156"/>
      <c r="BM52" s="156"/>
      <c r="BN52" s="156"/>
      <c r="BO52" s="156"/>
      <c r="BP52" s="156"/>
      <c r="BQ52" s="156"/>
      <c r="BR52" s="156"/>
      <c r="BS52" s="156"/>
      <c r="BT52" s="156"/>
      <c r="BU52" s="156"/>
      <c r="BV52" s="156"/>
      <c r="BW52" s="156"/>
      <c r="BX52" s="156"/>
      <c r="BY52" s="156"/>
      <c r="BZ52" s="156"/>
      <c r="CA52" s="156"/>
      <c r="CB52" s="156"/>
      <c r="CC52" s="156"/>
      <c r="CD52" s="156"/>
      <c r="CE52" s="156"/>
      <c r="CF52" s="156"/>
      <c r="CG52" s="153"/>
      <c r="CH52" s="153"/>
    </row>
    <row r="53" spans="1:86" ht="13.5" customHeight="1" x14ac:dyDescent="0.2">
      <c r="A53" s="646"/>
      <c r="B53" s="647"/>
      <c r="C53" s="647"/>
      <c r="D53" s="647"/>
      <c r="E53" s="647"/>
      <c r="F53" s="647"/>
      <c r="G53" s="647"/>
      <c r="H53" s="647"/>
      <c r="I53" s="648"/>
      <c r="J53" s="719"/>
      <c r="K53" s="720"/>
      <c r="L53" s="720"/>
      <c r="M53" s="720"/>
      <c r="N53" s="720"/>
      <c r="O53" s="720"/>
      <c r="P53" s="720"/>
      <c r="Q53" s="720"/>
      <c r="R53" s="720"/>
      <c r="S53" s="720"/>
      <c r="T53" s="721"/>
      <c r="U53" s="154"/>
      <c r="V53" s="161"/>
      <c r="W53" s="154"/>
      <c r="X53" s="646"/>
      <c r="Y53" s="647"/>
      <c r="Z53" s="647"/>
      <c r="AA53" s="647"/>
      <c r="AB53" s="647"/>
      <c r="AC53" s="647"/>
      <c r="AD53" s="648"/>
      <c r="AE53" s="625"/>
      <c r="AF53" s="626"/>
      <c r="AG53" s="626"/>
      <c r="AH53" s="626"/>
      <c r="AI53" s="626"/>
      <c r="AJ53" s="626"/>
      <c r="AK53" s="626"/>
      <c r="AL53" s="626"/>
      <c r="AM53" s="626"/>
      <c r="AN53" s="626"/>
      <c r="AO53" s="627"/>
      <c r="AP53" s="155"/>
      <c r="AQ53" s="154"/>
      <c r="AR53" s="156"/>
      <c r="AS53" s="156"/>
      <c r="AT53" s="156"/>
      <c r="AU53" s="156"/>
      <c r="AV53" s="156"/>
      <c r="AW53" s="156"/>
      <c r="AX53" s="156"/>
      <c r="AY53" s="156"/>
      <c r="AZ53" s="156"/>
      <c r="BA53" s="156"/>
      <c r="BB53" s="156"/>
      <c r="BC53" s="156"/>
      <c r="BD53" s="156"/>
      <c r="BE53" s="156"/>
      <c r="BF53" s="156"/>
      <c r="BG53" s="156"/>
      <c r="BH53" s="156"/>
      <c r="BI53" s="156"/>
      <c r="BJ53" s="156"/>
      <c r="BK53" s="156"/>
      <c r="BL53" s="156"/>
      <c r="BM53" s="156"/>
      <c r="BN53" s="156"/>
      <c r="BO53" s="156"/>
      <c r="BP53" s="156"/>
      <c r="BQ53" s="156"/>
      <c r="BR53" s="156"/>
      <c r="BS53" s="156"/>
      <c r="BT53" s="156"/>
      <c r="BU53" s="156"/>
      <c r="BV53" s="156"/>
      <c r="BW53" s="156"/>
      <c r="BX53" s="156"/>
      <c r="BY53" s="156"/>
      <c r="BZ53" s="156"/>
      <c r="CA53" s="156"/>
      <c r="CB53" s="156"/>
      <c r="CC53" s="156"/>
      <c r="CD53" s="156"/>
      <c r="CE53" s="156"/>
      <c r="CF53" s="156"/>
      <c r="CG53" s="153"/>
      <c r="CH53" s="153"/>
    </row>
    <row r="54" spans="1:86" ht="13.5" customHeight="1" x14ac:dyDescent="0.2">
      <c r="A54" s="161"/>
      <c r="B54" s="154"/>
      <c r="C54" s="643" t="s">
        <v>129</v>
      </c>
      <c r="D54" s="644"/>
      <c r="E54" s="644"/>
      <c r="F54" s="644"/>
      <c r="G54" s="644"/>
      <c r="H54" s="644"/>
      <c r="I54" s="645"/>
      <c r="J54" s="622"/>
      <c r="K54" s="623"/>
      <c r="L54" s="623"/>
      <c r="M54" s="623"/>
      <c r="N54" s="623"/>
      <c r="O54" s="623"/>
      <c r="P54" s="623"/>
      <c r="Q54" s="623"/>
      <c r="R54" s="623"/>
      <c r="S54" s="623"/>
      <c r="T54" s="624"/>
      <c r="U54" s="154"/>
      <c r="V54" s="161"/>
      <c r="W54" s="154"/>
      <c r="X54" s="643" t="s">
        <v>134</v>
      </c>
      <c r="Y54" s="644"/>
      <c r="Z54" s="644"/>
      <c r="AA54" s="644"/>
      <c r="AB54" s="644"/>
      <c r="AC54" s="644"/>
      <c r="AD54" s="645"/>
      <c r="AE54" s="622"/>
      <c r="AF54" s="623"/>
      <c r="AG54" s="623"/>
      <c r="AH54" s="623"/>
      <c r="AI54" s="623"/>
      <c r="AJ54" s="623"/>
      <c r="AK54" s="623"/>
      <c r="AL54" s="623"/>
      <c r="AM54" s="623"/>
      <c r="AN54" s="623"/>
      <c r="AO54" s="624"/>
      <c r="AP54" s="155"/>
      <c r="AQ54" s="154"/>
      <c r="AR54" s="156"/>
      <c r="AS54" s="156"/>
      <c r="AT54" s="156"/>
      <c r="AU54" s="156"/>
      <c r="AV54" s="156"/>
      <c r="AW54" s="156"/>
      <c r="AX54" s="156"/>
      <c r="AY54" s="156"/>
      <c r="AZ54" s="156"/>
      <c r="BA54" s="156"/>
      <c r="BB54" s="156"/>
      <c r="BC54" s="156"/>
      <c r="BD54" s="156"/>
      <c r="BE54" s="156"/>
      <c r="BF54" s="156"/>
      <c r="BG54" s="156"/>
      <c r="BH54" s="156"/>
      <c r="BI54" s="156"/>
      <c r="BJ54" s="156"/>
      <c r="BK54" s="156"/>
      <c r="BL54" s="156"/>
      <c r="BM54" s="156"/>
      <c r="BN54" s="156"/>
      <c r="BO54" s="156"/>
      <c r="BP54" s="156"/>
      <c r="BQ54" s="156"/>
      <c r="BR54" s="156"/>
      <c r="BS54" s="156"/>
      <c r="BT54" s="156"/>
      <c r="BU54" s="156"/>
      <c r="BV54" s="156"/>
      <c r="BW54" s="156"/>
      <c r="BX54" s="156"/>
      <c r="BY54" s="156"/>
      <c r="BZ54" s="156"/>
      <c r="CA54" s="156"/>
      <c r="CB54" s="156"/>
      <c r="CC54" s="156"/>
      <c r="CD54" s="156"/>
      <c r="CE54" s="156"/>
      <c r="CF54" s="156"/>
      <c r="CG54" s="153"/>
      <c r="CH54" s="153"/>
    </row>
    <row r="55" spans="1:86" ht="13.5" customHeight="1" x14ac:dyDescent="0.2">
      <c r="A55" s="160"/>
      <c r="B55" s="159"/>
      <c r="C55" s="742"/>
      <c r="D55" s="743"/>
      <c r="E55" s="743"/>
      <c r="F55" s="743"/>
      <c r="G55" s="743"/>
      <c r="H55" s="743"/>
      <c r="I55" s="744"/>
      <c r="J55" s="637"/>
      <c r="K55" s="638"/>
      <c r="L55" s="638"/>
      <c r="M55" s="638"/>
      <c r="N55" s="638"/>
      <c r="O55" s="638"/>
      <c r="P55" s="638"/>
      <c r="Q55" s="638"/>
      <c r="R55" s="638"/>
      <c r="S55" s="638"/>
      <c r="T55" s="639"/>
      <c r="U55" s="154"/>
      <c r="V55" s="160"/>
      <c r="W55" s="159"/>
      <c r="X55" s="742"/>
      <c r="Y55" s="743"/>
      <c r="Z55" s="743"/>
      <c r="AA55" s="743"/>
      <c r="AB55" s="743"/>
      <c r="AC55" s="743"/>
      <c r="AD55" s="744"/>
      <c r="AE55" s="637"/>
      <c r="AF55" s="638"/>
      <c r="AG55" s="638"/>
      <c r="AH55" s="638"/>
      <c r="AI55" s="638"/>
      <c r="AJ55" s="638"/>
      <c r="AK55" s="638"/>
      <c r="AL55" s="638"/>
      <c r="AM55" s="638"/>
      <c r="AN55" s="638"/>
      <c r="AO55" s="639"/>
      <c r="AP55" s="155"/>
      <c r="AQ55" s="154"/>
      <c r="AR55" s="156"/>
      <c r="AS55" s="156"/>
      <c r="AT55" s="156"/>
      <c r="AU55" s="156"/>
      <c r="AV55" s="156"/>
      <c r="AW55" s="156"/>
      <c r="AX55" s="156"/>
      <c r="AY55" s="156"/>
      <c r="AZ55" s="156"/>
      <c r="BA55" s="156"/>
      <c r="BB55" s="156"/>
      <c r="BC55" s="156"/>
      <c r="BD55" s="156"/>
      <c r="BE55" s="156"/>
      <c r="BF55" s="156"/>
      <c r="BG55" s="156"/>
      <c r="BH55" s="156"/>
      <c r="BI55" s="156"/>
      <c r="BJ55" s="156"/>
      <c r="BK55" s="156"/>
      <c r="BL55" s="156"/>
      <c r="BM55" s="156"/>
      <c r="BN55" s="156"/>
      <c r="BO55" s="156"/>
      <c r="BP55" s="156"/>
      <c r="BQ55" s="156"/>
      <c r="BR55" s="156"/>
      <c r="BS55" s="156"/>
      <c r="BT55" s="156"/>
      <c r="BU55" s="156"/>
      <c r="BV55" s="156"/>
      <c r="BW55" s="156"/>
      <c r="BX55" s="156"/>
      <c r="BY55" s="156"/>
      <c r="BZ55" s="156"/>
      <c r="CA55" s="156"/>
      <c r="CB55" s="156"/>
      <c r="CC55" s="156"/>
      <c r="CD55" s="156"/>
      <c r="CE55" s="156"/>
      <c r="CF55" s="156"/>
      <c r="CG55" s="153"/>
      <c r="CH55" s="153"/>
    </row>
    <row r="56" spans="1:86" ht="13.5" customHeight="1" x14ac:dyDescent="0.2">
      <c r="A56" s="154"/>
      <c r="B56" s="154"/>
      <c r="C56" s="158"/>
      <c r="D56" s="158"/>
      <c r="E56" s="158"/>
      <c r="F56" s="158"/>
      <c r="G56" s="158"/>
      <c r="H56" s="154"/>
      <c r="I56" s="154"/>
      <c r="J56" s="154"/>
      <c r="K56" s="154"/>
      <c r="L56" s="154"/>
      <c r="M56" s="154"/>
      <c r="N56" s="154"/>
      <c r="O56" s="154"/>
      <c r="P56" s="154"/>
      <c r="Q56" s="154"/>
      <c r="R56" s="154"/>
      <c r="S56" s="154"/>
      <c r="T56" s="154"/>
      <c r="U56" s="154"/>
      <c r="V56" s="154"/>
      <c r="W56" s="154"/>
      <c r="X56" s="158"/>
      <c r="Y56" s="158"/>
      <c r="Z56" s="158"/>
      <c r="AA56" s="158"/>
      <c r="AB56" s="158"/>
      <c r="AC56" s="154"/>
      <c r="AD56" s="154"/>
      <c r="AE56" s="154"/>
      <c r="AF56" s="154"/>
      <c r="AG56" s="154"/>
      <c r="AH56" s="154"/>
      <c r="AI56" s="154"/>
      <c r="AJ56" s="154"/>
      <c r="AK56" s="154"/>
      <c r="AL56" s="154"/>
      <c r="AM56" s="154"/>
      <c r="AN56" s="154"/>
      <c r="AO56" s="154"/>
      <c r="AP56" s="155"/>
      <c r="AQ56" s="154"/>
      <c r="AR56" s="156"/>
      <c r="AS56" s="156"/>
      <c r="AT56" s="156"/>
      <c r="AU56" s="156"/>
      <c r="AV56" s="156"/>
      <c r="AW56" s="156"/>
      <c r="AX56" s="156"/>
      <c r="AY56" s="156"/>
      <c r="AZ56" s="156"/>
      <c r="BA56" s="156"/>
      <c r="BB56" s="156"/>
      <c r="BC56" s="156"/>
      <c r="BD56" s="156"/>
      <c r="BE56" s="156"/>
      <c r="BF56" s="156"/>
      <c r="BG56" s="156"/>
      <c r="BH56" s="156"/>
      <c r="BI56" s="156"/>
      <c r="BJ56" s="156"/>
      <c r="BK56" s="156"/>
      <c r="BL56" s="156"/>
      <c r="BM56" s="157"/>
      <c r="BN56" s="156"/>
      <c r="BO56" s="156"/>
      <c r="BP56" s="156"/>
      <c r="BQ56" s="156"/>
      <c r="BR56" s="156"/>
      <c r="BS56" s="156"/>
      <c r="BT56" s="156"/>
      <c r="BU56" s="156"/>
      <c r="BV56" s="156"/>
      <c r="BW56" s="156"/>
      <c r="BX56" s="156"/>
      <c r="BY56" s="156"/>
      <c r="BZ56" s="156"/>
      <c r="CA56" s="156"/>
      <c r="CB56" s="156"/>
      <c r="CC56" s="156"/>
      <c r="CD56" s="156"/>
      <c r="CE56" s="156"/>
      <c r="CF56" s="156"/>
      <c r="CG56" s="153"/>
      <c r="CH56" s="153"/>
    </row>
    <row r="57" spans="1:86" ht="13.5" customHeight="1" x14ac:dyDescent="0.2">
      <c r="A57" s="628" t="s">
        <v>183</v>
      </c>
      <c r="B57" s="640"/>
      <c r="C57" s="640"/>
      <c r="D57" s="640"/>
      <c r="E57" s="640"/>
      <c r="F57" s="640"/>
      <c r="G57" s="640"/>
      <c r="H57" s="655"/>
      <c r="I57" s="628" t="s">
        <v>185</v>
      </c>
      <c r="J57" s="640"/>
      <c r="K57" s="640"/>
      <c r="L57" s="640"/>
      <c r="M57" s="640"/>
      <c r="N57" s="640"/>
      <c r="O57" s="655"/>
      <c r="P57" s="628" t="s">
        <v>182</v>
      </c>
      <c r="Q57" s="640"/>
      <c r="R57" s="640"/>
      <c r="S57" s="640"/>
      <c r="T57" s="640"/>
      <c r="U57" s="640"/>
      <c r="V57" s="655"/>
      <c r="W57" s="628" t="s">
        <v>181</v>
      </c>
      <c r="X57" s="640"/>
      <c r="Y57" s="640"/>
      <c r="Z57" s="640"/>
      <c r="AA57" s="640"/>
      <c r="AB57" s="640"/>
      <c r="AC57" s="655"/>
      <c r="AD57" s="628" t="s">
        <v>186</v>
      </c>
      <c r="AE57" s="640"/>
      <c r="AF57" s="640"/>
      <c r="AG57" s="640"/>
      <c r="AH57" s="640"/>
      <c r="AI57" s="655"/>
      <c r="AJ57" s="628" t="s">
        <v>185</v>
      </c>
      <c r="AK57" s="640"/>
      <c r="AL57" s="640"/>
      <c r="AM57" s="640"/>
      <c r="AN57" s="640"/>
      <c r="AO57" s="655"/>
      <c r="AP57" s="155"/>
      <c r="AQ57" s="154"/>
      <c r="AR57" s="156"/>
      <c r="AS57" s="156"/>
      <c r="AT57" s="156"/>
      <c r="AU57" s="156"/>
      <c r="AV57" s="156"/>
      <c r="AW57" s="156"/>
      <c r="AX57" s="156"/>
      <c r="AY57" s="156"/>
      <c r="AZ57" s="156"/>
      <c r="BA57" s="156"/>
      <c r="BB57" s="156"/>
      <c r="BC57" s="156"/>
      <c r="BD57" s="156"/>
      <c r="BE57" s="156"/>
      <c r="BF57" s="156"/>
      <c r="BG57" s="156"/>
      <c r="BH57" s="156"/>
      <c r="BI57" s="156"/>
      <c r="BJ57" s="156"/>
      <c r="BK57" s="156"/>
      <c r="BL57" s="156"/>
      <c r="CG57" s="153"/>
      <c r="CH57" s="153"/>
    </row>
    <row r="58" spans="1:86" ht="13.5" customHeight="1" x14ac:dyDescent="0.2">
      <c r="A58" s="657"/>
      <c r="B58" s="641"/>
      <c r="C58" s="641"/>
      <c r="D58" s="641"/>
      <c r="E58" s="641"/>
      <c r="F58" s="641"/>
      <c r="G58" s="641"/>
      <c r="H58" s="658"/>
      <c r="I58" s="657"/>
      <c r="J58" s="641"/>
      <c r="K58" s="641"/>
      <c r="L58" s="641"/>
      <c r="M58" s="641"/>
      <c r="N58" s="641"/>
      <c r="O58" s="658"/>
      <c r="P58" s="657"/>
      <c r="Q58" s="641"/>
      <c r="R58" s="641"/>
      <c r="S58" s="641"/>
      <c r="T58" s="641"/>
      <c r="U58" s="641"/>
      <c r="V58" s="658"/>
      <c r="W58" s="657"/>
      <c r="X58" s="641"/>
      <c r="Y58" s="641"/>
      <c r="Z58" s="641"/>
      <c r="AA58" s="641"/>
      <c r="AB58" s="641"/>
      <c r="AC58" s="658"/>
      <c r="AD58" s="657"/>
      <c r="AE58" s="641"/>
      <c r="AF58" s="641"/>
      <c r="AG58" s="641"/>
      <c r="AH58" s="641"/>
      <c r="AI58" s="658"/>
      <c r="AJ58" s="657"/>
      <c r="AK58" s="641"/>
      <c r="AL58" s="641"/>
      <c r="AM58" s="641"/>
      <c r="AN58" s="641"/>
      <c r="AO58" s="658"/>
      <c r="AP58" s="155"/>
      <c r="AQ58" s="154"/>
      <c r="AR58" s="156"/>
      <c r="AS58" s="156"/>
      <c r="AT58" s="156"/>
      <c r="AU58" s="156"/>
      <c r="AV58" s="156"/>
      <c r="AW58" s="156"/>
      <c r="AX58" s="156"/>
      <c r="AY58" s="156"/>
      <c r="AZ58" s="156"/>
      <c r="BA58" s="156"/>
      <c r="BB58" s="156"/>
      <c r="BC58" s="156"/>
      <c r="BD58" s="156"/>
      <c r="BE58" s="156"/>
      <c r="BF58" s="156"/>
      <c r="BG58" s="156"/>
      <c r="BH58" s="156"/>
      <c r="BI58" s="156"/>
      <c r="BJ58" s="156"/>
      <c r="BK58" s="156"/>
      <c r="BL58" s="156"/>
      <c r="CG58" s="153"/>
      <c r="CH58" s="153"/>
    </row>
    <row r="59" spans="1:86" ht="13.5" customHeight="1" x14ac:dyDescent="0.2">
      <c r="A59" s="712"/>
      <c r="B59" s="642"/>
      <c r="C59" s="642"/>
      <c r="D59" s="642"/>
      <c r="E59" s="642"/>
      <c r="F59" s="642"/>
      <c r="G59" s="642"/>
      <c r="H59" s="656"/>
      <c r="I59" s="712"/>
      <c r="J59" s="642"/>
      <c r="K59" s="642"/>
      <c r="L59" s="642"/>
      <c r="M59" s="642"/>
      <c r="N59" s="642"/>
      <c r="O59" s="656"/>
      <c r="P59" s="712"/>
      <c r="Q59" s="642"/>
      <c r="R59" s="642"/>
      <c r="S59" s="642"/>
      <c r="T59" s="642"/>
      <c r="U59" s="642"/>
      <c r="V59" s="656"/>
      <c r="W59" s="712"/>
      <c r="X59" s="642"/>
      <c r="Y59" s="642"/>
      <c r="Z59" s="642"/>
      <c r="AA59" s="642"/>
      <c r="AB59" s="642"/>
      <c r="AC59" s="656"/>
      <c r="AD59" s="712"/>
      <c r="AE59" s="642"/>
      <c r="AF59" s="642"/>
      <c r="AG59" s="642"/>
      <c r="AH59" s="642"/>
      <c r="AI59" s="656"/>
      <c r="AJ59" s="712"/>
      <c r="AK59" s="642"/>
      <c r="AL59" s="642"/>
      <c r="AM59" s="642"/>
      <c r="AN59" s="642"/>
      <c r="AO59" s="656"/>
      <c r="AP59" s="155"/>
      <c r="AQ59" s="154"/>
      <c r="CG59" s="153"/>
      <c r="CH59" s="153"/>
    </row>
    <row r="60" spans="1:86" ht="13.5" customHeight="1" x14ac:dyDescent="0.2">
      <c r="AP60" s="155"/>
      <c r="AQ60" s="154"/>
      <c r="CG60" s="153"/>
      <c r="CH60" s="153"/>
    </row>
    <row r="61" spans="1:86" ht="13.5" customHeight="1" x14ac:dyDescent="0.2">
      <c r="AP61" s="155"/>
      <c r="AQ61" s="154"/>
      <c r="CG61" s="153"/>
      <c r="CH61" s="153"/>
    </row>
    <row r="62" spans="1:86" ht="9" customHeight="1" x14ac:dyDescent="0.2">
      <c r="AP62" s="154"/>
      <c r="AQ62" s="154"/>
      <c r="CG62" s="153"/>
      <c r="CH62" s="153"/>
    </row>
  </sheetData>
  <mergeCells count="155">
    <mergeCell ref="AD57:AI59"/>
    <mergeCell ref="W57:AC59"/>
    <mergeCell ref="A57:H59"/>
    <mergeCell ref="P57:V59"/>
    <mergeCell ref="I57:O59"/>
    <mergeCell ref="BI23:BM23"/>
    <mergeCell ref="BE29:BK30"/>
    <mergeCell ref="AS18:AW23"/>
    <mergeCell ref="AY18:BH19"/>
    <mergeCell ref="BI18:BV19"/>
    <mergeCell ref="AJ57:AO59"/>
    <mergeCell ref="AY20:BH21"/>
    <mergeCell ref="BI20:BM20"/>
    <mergeCell ref="BN20:BV21"/>
    <mergeCell ref="C54:I55"/>
    <mergeCell ref="J54:T55"/>
    <mergeCell ref="X54:AD55"/>
    <mergeCell ref="C50:I51"/>
    <mergeCell ref="J50:T51"/>
    <mergeCell ref="V50:AD51"/>
    <mergeCell ref="A52:I53"/>
    <mergeCell ref="J52:T53"/>
    <mergeCell ref="X52:AD53"/>
    <mergeCell ref="N37:W38"/>
    <mergeCell ref="AE50:AO51"/>
    <mergeCell ref="J44:T45"/>
    <mergeCell ref="V44:AD45"/>
    <mergeCell ref="V48:AD49"/>
    <mergeCell ref="AS5:AW7"/>
    <mergeCell ref="AY10:CF10"/>
    <mergeCell ref="AS11:AW13"/>
    <mergeCell ref="AY11:CF13"/>
    <mergeCell ref="BW18:CF19"/>
    <mergeCell ref="BM34:BU35"/>
    <mergeCell ref="BV36:CF37"/>
    <mergeCell ref="BM38:BU39"/>
    <mergeCell ref="CA29:CF30"/>
    <mergeCell ref="BT31:BZ32"/>
    <mergeCell ref="CA31:CF32"/>
    <mergeCell ref="AS25:AW32"/>
    <mergeCell ref="AZ25:BC28"/>
    <mergeCell ref="BE25:BN26"/>
    <mergeCell ref="BO25:BW26"/>
    <mergeCell ref="BX25:CF26"/>
    <mergeCell ref="BE27:BN28"/>
    <mergeCell ref="BO27:BW28"/>
    <mergeCell ref="BX27:CF28"/>
    <mergeCell ref="BL29:BS30"/>
    <mergeCell ref="BL31:BS32"/>
    <mergeCell ref="AR3:BB4"/>
    <mergeCell ref="BC4:CF4"/>
    <mergeCell ref="A3:AO4"/>
    <mergeCell ref="B6:F7"/>
    <mergeCell ref="W8:AE8"/>
    <mergeCell ref="AC12:AO12"/>
    <mergeCell ref="B9:F10"/>
    <mergeCell ref="G10:U10"/>
    <mergeCell ref="X10:AA10"/>
    <mergeCell ref="AC10:AO10"/>
    <mergeCell ref="BN5:BR7"/>
    <mergeCell ref="BT5:CF7"/>
    <mergeCell ref="AS8:AW10"/>
    <mergeCell ref="AY8:CF9"/>
    <mergeCell ref="AY5:BL7"/>
    <mergeCell ref="AS14:AW16"/>
    <mergeCell ref="AY14:BL16"/>
    <mergeCell ref="BN14:BR16"/>
    <mergeCell ref="BT14:CF16"/>
    <mergeCell ref="BW22:CF23"/>
    <mergeCell ref="BW20:CF21"/>
    <mergeCell ref="BI21:BM21"/>
    <mergeCell ref="BI22:BM22"/>
    <mergeCell ref="AR34:AZ35"/>
    <mergeCell ref="BA34:BK35"/>
    <mergeCell ref="AT36:AZ37"/>
    <mergeCell ref="BA36:BK37"/>
    <mergeCell ref="AR38:AZ39"/>
    <mergeCell ref="BA38:BK39"/>
    <mergeCell ref="BA40:BK41"/>
    <mergeCell ref="AF28:AO29"/>
    <mergeCell ref="AY29:BD32"/>
    <mergeCell ref="AF30:AO31"/>
    <mergeCell ref="BE31:BK32"/>
    <mergeCell ref="AF32:AO33"/>
    <mergeCell ref="AE54:AO55"/>
    <mergeCell ref="X18:AA18"/>
    <mergeCell ref="AC18:AO18"/>
    <mergeCell ref="AY22:BH23"/>
    <mergeCell ref="AC41:AI42"/>
    <mergeCell ref="AJ41:AO42"/>
    <mergeCell ref="BM40:BU41"/>
    <mergeCell ref="BM36:BU37"/>
    <mergeCell ref="BG47:BM49"/>
    <mergeCell ref="BN47:BT49"/>
    <mergeCell ref="BU47:BZ49"/>
    <mergeCell ref="BV40:CF41"/>
    <mergeCell ref="BV34:CF35"/>
    <mergeCell ref="CA47:CF49"/>
    <mergeCell ref="AE52:AO53"/>
    <mergeCell ref="BT29:BZ30"/>
    <mergeCell ref="BO44:BU45"/>
    <mergeCell ref="BV44:CF45"/>
    <mergeCell ref="AR47:AY49"/>
    <mergeCell ref="AZ47:BF49"/>
    <mergeCell ref="BO42:BU43"/>
    <mergeCell ref="BV42:CF43"/>
    <mergeCell ref="AT40:AZ41"/>
    <mergeCell ref="BV38:CF39"/>
    <mergeCell ref="BN22:BV23"/>
    <mergeCell ref="B13:F16"/>
    <mergeCell ref="B19:AO20"/>
    <mergeCell ref="H13:U16"/>
    <mergeCell ref="R30:V30"/>
    <mergeCell ref="R31:V31"/>
    <mergeCell ref="R32:V32"/>
    <mergeCell ref="B21:F23"/>
    <mergeCell ref="B24:F26"/>
    <mergeCell ref="H24:U26"/>
    <mergeCell ref="AC24:AO26"/>
    <mergeCell ref="AC14:AO14"/>
    <mergeCell ref="H30:Q31"/>
    <mergeCell ref="H32:Q33"/>
    <mergeCell ref="W30:AE31"/>
    <mergeCell ref="W32:AE33"/>
    <mergeCell ref="B28:F33"/>
    <mergeCell ref="H28:Q29"/>
    <mergeCell ref="R28:AE29"/>
    <mergeCell ref="X16:AA16"/>
    <mergeCell ref="AC16:AO16"/>
    <mergeCell ref="H21:AO23"/>
    <mergeCell ref="R33:V33"/>
    <mergeCell ref="W24:AA26"/>
    <mergeCell ref="AE48:AO49"/>
    <mergeCell ref="H39:M42"/>
    <mergeCell ref="U39:AB40"/>
    <mergeCell ref="B35:F42"/>
    <mergeCell ref="I35:L38"/>
    <mergeCell ref="N35:W36"/>
    <mergeCell ref="A48:I49"/>
    <mergeCell ref="J48:T49"/>
    <mergeCell ref="AE44:AO45"/>
    <mergeCell ref="X37:AF38"/>
    <mergeCell ref="AG37:AO38"/>
    <mergeCell ref="N39:T40"/>
    <mergeCell ref="AC39:AI40"/>
    <mergeCell ref="AJ39:AO40"/>
    <mergeCell ref="X35:AF36"/>
    <mergeCell ref="AG35:AO36"/>
    <mergeCell ref="N41:T42"/>
    <mergeCell ref="U41:AB42"/>
    <mergeCell ref="A44:I45"/>
    <mergeCell ref="C46:I47"/>
    <mergeCell ref="J46:T47"/>
    <mergeCell ref="V46:AD47"/>
    <mergeCell ref="AE46:AO47"/>
  </mergeCells>
  <phoneticPr fontId="2"/>
  <pageMargins left="0.78740157480314965" right="0.59055118110236227" top="0.56999999999999995" bottom="0.54" header="0.51181102362204722" footer="0.51181102362204722"/>
  <pageSetup paperSize="9" scale="94" fitToWidth="0" orientation="portrait" r:id="rId1"/>
  <headerFooter alignWithMargins="0"/>
  <colBreaks count="1" manualBreakCount="1">
    <brk id="43" max="62"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AG51"/>
  <sheetViews>
    <sheetView showGridLines="0" view="pageBreakPreview" zoomScale="50" zoomScaleNormal="50" zoomScaleSheetLayoutView="50" workbookViewId="0">
      <selection activeCell="U20" sqref="U20:V28"/>
    </sheetView>
  </sheetViews>
  <sheetFormatPr defaultColWidth="9" defaultRowHeight="9.5" x14ac:dyDescent="0.15"/>
  <cols>
    <col min="1" max="1" width="3.1796875" style="131" customWidth="1"/>
    <col min="2" max="2" width="19.1796875" style="131" customWidth="1"/>
    <col min="3" max="3" width="26.453125" style="131" customWidth="1"/>
    <col min="4" max="4" width="4.90625" style="131" customWidth="1"/>
    <col min="5" max="5" width="28" style="131" customWidth="1"/>
    <col min="6" max="8" width="4.6328125" style="131" customWidth="1"/>
    <col min="9" max="9" width="3.90625" style="131" customWidth="1"/>
    <col min="10" max="10" width="4.6328125" style="131" customWidth="1"/>
    <col min="11" max="11" width="5.6328125" style="131" customWidth="1"/>
    <col min="12" max="12" width="20.6328125" style="131" customWidth="1"/>
    <col min="13" max="14" width="4.6328125" style="131" customWidth="1"/>
    <col min="15" max="15" width="4.36328125" style="131" customWidth="1"/>
    <col min="16" max="18" width="5.6328125" style="131" customWidth="1"/>
    <col min="19" max="19" width="20.81640625" style="131" customWidth="1"/>
    <col min="20" max="20" width="4.6328125" style="131" customWidth="1"/>
    <col min="21" max="21" width="3.90625" style="131" customWidth="1"/>
    <col min="22" max="22" width="4.6328125" style="131" customWidth="1"/>
    <col min="23" max="25" width="5.6328125" style="131" customWidth="1"/>
    <col min="26" max="26" width="20.81640625" style="131" customWidth="1"/>
    <col min="27" max="27" width="4.6328125" style="131" customWidth="1"/>
    <col min="28" max="28" width="3.90625" style="131" customWidth="1"/>
    <col min="29" max="29" width="4.453125" style="131" customWidth="1"/>
    <col min="30" max="32" width="5.6328125" style="131" customWidth="1"/>
    <col min="33" max="33" width="20.6328125" style="131" customWidth="1"/>
    <col min="34" max="16384" width="9" style="131"/>
  </cols>
  <sheetData>
    <row r="1" spans="1:33" ht="22.5" customHeight="1" x14ac:dyDescent="0.3">
      <c r="A1" s="150"/>
      <c r="B1" s="190" t="s">
        <v>373</v>
      </c>
      <c r="C1" s="141"/>
      <c r="D1" s="141"/>
      <c r="E1" s="141"/>
      <c r="F1" s="141"/>
    </row>
    <row r="2" spans="1:33" ht="22.5" customHeight="1" x14ac:dyDescent="0.2">
      <c r="A2" s="151"/>
      <c r="B2" s="141"/>
      <c r="C2" s="141"/>
      <c r="D2" s="141"/>
      <c r="E2" s="141"/>
      <c r="F2" s="141"/>
    </row>
    <row r="3" spans="1:33" ht="22.5" customHeight="1" x14ac:dyDescent="0.3">
      <c r="A3" s="150"/>
      <c r="B3" s="141"/>
      <c r="C3" s="141"/>
      <c r="D3" s="141"/>
      <c r="E3" s="141"/>
      <c r="F3" s="141"/>
    </row>
    <row r="4" spans="1:33" ht="32.5" x14ac:dyDescent="0.2">
      <c r="A4" s="141"/>
      <c r="B4" s="141"/>
      <c r="C4" s="141"/>
      <c r="D4" s="141"/>
      <c r="E4" s="141"/>
      <c r="F4" s="141"/>
      <c r="G4" s="761" t="s">
        <v>149</v>
      </c>
      <c r="H4" s="761"/>
      <c r="I4" s="761"/>
      <c r="J4" s="761"/>
      <c r="K4" s="761"/>
      <c r="L4" s="761"/>
      <c r="M4" s="761"/>
      <c r="N4" s="761"/>
      <c r="O4" s="761"/>
      <c r="P4" s="761"/>
      <c r="Q4" s="761"/>
      <c r="R4" s="761"/>
      <c r="S4" s="761"/>
      <c r="T4" s="149"/>
    </row>
    <row r="5" spans="1:33" ht="8.15" customHeight="1" x14ac:dyDescent="0.2">
      <c r="A5" s="141"/>
      <c r="B5" s="141"/>
      <c r="C5" s="141"/>
      <c r="D5" s="141"/>
      <c r="E5" s="141"/>
      <c r="F5" s="141"/>
      <c r="G5" s="149"/>
      <c r="H5" s="149"/>
      <c r="I5" s="149"/>
      <c r="J5" s="149"/>
      <c r="K5" s="149"/>
      <c r="L5" s="149"/>
      <c r="M5" s="149"/>
      <c r="N5" s="149"/>
      <c r="O5" s="149"/>
      <c r="P5" s="149"/>
      <c r="Q5" s="149"/>
      <c r="R5" s="149"/>
      <c r="S5" s="149"/>
      <c r="T5" s="149"/>
      <c r="U5" s="135"/>
      <c r="V5" s="135"/>
      <c r="W5" s="135"/>
      <c r="X5" s="135"/>
      <c r="Y5" s="135"/>
      <c r="Z5" s="135"/>
    </row>
    <row r="6" spans="1:33" ht="33" customHeight="1" x14ac:dyDescent="0.2">
      <c r="A6" s="776" t="s">
        <v>150</v>
      </c>
      <c r="B6" s="777"/>
      <c r="C6" s="779"/>
      <c r="D6" s="779"/>
      <c r="E6" s="779"/>
      <c r="F6" s="148"/>
      <c r="G6" s="135"/>
      <c r="H6" s="762" t="s">
        <v>104</v>
      </c>
      <c r="I6" s="763"/>
      <c r="J6" s="766" t="s">
        <v>238</v>
      </c>
      <c r="K6" s="767"/>
      <c r="L6" s="767"/>
      <c r="M6" s="767"/>
      <c r="N6" s="768"/>
      <c r="O6" s="135"/>
      <c r="P6" s="135"/>
      <c r="Q6" s="135"/>
      <c r="R6" s="135"/>
      <c r="S6" s="135"/>
      <c r="T6" s="135"/>
      <c r="U6" s="135"/>
      <c r="V6" s="135"/>
      <c r="W6" s="135"/>
      <c r="X6" s="135"/>
      <c r="Y6" s="135"/>
      <c r="Z6" s="135"/>
    </row>
    <row r="7" spans="1:33" ht="33" customHeight="1" x14ac:dyDescent="0.2">
      <c r="A7" s="776" t="s">
        <v>151</v>
      </c>
      <c r="B7" s="777"/>
      <c r="C7" s="779"/>
      <c r="D7" s="779"/>
      <c r="E7" s="779"/>
      <c r="F7" s="148"/>
      <c r="G7" s="135"/>
      <c r="H7" s="764"/>
      <c r="I7" s="765"/>
      <c r="J7" s="769"/>
      <c r="K7" s="770"/>
      <c r="L7" s="770"/>
      <c r="M7" s="770"/>
      <c r="N7" s="771"/>
      <c r="O7" s="135"/>
      <c r="P7" s="135"/>
      <c r="Q7" s="135"/>
      <c r="R7" s="135"/>
      <c r="S7" s="135"/>
      <c r="T7" s="135"/>
      <c r="U7" s="135"/>
      <c r="V7" s="135"/>
      <c r="W7" s="135"/>
      <c r="X7" s="135"/>
      <c r="Y7" s="135"/>
      <c r="Z7" s="135"/>
    </row>
    <row r="8" spans="1:33" ht="33" customHeight="1" x14ac:dyDescent="0.2">
      <c r="A8" s="141"/>
      <c r="B8" s="141"/>
      <c r="C8" s="141"/>
      <c r="D8" s="141"/>
      <c r="E8" s="141"/>
      <c r="F8" s="141"/>
      <c r="G8" s="135"/>
      <c r="H8" s="135"/>
      <c r="I8" s="135"/>
      <c r="J8" s="135"/>
      <c r="K8" s="135"/>
      <c r="L8" s="135"/>
      <c r="M8" s="135"/>
      <c r="N8" s="135"/>
      <c r="O8" s="135"/>
      <c r="P8" s="135"/>
      <c r="Q8" s="135"/>
      <c r="R8" s="135"/>
      <c r="S8" s="135"/>
      <c r="T8" s="135"/>
      <c r="U8" s="135"/>
      <c r="V8" s="135"/>
      <c r="W8" s="135"/>
      <c r="X8" s="135"/>
      <c r="Y8" s="135"/>
      <c r="Z8" s="135"/>
    </row>
    <row r="9" spans="1:33" ht="30" customHeight="1" x14ac:dyDescent="0.2">
      <c r="A9" s="776" t="s">
        <v>237</v>
      </c>
      <c r="B9" s="777"/>
      <c r="C9" s="142"/>
      <c r="D9" s="141"/>
      <c r="E9" s="141"/>
      <c r="F9" s="141"/>
      <c r="G9" s="754" t="s">
        <v>152</v>
      </c>
      <c r="H9" s="755"/>
      <c r="I9" s="745" t="s">
        <v>233</v>
      </c>
      <c r="J9" s="746"/>
      <c r="K9" s="747"/>
      <c r="L9" s="133"/>
      <c r="M9" s="135"/>
      <c r="N9" s="754" t="s">
        <v>152</v>
      </c>
      <c r="O9" s="755"/>
      <c r="P9" s="745" t="s">
        <v>233</v>
      </c>
      <c r="Q9" s="746"/>
      <c r="R9" s="747"/>
      <c r="S9" s="133"/>
      <c r="T9" s="760"/>
      <c r="U9" s="754" t="s">
        <v>152</v>
      </c>
      <c r="V9" s="755"/>
      <c r="W9" s="745" t="s">
        <v>233</v>
      </c>
      <c r="X9" s="746"/>
      <c r="Y9" s="747"/>
      <c r="Z9" s="133"/>
      <c r="AB9" s="754" t="s">
        <v>152</v>
      </c>
      <c r="AC9" s="755"/>
      <c r="AD9" s="745" t="s">
        <v>233</v>
      </c>
      <c r="AE9" s="746"/>
      <c r="AF9" s="747"/>
      <c r="AG9" s="133"/>
    </row>
    <row r="10" spans="1:33" ht="30" customHeight="1" x14ac:dyDescent="0.2">
      <c r="A10" s="776" t="s">
        <v>148</v>
      </c>
      <c r="B10" s="777"/>
      <c r="C10" s="142"/>
      <c r="D10" s="141"/>
      <c r="E10" s="141"/>
      <c r="F10" s="141"/>
      <c r="G10" s="756"/>
      <c r="H10" s="757"/>
      <c r="I10" s="745" t="s">
        <v>145</v>
      </c>
      <c r="J10" s="746"/>
      <c r="K10" s="747"/>
      <c r="L10" s="133"/>
      <c r="M10" s="135"/>
      <c r="N10" s="756"/>
      <c r="O10" s="757"/>
      <c r="P10" s="745" t="s">
        <v>145</v>
      </c>
      <c r="Q10" s="746"/>
      <c r="R10" s="747"/>
      <c r="S10" s="133"/>
      <c r="T10" s="760"/>
      <c r="U10" s="756"/>
      <c r="V10" s="757"/>
      <c r="W10" s="745" t="s">
        <v>145</v>
      </c>
      <c r="X10" s="746"/>
      <c r="Y10" s="747"/>
      <c r="Z10" s="133"/>
      <c r="AB10" s="756"/>
      <c r="AC10" s="757"/>
      <c r="AD10" s="745" t="s">
        <v>145</v>
      </c>
      <c r="AE10" s="746"/>
      <c r="AF10" s="747"/>
      <c r="AG10" s="133"/>
    </row>
    <row r="11" spans="1:33" ht="30" customHeight="1" x14ac:dyDescent="0.2">
      <c r="A11" s="778" t="s">
        <v>236</v>
      </c>
      <c r="B11" s="777"/>
      <c r="C11" s="142"/>
      <c r="D11" s="141"/>
      <c r="E11" s="141"/>
      <c r="F11" s="141"/>
      <c r="G11" s="756"/>
      <c r="H11" s="757"/>
      <c r="I11" s="745" t="s">
        <v>232</v>
      </c>
      <c r="J11" s="746"/>
      <c r="K11" s="747"/>
      <c r="L11" s="133"/>
      <c r="M11" s="135"/>
      <c r="N11" s="756"/>
      <c r="O11" s="757"/>
      <c r="P11" s="745" t="s">
        <v>232</v>
      </c>
      <c r="Q11" s="746"/>
      <c r="R11" s="747"/>
      <c r="S11" s="133"/>
      <c r="T11" s="760"/>
      <c r="U11" s="756"/>
      <c r="V11" s="757"/>
      <c r="W11" s="745" t="s">
        <v>232</v>
      </c>
      <c r="X11" s="746"/>
      <c r="Y11" s="747"/>
      <c r="Z11" s="133"/>
      <c r="AB11" s="756"/>
      <c r="AC11" s="757"/>
      <c r="AD11" s="745" t="s">
        <v>232</v>
      </c>
      <c r="AE11" s="746"/>
      <c r="AF11" s="747"/>
      <c r="AG11" s="133"/>
    </row>
    <row r="12" spans="1:33" ht="30" customHeight="1" x14ac:dyDescent="0.2">
      <c r="A12" s="776" t="s">
        <v>188</v>
      </c>
      <c r="B12" s="777"/>
      <c r="C12" s="142"/>
      <c r="D12" s="141"/>
      <c r="E12" s="141"/>
      <c r="F12" s="141"/>
      <c r="G12" s="756"/>
      <c r="H12" s="757"/>
      <c r="I12" s="745" t="s">
        <v>231</v>
      </c>
      <c r="J12" s="746"/>
      <c r="K12" s="747"/>
      <c r="L12" s="136" t="s">
        <v>230</v>
      </c>
      <c r="M12" s="135"/>
      <c r="N12" s="756"/>
      <c r="O12" s="757"/>
      <c r="P12" s="745" t="s">
        <v>231</v>
      </c>
      <c r="Q12" s="746"/>
      <c r="R12" s="747"/>
      <c r="S12" s="136" t="s">
        <v>230</v>
      </c>
      <c r="T12" s="760"/>
      <c r="U12" s="756"/>
      <c r="V12" s="757"/>
      <c r="W12" s="745" t="s">
        <v>231</v>
      </c>
      <c r="X12" s="746"/>
      <c r="Y12" s="747"/>
      <c r="Z12" s="136" t="s">
        <v>230</v>
      </c>
      <c r="AB12" s="756"/>
      <c r="AC12" s="757"/>
      <c r="AD12" s="745" t="s">
        <v>231</v>
      </c>
      <c r="AE12" s="746"/>
      <c r="AF12" s="747"/>
      <c r="AG12" s="136" t="s">
        <v>230</v>
      </c>
    </row>
    <row r="13" spans="1:33" ht="30" customHeight="1" x14ac:dyDescent="0.2">
      <c r="A13" s="780" t="s">
        <v>130</v>
      </c>
      <c r="B13" s="781"/>
      <c r="C13" s="142"/>
      <c r="D13" s="141"/>
      <c r="E13" s="141"/>
      <c r="F13" s="141"/>
      <c r="G13" s="756"/>
      <c r="H13" s="757"/>
      <c r="I13" s="745" t="s">
        <v>153</v>
      </c>
      <c r="J13" s="746"/>
      <c r="K13" s="747"/>
      <c r="L13" s="133"/>
      <c r="M13" s="135"/>
      <c r="N13" s="756"/>
      <c r="O13" s="757"/>
      <c r="P13" s="745" t="s">
        <v>153</v>
      </c>
      <c r="Q13" s="746"/>
      <c r="R13" s="747"/>
      <c r="S13" s="133"/>
      <c r="T13" s="760"/>
      <c r="U13" s="756"/>
      <c r="V13" s="757"/>
      <c r="W13" s="745" t="s">
        <v>153</v>
      </c>
      <c r="X13" s="746"/>
      <c r="Y13" s="747"/>
      <c r="Z13" s="133"/>
      <c r="AB13" s="756"/>
      <c r="AC13" s="757"/>
      <c r="AD13" s="745" t="s">
        <v>153</v>
      </c>
      <c r="AE13" s="746"/>
      <c r="AF13" s="747"/>
      <c r="AG13" s="133"/>
    </row>
    <row r="14" spans="1:33" ht="30" customHeight="1" x14ac:dyDescent="0.2">
      <c r="A14" s="146"/>
      <c r="B14" s="145" t="s">
        <v>134</v>
      </c>
      <c r="C14" s="142"/>
      <c r="D14" s="141"/>
      <c r="E14" s="141"/>
      <c r="F14" s="141"/>
      <c r="G14" s="756"/>
      <c r="H14" s="757"/>
      <c r="I14" s="751" t="s">
        <v>154</v>
      </c>
      <c r="J14" s="746"/>
      <c r="K14" s="747"/>
      <c r="L14" s="133"/>
      <c r="M14" s="135"/>
      <c r="N14" s="756"/>
      <c r="O14" s="757"/>
      <c r="P14" s="751" t="s">
        <v>154</v>
      </c>
      <c r="Q14" s="746"/>
      <c r="R14" s="747"/>
      <c r="S14" s="133"/>
      <c r="T14" s="137"/>
      <c r="U14" s="756"/>
      <c r="V14" s="757"/>
      <c r="W14" s="751" t="s">
        <v>154</v>
      </c>
      <c r="X14" s="746"/>
      <c r="Y14" s="747"/>
      <c r="Z14" s="133"/>
      <c r="AB14" s="756"/>
      <c r="AC14" s="757"/>
      <c r="AD14" s="751" t="s">
        <v>154</v>
      </c>
      <c r="AE14" s="746"/>
      <c r="AF14" s="747"/>
      <c r="AG14" s="133"/>
    </row>
    <row r="15" spans="1:33" ht="30" customHeight="1" x14ac:dyDescent="0.2">
      <c r="A15" s="780" t="s">
        <v>130</v>
      </c>
      <c r="B15" s="781"/>
      <c r="C15" s="142"/>
      <c r="D15" s="141"/>
      <c r="E15" s="145" t="s">
        <v>158</v>
      </c>
      <c r="F15" s="147"/>
      <c r="G15" s="756"/>
      <c r="H15" s="757"/>
      <c r="I15" s="134"/>
      <c r="J15" s="752" t="s">
        <v>229</v>
      </c>
      <c r="K15" s="753"/>
      <c r="L15" s="136" t="s">
        <v>228</v>
      </c>
      <c r="M15" s="135"/>
      <c r="N15" s="756"/>
      <c r="O15" s="757"/>
      <c r="P15" s="134"/>
      <c r="Q15" s="752" t="s">
        <v>229</v>
      </c>
      <c r="R15" s="753"/>
      <c r="S15" s="136" t="s">
        <v>228</v>
      </c>
      <c r="T15" s="135"/>
      <c r="U15" s="756"/>
      <c r="V15" s="757"/>
      <c r="W15" s="134"/>
      <c r="X15" s="752" t="s">
        <v>229</v>
      </c>
      <c r="Y15" s="753"/>
      <c r="Z15" s="136" t="s">
        <v>228</v>
      </c>
      <c r="AB15" s="756"/>
      <c r="AC15" s="757"/>
      <c r="AD15" s="134"/>
      <c r="AE15" s="752" t="s">
        <v>229</v>
      </c>
      <c r="AF15" s="753"/>
      <c r="AG15" s="136" t="s">
        <v>228</v>
      </c>
    </row>
    <row r="16" spans="1:33" ht="30" customHeight="1" x14ac:dyDescent="0.2">
      <c r="A16" s="146"/>
      <c r="B16" s="145" t="s">
        <v>134</v>
      </c>
      <c r="C16" s="142"/>
      <c r="D16" s="141"/>
      <c r="E16" s="142"/>
      <c r="F16" s="141"/>
      <c r="G16" s="756"/>
      <c r="H16" s="757"/>
      <c r="I16" s="751" t="s">
        <v>155</v>
      </c>
      <c r="J16" s="746"/>
      <c r="K16" s="747"/>
      <c r="L16" s="133"/>
      <c r="M16" s="135"/>
      <c r="N16" s="756"/>
      <c r="O16" s="757"/>
      <c r="P16" s="751" t="s">
        <v>155</v>
      </c>
      <c r="Q16" s="746"/>
      <c r="R16" s="747"/>
      <c r="S16" s="133"/>
      <c r="T16" s="760"/>
      <c r="U16" s="756"/>
      <c r="V16" s="757"/>
      <c r="W16" s="751" t="s">
        <v>155</v>
      </c>
      <c r="X16" s="746"/>
      <c r="Y16" s="747"/>
      <c r="Z16" s="133"/>
      <c r="AB16" s="756"/>
      <c r="AC16" s="757"/>
      <c r="AD16" s="751" t="s">
        <v>155</v>
      </c>
      <c r="AE16" s="746"/>
      <c r="AF16" s="747"/>
      <c r="AG16" s="133"/>
    </row>
    <row r="17" spans="1:33" ht="30" customHeight="1" x14ac:dyDescent="0.2">
      <c r="A17" s="141"/>
      <c r="B17" s="141"/>
      <c r="C17" s="141"/>
      <c r="D17" s="141"/>
      <c r="E17" s="141"/>
      <c r="F17" s="141"/>
      <c r="G17" s="758"/>
      <c r="H17" s="759"/>
      <c r="I17" s="134"/>
      <c r="J17" s="752" t="s">
        <v>234</v>
      </c>
      <c r="K17" s="753"/>
      <c r="L17" s="133"/>
      <c r="M17" s="135"/>
      <c r="N17" s="758"/>
      <c r="O17" s="759"/>
      <c r="P17" s="134"/>
      <c r="Q17" s="752" t="s">
        <v>234</v>
      </c>
      <c r="R17" s="753"/>
      <c r="S17" s="133"/>
      <c r="T17" s="760"/>
      <c r="U17" s="758"/>
      <c r="V17" s="759"/>
      <c r="W17" s="134"/>
      <c r="X17" s="752" t="s">
        <v>234</v>
      </c>
      <c r="Y17" s="753"/>
      <c r="Z17" s="133"/>
      <c r="AB17" s="758"/>
      <c r="AC17" s="759"/>
      <c r="AD17" s="134"/>
      <c r="AE17" s="752" t="s">
        <v>234</v>
      </c>
      <c r="AF17" s="753"/>
      <c r="AG17" s="133"/>
    </row>
    <row r="18" spans="1:33" ht="30" customHeight="1" x14ac:dyDescent="0.2">
      <c r="A18" s="772" t="s">
        <v>159</v>
      </c>
      <c r="B18" s="773"/>
      <c r="C18" s="145" t="s">
        <v>235</v>
      </c>
      <c r="D18" s="141"/>
      <c r="E18" s="144"/>
      <c r="F18" s="144"/>
      <c r="G18" s="748" t="s">
        <v>226</v>
      </c>
      <c r="H18" s="749"/>
      <c r="I18" s="750"/>
      <c r="J18" s="745" t="s">
        <v>157</v>
      </c>
      <c r="K18" s="746"/>
      <c r="L18" s="747"/>
      <c r="M18" s="135"/>
      <c r="N18" s="748" t="s">
        <v>226</v>
      </c>
      <c r="O18" s="749"/>
      <c r="P18" s="750"/>
      <c r="Q18" s="745" t="s">
        <v>157</v>
      </c>
      <c r="R18" s="746"/>
      <c r="S18" s="747"/>
      <c r="T18" s="760"/>
      <c r="U18" s="748" t="s">
        <v>226</v>
      </c>
      <c r="V18" s="749"/>
      <c r="W18" s="750"/>
      <c r="X18" s="745" t="s">
        <v>157</v>
      </c>
      <c r="Y18" s="746"/>
      <c r="Z18" s="747"/>
      <c r="AB18" s="748" t="s">
        <v>226</v>
      </c>
      <c r="AC18" s="749"/>
      <c r="AD18" s="750"/>
      <c r="AE18" s="745" t="s">
        <v>157</v>
      </c>
      <c r="AF18" s="746"/>
      <c r="AG18" s="747"/>
    </row>
    <row r="19" spans="1:33" ht="30" customHeight="1" x14ac:dyDescent="0.2">
      <c r="A19" s="774"/>
      <c r="B19" s="775"/>
      <c r="C19" s="142"/>
      <c r="D19" s="141"/>
      <c r="E19" s="141"/>
      <c r="F19" s="141"/>
      <c r="G19" s="135"/>
      <c r="H19" s="143"/>
      <c r="I19" s="135"/>
      <c r="J19" s="135"/>
      <c r="K19" s="135"/>
      <c r="L19" s="135"/>
      <c r="M19" s="135"/>
      <c r="N19" s="135"/>
      <c r="O19" s="143"/>
      <c r="P19" s="135"/>
      <c r="Q19" s="135"/>
      <c r="R19" s="135"/>
      <c r="S19" s="135"/>
      <c r="T19" s="760"/>
      <c r="U19" s="135"/>
      <c r="V19" s="143"/>
      <c r="W19" s="135"/>
      <c r="X19" s="135"/>
      <c r="Y19" s="135"/>
      <c r="Z19" s="135"/>
      <c r="AB19" s="135"/>
      <c r="AC19" s="143"/>
      <c r="AD19" s="135"/>
      <c r="AE19" s="135"/>
      <c r="AF19" s="135"/>
      <c r="AG19" s="135"/>
    </row>
    <row r="20" spans="1:33" ht="30" customHeight="1" x14ac:dyDescent="0.2">
      <c r="A20" s="141"/>
      <c r="B20" s="141"/>
      <c r="C20" s="141"/>
      <c r="D20" s="141"/>
      <c r="E20" s="141"/>
      <c r="F20" s="141"/>
      <c r="G20" s="754" t="s">
        <v>152</v>
      </c>
      <c r="H20" s="755"/>
      <c r="I20" s="745" t="s">
        <v>233</v>
      </c>
      <c r="J20" s="746"/>
      <c r="K20" s="747"/>
      <c r="L20" s="133"/>
      <c r="M20" s="135"/>
      <c r="N20" s="754" t="s">
        <v>152</v>
      </c>
      <c r="O20" s="755"/>
      <c r="P20" s="745" t="s">
        <v>233</v>
      </c>
      <c r="Q20" s="746"/>
      <c r="R20" s="747"/>
      <c r="S20" s="133"/>
      <c r="T20" s="760"/>
      <c r="U20" s="754" t="s">
        <v>152</v>
      </c>
      <c r="V20" s="755"/>
      <c r="W20" s="745" t="s">
        <v>233</v>
      </c>
      <c r="X20" s="746"/>
      <c r="Y20" s="747"/>
      <c r="Z20" s="133"/>
      <c r="AB20" s="754" t="s">
        <v>152</v>
      </c>
      <c r="AC20" s="755"/>
      <c r="AD20" s="745" t="s">
        <v>233</v>
      </c>
      <c r="AE20" s="746"/>
      <c r="AF20" s="747"/>
      <c r="AG20" s="133"/>
    </row>
    <row r="21" spans="1:33" ht="30" customHeight="1" x14ac:dyDescent="0.2">
      <c r="A21" s="772" t="s">
        <v>160</v>
      </c>
      <c r="B21" s="773"/>
      <c r="C21" s="142"/>
      <c r="D21" s="141"/>
      <c r="E21" s="141"/>
      <c r="F21" s="141"/>
      <c r="G21" s="756"/>
      <c r="H21" s="757"/>
      <c r="I21" s="745" t="s">
        <v>145</v>
      </c>
      <c r="J21" s="746"/>
      <c r="K21" s="747"/>
      <c r="L21" s="133"/>
      <c r="M21" s="135"/>
      <c r="N21" s="756"/>
      <c r="O21" s="757"/>
      <c r="P21" s="745" t="s">
        <v>145</v>
      </c>
      <c r="Q21" s="746"/>
      <c r="R21" s="747"/>
      <c r="S21" s="133"/>
      <c r="T21" s="137"/>
      <c r="U21" s="756"/>
      <c r="V21" s="757"/>
      <c r="W21" s="745" t="s">
        <v>145</v>
      </c>
      <c r="X21" s="746"/>
      <c r="Y21" s="747"/>
      <c r="Z21" s="133"/>
      <c r="AB21" s="756"/>
      <c r="AC21" s="757"/>
      <c r="AD21" s="745" t="s">
        <v>145</v>
      </c>
      <c r="AE21" s="746"/>
      <c r="AF21" s="747"/>
      <c r="AG21" s="133"/>
    </row>
    <row r="22" spans="1:33" ht="30" customHeight="1" x14ac:dyDescent="0.2">
      <c r="A22" s="774"/>
      <c r="B22" s="775"/>
      <c r="C22" s="142"/>
      <c r="D22" s="141"/>
      <c r="E22" s="141"/>
      <c r="F22" s="141"/>
      <c r="G22" s="756"/>
      <c r="H22" s="757"/>
      <c r="I22" s="745" t="s">
        <v>232</v>
      </c>
      <c r="J22" s="746"/>
      <c r="K22" s="747"/>
      <c r="L22" s="133"/>
      <c r="M22" s="135"/>
      <c r="N22" s="756"/>
      <c r="O22" s="757"/>
      <c r="P22" s="745" t="s">
        <v>232</v>
      </c>
      <c r="Q22" s="746"/>
      <c r="R22" s="747"/>
      <c r="S22" s="133"/>
      <c r="T22" s="135"/>
      <c r="U22" s="756"/>
      <c r="V22" s="757"/>
      <c r="W22" s="745" t="s">
        <v>232</v>
      </c>
      <c r="X22" s="746"/>
      <c r="Y22" s="747"/>
      <c r="Z22" s="133"/>
      <c r="AB22" s="756"/>
      <c r="AC22" s="757"/>
      <c r="AD22" s="745" t="s">
        <v>232</v>
      </c>
      <c r="AE22" s="746"/>
      <c r="AF22" s="747"/>
      <c r="AG22" s="133"/>
    </row>
    <row r="23" spans="1:33" ht="30" customHeight="1" x14ac:dyDescent="0.2">
      <c r="A23" s="141"/>
      <c r="B23" s="141"/>
      <c r="C23" s="141"/>
      <c r="D23" s="141"/>
      <c r="E23" s="141"/>
      <c r="F23" s="141"/>
      <c r="G23" s="756"/>
      <c r="H23" s="757"/>
      <c r="I23" s="745" t="s">
        <v>231</v>
      </c>
      <c r="J23" s="746"/>
      <c r="K23" s="747"/>
      <c r="L23" s="136" t="s">
        <v>230</v>
      </c>
      <c r="M23" s="135"/>
      <c r="N23" s="756"/>
      <c r="O23" s="757"/>
      <c r="P23" s="745" t="s">
        <v>231</v>
      </c>
      <c r="Q23" s="746"/>
      <c r="R23" s="747"/>
      <c r="S23" s="136" t="s">
        <v>230</v>
      </c>
      <c r="T23" s="760"/>
      <c r="U23" s="756"/>
      <c r="V23" s="757"/>
      <c r="W23" s="745" t="s">
        <v>231</v>
      </c>
      <c r="X23" s="746"/>
      <c r="Y23" s="747"/>
      <c r="Z23" s="136" t="s">
        <v>230</v>
      </c>
      <c r="AB23" s="756"/>
      <c r="AC23" s="757"/>
      <c r="AD23" s="745" t="s">
        <v>231</v>
      </c>
      <c r="AE23" s="746"/>
      <c r="AF23" s="747"/>
      <c r="AG23" s="136" t="s">
        <v>230</v>
      </c>
    </row>
    <row r="24" spans="1:33" ht="30" customHeight="1" x14ac:dyDescent="0.2">
      <c r="A24" s="141"/>
      <c r="B24" s="141"/>
      <c r="C24" s="141"/>
      <c r="D24" s="141"/>
      <c r="E24" s="141"/>
      <c r="F24" s="141"/>
      <c r="G24" s="756"/>
      <c r="H24" s="757"/>
      <c r="I24" s="745" t="s">
        <v>153</v>
      </c>
      <c r="J24" s="746"/>
      <c r="K24" s="747"/>
      <c r="L24" s="133"/>
      <c r="M24" s="135"/>
      <c r="N24" s="756"/>
      <c r="O24" s="757"/>
      <c r="P24" s="745" t="s">
        <v>153</v>
      </c>
      <c r="Q24" s="746"/>
      <c r="R24" s="747"/>
      <c r="S24" s="133"/>
      <c r="T24" s="760"/>
      <c r="U24" s="756"/>
      <c r="V24" s="757"/>
      <c r="W24" s="745" t="s">
        <v>153</v>
      </c>
      <c r="X24" s="746"/>
      <c r="Y24" s="747"/>
      <c r="Z24" s="133"/>
      <c r="AB24" s="756"/>
      <c r="AC24" s="757"/>
      <c r="AD24" s="745" t="s">
        <v>153</v>
      </c>
      <c r="AE24" s="746"/>
      <c r="AF24" s="747"/>
      <c r="AG24" s="133"/>
    </row>
    <row r="25" spans="1:33" ht="30" customHeight="1" x14ac:dyDescent="0.2">
      <c r="A25" s="141"/>
      <c r="B25" s="141"/>
      <c r="C25" s="141"/>
      <c r="G25" s="756"/>
      <c r="H25" s="757"/>
      <c r="I25" s="751" t="s">
        <v>154</v>
      </c>
      <c r="J25" s="746"/>
      <c r="K25" s="747"/>
      <c r="L25" s="133"/>
      <c r="M25" s="135"/>
      <c r="N25" s="756"/>
      <c r="O25" s="757"/>
      <c r="P25" s="751" t="s">
        <v>154</v>
      </c>
      <c r="Q25" s="746"/>
      <c r="R25" s="747"/>
      <c r="S25" s="133"/>
      <c r="T25" s="760"/>
      <c r="U25" s="756"/>
      <c r="V25" s="757"/>
      <c r="W25" s="751" t="s">
        <v>154</v>
      </c>
      <c r="X25" s="746"/>
      <c r="Y25" s="747"/>
      <c r="Z25" s="133"/>
      <c r="AB25" s="756"/>
      <c r="AC25" s="757"/>
      <c r="AD25" s="751" t="s">
        <v>154</v>
      </c>
      <c r="AE25" s="746"/>
      <c r="AF25" s="747"/>
      <c r="AG25" s="133"/>
    </row>
    <row r="26" spans="1:33" ht="30" customHeight="1" x14ac:dyDescent="0.2">
      <c r="B26" s="132"/>
      <c r="G26" s="756"/>
      <c r="H26" s="757"/>
      <c r="I26" s="134"/>
      <c r="J26" s="752" t="s">
        <v>229</v>
      </c>
      <c r="K26" s="753"/>
      <c r="L26" s="136" t="s">
        <v>228</v>
      </c>
      <c r="M26" s="135"/>
      <c r="N26" s="756"/>
      <c r="O26" s="757"/>
      <c r="P26" s="134"/>
      <c r="Q26" s="752" t="s">
        <v>229</v>
      </c>
      <c r="R26" s="753"/>
      <c r="S26" s="136" t="s">
        <v>228</v>
      </c>
      <c r="T26" s="760"/>
      <c r="U26" s="756"/>
      <c r="V26" s="757"/>
      <c r="W26" s="134"/>
      <c r="X26" s="752" t="s">
        <v>229</v>
      </c>
      <c r="Y26" s="753"/>
      <c r="Z26" s="136" t="s">
        <v>228</v>
      </c>
      <c r="AB26" s="756"/>
      <c r="AC26" s="757"/>
      <c r="AD26" s="134"/>
      <c r="AE26" s="752" t="s">
        <v>229</v>
      </c>
      <c r="AF26" s="753"/>
      <c r="AG26" s="136" t="s">
        <v>228</v>
      </c>
    </row>
    <row r="27" spans="1:33" ht="30" customHeight="1" x14ac:dyDescent="0.2">
      <c r="G27" s="756"/>
      <c r="H27" s="757"/>
      <c r="I27" s="751" t="s">
        <v>155</v>
      </c>
      <c r="J27" s="746"/>
      <c r="K27" s="747"/>
      <c r="L27" s="133"/>
      <c r="M27" s="135"/>
      <c r="N27" s="756"/>
      <c r="O27" s="757"/>
      <c r="P27" s="751" t="s">
        <v>155</v>
      </c>
      <c r="Q27" s="746"/>
      <c r="R27" s="747"/>
      <c r="S27" s="133"/>
      <c r="T27" s="760"/>
      <c r="U27" s="756"/>
      <c r="V27" s="757"/>
      <c r="W27" s="751" t="s">
        <v>155</v>
      </c>
      <c r="X27" s="746"/>
      <c r="Y27" s="747"/>
      <c r="Z27" s="133"/>
      <c r="AB27" s="756"/>
      <c r="AC27" s="757"/>
      <c r="AD27" s="751" t="s">
        <v>155</v>
      </c>
      <c r="AE27" s="746"/>
      <c r="AF27" s="747"/>
      <c r="AG27" s="133"/>
    </row>
    <row r="28" spans="1:33" ht="30" customHeight="1" x14ac:dyDescent="0.2">
      <c r="G28" s="758"/>
      <c r="H28" s="759"/>
      <c r="I28" s="134"/>
      <c r="J28" s="752" t="s">
        <v>234</v>
      </c>
      <c r="K28" s="753"/>
      <c r="L28" s="133"/>
      <c r="M28" s="135"/>
      <c r="N28" s="758"/>
      <c r="O28" s="759"/>
      <c r="P28" s="134"/>
      <c r="Q28" s="752" t="s">
        <v>234</v>
      </c>
      <c r="R28" s="753"/>
      <c r="S28" s="133"/>
      <c r="T28" s="137"/>
      <c r="U28" s="758"/>
      <c r="V28" s="759"/>
      <c r="W28" s="134"/>
      <c r="X28" s="752" t="s">
        <v>156</v>
      </c>
      <c r="Y28" s="753"/>
      <c r="Z28" s="133"/>
      <c r="AB28" s="758"/>
      <c r="AC28" s="759"/>
      <c r="AD28" s="134"/>
      <c r="AE28" s="752" t="s">
        <v>234</v>
      </c>
      <c r="AF28" s="753"/>
      <c r="AG28" s="133"/>
    </row>
    <row r="29" spans="1:33" ht="30" customHeight="1" x14ac:dyDescent="0.2">
      <c r="G29" s="748" t="s">
        <v>226</v>
      </c>
      <c r="H29" s="749"/>
      <c r="I29" s="750"/>
      <c r="J29" s="745" t="s">
        <v>157</v>
      </c>
      <c r="K29" s="746"/>
      <c r="L29" s="747"/>
      <c r="M29" s="135"/>
      <c r="N29" s="748" t="s">
        <v>226</v>
      </c>
      <c r="O29" s="749"/>
      <c r="P29" s="750"/>
      <c r="Q29" s="745" t="s">
        <v>157</v>
      </c>
      <c r="R29" s="746"/>
      <c r="S29" s="747"/>
      <c r="T29" s="137"/>
      <c r="U29" s="748" t="s">
        <v>226</v>
      </c>
      <c r="V29" s="749"/>
      <c r="W29" s="750"/>
      <c r="X29" s="745" t="s">
        <v>157</v>
      </c>
      <c r="Y29" s="746"/>
      <c r="Z29" s="747"/>
      <c r="AB29" s="748" t="s">
        <v>226</v>
      </c>
      <c r="AC29" s="749"/>
      <c r="AD29" s="750"/>
      <c r="AE29" s="745" t="s">
        <v>157</v>
      </c>
      <c r="AF29" s="746"/>
      <c r="AG29" s="747"/>
    </row>
    <row r="30" spans="1:33" ht="30" customHeight="1" x14ac:dyDescent="0.2">
      <c r="G30" s="138"/>
      <c r="H30" s="138"/>
      <c r="I30" s="140"/>
      <c r="J30" s="139"/>
      <c r="K30" s="139"/>
      <c r="L30" s="137"/>
      <c r="M30" s="135"/>
      <c r="N30" s="138"/>
      <c r="O30" s="138"/>
      <c r="P30" s="138"/>
      <c r="Q30" s="137"/>
      <c r="R30" s="137"/>
      <c r="S30" s="137"/>
      <c r="T30" s="137"/>
      <c r="U30" s="138"/>
      <c r="V30" s="138"/>
      <c r="W30" s="138"/>
      <c r="X30" s="137"/>
      <c r="Y30" s="137"/>
      <c r="Z30" s="137"/>
      <c r="AB30" s="138"/>
      <c r="AC30" s="138"/>
      <c r="AD30" s="138"/>
      <c r="AE30" s="137"/>
      <c r="AF30" s="137"/>
      <c r="AG30" s="137"/>
    </row>
    <row r="31" spans="1:33" ht="30" customHeight="1" x14ac:dyDescent="0.2">
      <c r="G31" s="754" t="s">
        <v>152</v>
      </c>
      <c r="H31" s="755"/>
      <c r="I31" s="745" t="s">
        <v>233</v>
      </c>
      <c r="J31" s="746"/>
      <c r="K31" s="747"/>
      <c r="L31" s="133"/>
      <c r="M31" s="135"/>
      <c r="N31" s="754" t="s">
        <v>152</v>
      </c>
      <c r="O31" s="755"/>
      <c r="P31" s="745" t="s">
        <v>233</v>
      </c>
      <c r="Q31" s="746"/>
      <c r="R31" s="747"/>
      <c r="S31" s="133"/>
      <c r="T31" s="135"/>
      <c r="U31" s="754" t="s">
        <v>152</v>
      </c>
      <c r="V31" s="755"/>
      <c r="W31" s="745" t="s">
        <v>233</v>
      </c>
      <c r="X31" s="746"/>
      <c r="Y31" s="747"/>
      <c r="Z31" s="133"/>
      <c r="AB31" s="754" t="s">
        <v>152</v>
      </c>
      <c r="AC31" s="755"/>
      <c r="AD31" s="745" t="s">
        <v>233</v>
      </c>
      <c r="AE31" s="746"/>
      <c r="AF31" s="747"/>
      <c r="AG31" s="133"/>
    </row>
    <row r="32" spans="1:33" ht="30" customHeight="1" x14ac:dyDescent="0.2">
      <c r="G32" s="756"/>
      <c r="H32" s="757"/>
      <c r="I32" s="745" t="s">
        <v>145</v>
      </c>
      <c r="J32" s="746"/>
      <c r="K32" s="747"/>
      <c r="L32" s="133"/>
      <c r="M32" s="135"/>
      <c r="N32" s="756"/>
      <c r="O32" s="757"/>
      <c r="P32" s="745" t="s">
        <v>145</v>
      </c>
      <c r="Q32" s="746"/>
      <c r="R32" s="747"/>
      <c r="S32" s="133"/>
      <c r="T32" s="760"/>
      <c r="U32" s="756"/>
      <c r="V32" s="757"/>
      <c r="W32" s="745" t="s">
        <v>145</v>
      </c>
      <c r="X32" s="746"/>
      <c r="Y32" s="747"/>
      <c r="Z32" s="133"/>
      <c r="AB32" s="756"/>
      <c r="AC32" s="757"/>
      <c r="AD32" s="745" t="s">
        <v>145</v>
      </c>
      <c r="AE32" s="746"/>
      <c r="AF32" s="747"/>
      <c r="AG32" s="133"/>
    </row>
    <row r="33" spans="7:33" ht="30" customHeight="1" x14ac:dyDescent="0.2">
      <c r="G33" s="756"/>
      <c r="H33" s="757"/>
      <c r="I33" s="745" t="s">
        <v>232</v>
      </c>
      <c r="J33" s="746"/>
      <c r="K33" s="747"/>
      <c r="L33" s="133"/>
      <c r="M33" s="135"/>
      <c r="N33" s="756"/>
      <c r="O33" s="757"/>
      <c r="P33" s="745" t="s">
        <v>232</v>
      </c>
      <c r="Q33" s="746"/>
      <c r="R33" s="747"/>
      <c r="S33" s="133"/>
      <c r="T33" s="760"/>
      <c r="U33" s="756"/>
      <c r="V33" s="757"/>
      <c r="W33" s="745" t="s">
        <v>232</v>
      </c>
      <c r="X33" s="746"/>
      <c r="Y33" s="747"/>
      <c r="Z33" s="133"/>
      <c r="AB33" s="756"/>
      <c r="AC33" s="757"/>
      <c r="AD33" s="745" t="s">
        <v>232</v>
      </c>
      <c r="AE33" s="746"/>
      <c r="AF33" s="747"/>
      <c r="AG33" s="133"/>
    </row>
    <row r="34" spans="7:33" ht="30" customHeight="1" x14ac:dyDescent="0.2">
      <c r="G34" s="756"/>
      <c r="H34" s="757"/>
      <c r="I34" s="745" t="s">
        <v>231</v>
      </c>
      <c r="J34" s="746"/>
      <c r="K34" s="747"/>
      <c r="L34" s="136" t="s">
        <v>230</v>
      </c>
      <c r="M34" s="135"/>
      <c r="N34" s="756"/>
      <c r="O34" s="757"/>
      <c r="P34" s="745" t="s">
        <v>231</v>
      </c>
      <c r="Q34" s="746"/>
      <c r="R34" s="747"/>
      <c r="S34" s="136" t="s">
        <v>230</v>
      </c>
      <c r="T34" s="760"/>
      <c r="U34" s="756"/>
      <c r="V34" s="757"/>
      <c r="W34" s="745" t="s">
        <v>231</v>
      </c>
      <c r="X34" s="746"/>
      <c r="Y34" s="747"/>
      <c r="Z34" s="136" t="s">
        <v>230</v>
      </c>
      <c r="AB34" s="756"/>
      <c r="AC34" s="757"/>
      <c r="AD34" s="745" t="s">
        <v>231</v>
      </c>
      <c r="AE34" s="746"/>
      <c r="AF34" s="747"/>
      <c r="AG34" s="136" t="s">
        <v>230</v>
      </c>
    </row>
    <row r="35" spans="7:33" ht="30" customHeight="1" x14ac:dyDescent="0.2">
      <c r="G35" s="756"/>
      <c r="H35" s="757"/>
      <c r="I35" s="745" t="s">
        <v>153</v>
      </c>
      <c r="J35" s="746"/>
      <c r="K35" s="747"/>
      <c r="L35" s="133"/>
      <c r="M35" s="135"/>
      <c r="N35" s="756"/>
      <c r="O35" s="757"/>
      <c r="P35" s="745" t="s">
        <v>153</v>
      </c>
      <c r="Q35" s="746"/>
      <c r="R35" s="747"/>
      <c r="S35" s="133"/>
      <c r="T35" s="760"/>
      <c r="U35" s="756"/>
      <c r="V35" s="757"/>
      <c r="W35" s="745" t="s">
        <v>153</v>
      </c>
      <c r="X35" s="746"/>
      <c r="Y35" s="747"/>
      <c r="Z35" s="133"/>
      <c r="AB35" s="756"/>
      <c r="AC35" s="757"/>
      <c r="AD35" s="745" t="s">
        <v>153</v>
      </c>
      <c r="AE35" s="746"/>
      <c r="AF35" s="747"/>
      <c r="AG35" s="133"/>
    </row>
    <row r="36" spans="7:33" ht="30" customHeight="1" x14ac:dyDescent="0.2">
      <c r="G36" s="756"/>
      <c r="H36" s="757"/>
      <c r="I36" s="751" t="s">
        <v>154</v>
      </c>
      <c r="J36" s="746"/>
      <c r="K36" s="747"/>
      <c r="L36" s="133"/>
      <c r="M36" s="135"/>
      <c r="N36" s="756"/>
      <c r="O36" s="757"/>
      <c r="P36" s="751" t="s">
        <v>154</v>
      </c>
      <c r="Q36" s="746"/>
      <c r="R36" s="747"/>
      <c r="S36" s="133"/>
      <c r="T36" s="760"/>
      <c r="U36" s="756"/>
      <c r="V36" s="757"/>
      <c r="W36" s="751" t="s">
        <v>154</v>
      </c>
      <c r="X36" s="746"/>
      <c r="Y36" s="747"/>
      <c r="Z36" s="133"/>
      <c r="AB36" s="756"/>
      <c r="AC36" s="757"/>
      <c r="AD36" s="751" t="s">
        <v>154</v>
      </c>
      <c r="AE36" s="746"/>
      <c r="AF36" s="747"/>
      <c r="AG36" s="133"/>
    </row>
    <row r="37" spans="7:33" ht="30" customHeight="1" x14ac:dyDescent="0.2">
      <c r="G37" s="756"/>
      <c r="H37" s="757"/>
      <c r="I37" s="134"/>
      <c r="J37" s="752" t="s">
        <v>229</v>
      </c>
      <c r="K37" s="753"/>
      <c r="L37" s="136" t="s">
        <v>228</v>
      </c>
      <c r="M37" s="135"/>
      <c r="N37" s="756"/>
      <c r="O37" s="757"/>
      <c r="P37" s="134"/>
      <c r="Q37" s="752" t="s">
        <v>229</v>
      </c>
      <c r="R37" s="753"/>
      <c r="S37" s="136" t="s">
        <v>228</v>
      </c>
      <c r="T37" s="137"/>
      <c r="U37" s="756"/>
      <c r="V37" s="757"/>
      <c r="W37" s="134"/>
      <c r="X37" s="752" t="s">
        <v>229</v>
      </c>
      <c r="Y37" s="753"/>
      <c r="Z37" s="136" t="s">
        <v>228</v>
      </c>
      <c r="AB37" s="756"/>
      <c r="AC37" s="757"/>
      <c r="AD37" s="134"/>
      <c r="AE37" s="752" t="s">
        <v>229</v>
      </c>
      <c r="AF37" s="753"/>
      <c r="AG37" s="136" t="s">
        <v>228</v>
      </c>
    </row>
    <row r="38" spans="7:33" ht="30" customHeight="1" x14ac:dyDescent="0.2">
      <c r="G38" s="756"/>
      <c r="H38" s="757"/>
      <c r="I38" s="751" t="s">
        <v>155</v>
      </c>
      <c r="J38" s="746"/>
      <c r="K38" s="747"/>
      <c r="L38" s="133"/>
      <c r="M38" s="135"/>
      <c r="N38" s="756"/>
      <c r="O38" s="757"/>
      <c r="P38" s="751" t="s">
        <v>155</v>
      </c>
      <c r="Q38" s="746"/>
      <c r="R38" s="747"/>
      <c r="S38" s="133"/>
      <c r="T38" s="135"/>
      <c r="U38" s="756"/>
      <c r="V38" s="757"/>
      <c r="W38" s="751" t="s">
        <v>155</v>
      </c>
      <c r="X38" s="746"/>
      <c r="Y38" s="747"/>
      <c r="Z38" s="133"/>
      <c r="AB38" s="756"/>
      <c r="AC38" s="757"/>
      <c r="AD38" s="751" t="s">
        <v>155</v>
      </c>
      <c r="AE38" s="746"/>
      <c r="AF38" s="747"/>
      <c r="AG38" s="133"/>
    </row>
    <row r="39" spans="7:33" ht="30" customHeight="1" x14ac:dyDescent="0.2">
      <c r="G39" s="758"/>
      <c r="H39" s="759"/>
      <c r="I39" s="134"/>
      <c r="J39" s="752" t="s">
        <v>156</v>
      </c>
      <c r="K39" s="753"/>
      <c r="L39" s="133"/>
      <c r="M39" s="135"/>
      <c r="N39" s="758"/>
      <c r="O39" s="759"/>
      <c r="P39" s="134"/>
      <c r="Q39" s="752" t="s">
        <v>234</v>
      </c>
      <c r="R39" s="753"/>
      <c r="S39" s="133"/>
      <c r="T39" s="132"/>
      <c r="U39" s="758"/>
      <c r="V39" s="759"/>
      <c r="W39" s="134"/>
      <c r="X39" s="752" t="s">
        <v>234</v>
      </c>
      <c r="Y39" s="753"/>
      <c r="Z39" s="133"/>
      <c r="AB39" s="758"/>
      <c r="AC39" s="759"/>
      <c r="AD39" s="134"/>
      <c r="AE39" s="752" t="s">
        <v>234</v>
      </c>
      <c r="AF39" s="753"/>
      <c r="AG39" s="133"/>
    </row>
    <row r="40" spans="7:33" ht="30" customHeight="1" x14ac:dyDescent="0.2">
      <c r="G40" s="748" t="s">
        <v>226</v>
      </c>
      <c r="H40" s="749"/>
      <c r="I40" s="750"/>
      <c r="J40" s="745" t="s">
        <v>157</v>
      </c>
      <c r="K40" s="746"/>
      <c r="L40" s="747"/>
      <c r="M40" s="132"/>
      <c r="N40" s="748" t="s">
        <v>226</v>
      </c>
      <c r="O40" s="749"/>
      <c r="P40" s="750"/>
      <c r="Q40" s="745" t="s">
        <v>157</v>
      </c>
      <c r="R40" s="746"/>
      <c r="S40" s="747"/>
      <c r="T40" s="132"/>
      <c r="U40" s="748" t="s">
        <v>226</v>
      </c>
      <c r="V40" s="749"/>
      <c r="W40" s="750"/>
      <c r="X40" s="745" t="s">
        <v>157</v>
      </c>
      <c r="Y40" s="746"/>
      <c r="Z40" s="747"/>
      <c r="AB40" s="748" t="s">
        <v>226</v>
      </c>
      <c r="AC40" s="749"/>
      <c r="AD40" s="750"/>
      <c r="AE40" s="745" t="s">
        <v>157</v>
      </c>
      <c r="AF40" s="746"/>
      <c r="AG40" s="747"/>
    </row>
    <row r="41" spans="7:33" ht="30" customHeight="1" x14ac:dyDescent="0.2">
      <c r="G41" s="138"/>
      <c r="H41" s="138"/>
      <c r="I41" s="138"/>
      <c r="J41" s="137"/>
      <c r="K41" s="137"/>
      <c r="L41" s="137"/>
      <c r="M41" s="132"/>
      <c r="N41" s="138"/>
      <c r="O41" s="138"/>
      <c r="P41" s="138"/>
      <c r="Q41" s="137"/>
      <c r="R41" s="137"/>
      <c r="S41" s="137"/>
      <c r="T41" s="132"/>
      <c r="U41" s="138"/>
      <c r="V41" s="138"/>
      <c r="W41" s="138"/>
      <c r="X41" s="137"/>
      <c r="Y41" s="137"/>
      <c r="Z41" s="137"/>
      <c r="AB41" s="138"/>
      <c r="AC41" s="138"/>
      <c r="AD41" s="138"/>
      <c r="AE41" s="137"/>
      <c r="AF41" s="137"/>
      <c r="AG41" s="137"/>
    </row>
    <row r="42" spans="7:33" ht="30" customHeight="1" x14ac:dyDescent="0.2">
      <c r="G42" s="754" t="s">
        <v>152</v>
      </c>
      <c r="H42" s="755"/>
      <c r="I42" s="745" t="s">
        <v>233</v>
      </c>
      <c r="J42" s="746"/>
      <c r="K42" s="747"/>
      <c r="L42" s="133"/>
      <c r="M42" s="135"/>
      <c r="N42" s="754" t="s">
        <v>152</v>
      </c>
      <c r="O42" s="755"/>
      <c r="P42" s="745" t="s">
        <v>233</v>
      </c>
      <c r="Q42" s="746"/>
      <c r="R42" s="747"/>
      <c r="S42" s="133"/>
      <c r="T42" s="135"/>
      <c r="U42" s="754" t="s">
        <v>152</v>
      </c>
      <c r="V42" s="755"/>
      <c r="W42" s="745" t="s">
        <v>233</v>
      </c>
      <c r="X42" s="746"/>
      <c r="Y42" s="747"/>
      <c r="Z42" s="133"/>
      <c r="AB42" s="754" t="s">
        <v>152</v>
      </c>
      <c r="AC42" s="755"/>
      <c r="AD42" s="745" t="s">
        <v>233</v>
      </c>
      <c r="AE42" s="746"/>
      <c r="AF42" s="747"/>
      <c r="AG42" s="133"/>
    </row>
    <row r="43" spans="7:33" ht="30" customHeight="1" x14ac:dyDescent="0.2">
      <c r="G43" s="756"/>
      <c r="H43" s="757"/>
      <c r="I43" s="745" t="s">
        <v>145</v>
      </c>
      <c r="J43" s="746"/>
      <c r="K43" s="747"/>
      <c r="L43" s="133"/>
      <c r="M43" s="135"/>
      <c r="N43" s="756"/>
      <c r="O43" s="757"/>
      <c r="P43" s="745" t="s">
        <v>145</v>
      </c>
      <c r="Q43" s="746"/>
      <c r="R43" s="747"/>
      <c r="S43" s="133"/>
      <c r="T43" s="760"/>
      <c r="U43" s="756"/>
      <c r="V43" s="757"/>
      <c r="W43" s="745" t="s">
        <v>145</v>
      </c>
      <c r="X43" s="746"/>
      <c r="Y43" s="747"/>
      <c r="Z43" s="133"/>
      <c r="AB43" s="756"/>
      <c r="AC43" s="757"/>
      <c r="AD43" s="745" t="s">
        <v>145</v>
      </c>
      <c r="AE43" s="746"/>
      <c r="AF43" s="747"/>
      <c r="AG43" s="133"/>
    </row>
    <row r="44" spans="7:33" ht="30" customHeight="1" x14ac:dyDescent="0.2">
      <c r="G44" s="756"/>
      <c r="H44" s="757"/>
      <c r="I44" s="745" t="s">
        <v>232</v>
      </c>
      <c r="J44" s="746"/>
      <c r="K44" s="747"/>
      <c r="L44" s="133"/>
      <c r="M44" s="135"/>
      <c r="N44" s="756"/>
      <c r="O44" s="757"/>
      <c r="P44" s="745" t="s">
        <v>232</v>
      </c>
      <c r="Q44" s="746"/>
      <c r="R44" s="747"/>
      <c r="S44" s="133"/>
      <c r="T44" s="760"/>
      <c r="U44" s="756"/>
      <c r="V44" s="757"/>
      <c r="W44" s="745" t="s">
        <v>232</v>
      </c>
      <c r="X44" s="746"/>
      <c r="Y44" s="747"/>
      <c r="Z44" s="133"/>
      <c r="AB44" s="756"/>
      <c r="AC44" s="757"/>
      <c r="AD44" s="745" t="s">
        <v>232</v>
      </c>
      <c r="AE44" s="746"/>
      <c r="AF44" s="747"/>
      <c r="AG44" s="133"/>
    </row>
    <row r="45" spans="7:33" ht="30" customHeight="1" x14ac:dyDescent="0.2">
      <c r="G45" s="756"/>
      <c r="H45" s="757"/>
      <c r="I45" s="745" t="s">
        <v>231</v>
      </c>
      <c r="J45" s="746"/>
      <c r="K45" s="747"/>
      <c r="L45" s="136" t="s">
        <v>230</v>
      </c>
      <c r="M45" s="135"/>
      <c r="N45" s="756"/>
      <c r="O45" s="757"/>
      <c r="P45" s="745" t="s">
        <v>231</v>
      </c>
      <c r="Q45" s="746"/>
      <c r="R45" s="747"/>
      <c r="S45" s="136" t="s">
        <v>230</v>
      </c>
      <c r="T45" s="760"/>
      <c r="U45" s="756"/>
      <c r="V45" s="757"/>
      <c r="W45" s="745" t="s">
        <v>231</v>
      </c>
      <c r="X45" s="746"/>
      <c r="Y45" s="747"/>
      <c r="Z45" s="136" t="s">
        <v>230</v>
      </c>
      <c r="AB45" s="756"/>
      <c r="AC45" s="757"/>
      <c r="AD45" s="745" t="s">
        <v>231</v>
      </c>
      <c r="AE45" s="746"/>
      <c r="AF45" s="747"/>
      <c r="AG45" s="136" t="s">
        <v>230</v>
      </c>
    </row>
    <row r="46" spans="7:33" ht="30" customHeight="1" x14ac:dyDescent="0.2">
      <c r="G46" s="756"/>
      <c r="H46" s="757"/>
      <c r="I46" s="745" t="s">
        <v>153</v>
      </c>
      <c r="J46" s="746"/>
      <c r="K46" s="747"/>
      <c r="L46" s="133"/>
      <c r="M46" s="135"/>
      <c r="N46" s="756"/>
      <c r="O46" s="757"/>
      <c r="P46" s="745" t="s">
        <v>153</v>
      </c>
      <c r="Q46" s="746"/>
      <c r="R46" s="747"/>
      <c r="S46" s="133"/>
      <c r="T46" s="760"/>
      <c r="U46" s="756"/>
      <c r="V46" s="757"/>
      <c r="W46" s="745" t="s">
        <v>153</v>
      </c>
      <c r="X46" s="746"/>
      <c r="Y46" s="747"/>
      <c r="Z46" s="133"/>
      <c r="AB46" s="756"/>
      <c r="AC46" s="757"/>
      <c r="AD46" s="745" t="s">
        <v>153</v>
      </c>
      <c r="AE46" s="746"/>
      <c r="AF46" s="747"/>
      <c r="AG46" s="133"/>
    </row>
    <row r="47" spans="7:33" ht="30" customHeight="1" x14ac:dyDescent="0.2">
      <c r="G47" s="756"/>
      <c r="H47" s="757"/>
      <c r="I47" s="751" t="s">
        <v>154</v>
      </c>
      <c r="J47" s="746"/>
      <c r="K47" s="747"/>
      <c r="L47" s="133"/>
      <c r="M47" s="135"/>
      <c r="N47" s="756"/>
      <c r="O47" s="757"/>
      <c r="P47" s="751" t="s">
        <v>154</v>
      </c>
      <c r="Q47" s="746"/>
      <c r="R47" s="747"/>
      <c r="S47" s="133"/>
      <c r="T47" s="760"/>
      <c r="U47" s="756"/>
      <c r="V47" s="757"/>
      <c r="W47" s="751" t="s">
        <v>154</v>
      </c>
      <c r="X47" s="746"/>
      <c r="Y47" s="747"/>
      <c r="Z47" s="133"/>
      <c r="AB47" s="756"/>
      <c r="AC47" s="757"/>
      <c r="AD47" s="751" t="s">
        <v>154</v>
      </c>
      <c r="AE47" s="746"/>
      <c r="AF47" s="747"/>
      <c r="AG47" s="133"/>
    </row>
    <row r="48" spans="7:33" ht="30" customHeight="1" x14ac:dyDescent="0.2">
      <c r="G48" s="756"/>
      <c r="H48" s="757"/>
      <c r="I48" s="134"/>
      <c r="J48" s="752" t="s">
        <v>229</v>
      </c>
      <c r="K48" s="753"/>
      <c r="L48" s="136" t="s">
        <v>228</v>
      </c>
      <c r="M48" s="135"/>
      <c r="N48" s="756"/>
      <c r="O48" s="757"/>
      <c r="P48" s="134"/>
      <c r="Q48" s="752" t="s">
        <v>229</v>
      </c>
      <c r="R48" s="753"/>
      <c r="S48" s="136" t="s">
        <v>228</v>
      </c>
      <c r="T48" s="137"/>
      <c r="U48" s="756"/>
      <c r="V48" s="757"/>
      <c r="W48" s="134"/>
      <c r="X48" s="752" t="s">
        <v>229</v>
      </c>
      <c r="Y48" s="753"/>
      <c r="Z48" s="136" t="s">
        <v>228</v>
      </c>
      <c r="AB48" s="756"/>
      <c r="AC48" s="757"/>
      <c r="AD48" s="134"/>
      <c r="AE48" s="752" t="s">
        <v>229</v>
      </c>
      <c r="AF48" s="753"/>
      <c r="AG48" s="136" t="s">
        <v>228</v>
      </c>
    </row>
    <row r="49" spans="7:33" ht="30" customHeight="1" x14ac:dyDescent="0.2">
      <c r="G49" s="756"/>
      <c r="H49" s="757"/>
      <c r="I49" s="751" t="s">
        <v>155</v>
      </c>
      <c r="J49" s="746"/>
      <c r="K49" s="747"/>
      <c r="L49" s="133"/>
      <c r="M49" s="135"/>
      <c r="N49" s="756"/>
      <c r="O49" s="757"/>
      <c r="P49" s="751" t="s">
        <v>155</v>
      </c>
      <c r="Q49" s="746"/>
      <c r="R49" s="747"/>
      <c r="S49" s="133"/>
      <c r="T49" s="135"/>
      <c r="U49" s="756"/>
      <c r="V49" s="757"/>
      <c r="W49" s="751" t="s">
        <v>155</v>
      </c>
      <c r="X49" s="746"/>
      <c r="Y49" s="747"/>
      <c r="Z49" s="133"/>
      <c r="AB49" s="756"/>
      <c r="AC49" s="757"/>
      <c r="AD49" s="751" t="s">
        <v>155</v>
      </c>
      <c r="AE49" s="746"/>
      <c r="AF49" s="747"/>
      <c r="AG49" s="133"/>
    </row>
    <row r="50" spans="7:33" ht="30" customHeight="1" x14ac:dyDescent="0.2">
      <c r="G50" s="758"/>
      <c r="H50" s="759"/>
      <c r="I50" s="134"/>
      <c r="J50" s="752" t="s">
        <v>227</v>
      </c>
      <c r="K50" s="753"/>
      <c r="L50" s="133"/>
      <c r="M50" s="135"/>
      <c r="N50" s="758"/>
      <c r="O50" s="759"/>
      <c r="P50" s="134"/>
      <c r="Q50" s="752" t="s">
        <v>227</v>
      </c>
      <c r="R50" s="753"/>
      <c r="S50" s="133"/>
      <c r="T50" s="132"/>
      <c r="U50" s="758"/>
      <c r="V50" s="759"/>
      <c r="W50" s="134"/>
      <c r="X50" s="752" t="s">
        <v>156</v>
      </c>
      <c r="Y50" s="753"/>
      <c r="Z50" s="133"/>
      <c r="AB50" s="758"/>
      <c r="AC50" s="759"/>
      <c r="AD50" s="134"/>
      <c r="AE50" s="752" t="s">
        <v>156</v>
      </c>
      <c r="AF50" s="753"/>
      <c r="AG50" s="133"/>
    </row>
    <row r="51" spans="7:33" ht="30" customHeight="1" x14ac:dyDescent="0.2">
      <c r="G51" s="748" t="s">
        <v>226</v>
      </c>
      <c r="H51" s="749"/>
      <c r="I51" s="750"/>
      <c r="J51" s="745" t="s">
        <v>157</v>
      </c>
      <c r="K51" s="746"/>
      <c r="L51" s="747"/>
      <c r="M51" s="132"/>
      <c r="N51" s="748" t="s">
        <v>226</v>
      </c>
      <c r="O51" s="749"/>
      <c r="P51" s="750"/>
      <c r="Q51" s="745" t="s">
        <v>157</v>
      </c>
      <c r="R51" s="746"/>
      <c r="S51" s="747"/>
      <c r="T51" s="132"/>
      <c r="U51" s="748" t="s">
        <v>226</v>
      </c>
      <c r="V51" s="749"/>
      <c r="W51" s="750"/>
      <c r="X51" s="745" t="s">
        <v>157</v>
      </c>
      <c r="Y51" s="746"/>
      <c r="Z51" s="747"/>
      <c r="AB51" s="748" t="s">
        <v>226</v>
      </c>
      <c r="AC51" s="749"/>
      <c r="AD51" s="750"/>
      <c r="AE51" s="745" t="s">
        <v>157</v>
      </c>
      <c r="AF51" s="746"/>
      <c r="AG51" s="747"/>
    </row>
  </sheetData>
  <mergeCells count="212">
    <mergeCell ref="AD9:AF9"/>
    <mergeCell ref="AD10:AF10"/>
    <mergeCell ref="AD11:AF11"/>
    <mergeCell ref="AD12:AF12"/>
    <mergeCell ref="AD13:AF13"/>
    <mergeCell ref="AD49:AF49"/>
    <mergeCell ref="AD14:AF14"/>
    <mergeCell ref="AD25:AF25"/>
    <mergeCell ref="AB29:AD29"/>
    <mergeCell ref="AD34:AF34"/>
    <mergeCell ref="AD36:AF36"/>
    <mergeCell ref="AB9:AC17"/>
    <mergeCell ref="AD47:AF47"/>
    <mergeCell ref="AE15:AF15"/>
    <mergeCell ref="AB42:AC50"/>
    <mergeCell ref="AD42:AF42"/>
    <mergeCell ref="AB40:AD40"/>
    <mergeCell ref="AE40:AG40"/>
    <mergeCell ref="AD44:AF44"/>
    <mergeCell ref="AD46:AF46"/>
    <mergeCell ref="AE29:AG29"/>
    <mergeCell ref="AD16:AF16"/>
    <mergeCell ref="AE17:AF17"/>
    <mergeCell ref="AB18:AD18"/>
    <mergeCell ref="X39:Y39"/>
    <mergeCell ref="U40:W40"/>
    <mergeCell ref="X40:Z40"/>
    <mergeCell ref="X37:Y37"/>
    <mergeCell ref="W45:Y45"/>
    <mergeCell ref="W46:Y46"/>
    <mergeCell ref="W24:Y24"/>
    <mergeCell ref="W25:Y25"/>
    <mergeCell ref="W31:Y31"/>
    <mergeCell ref="W32:Y32"/>
    <mergeCell ref="W33:Y33"/>
    <mergeCell ref="W34:Y34"/>
    <mergeCell ref="X28:Y28"/>
    <mergeCell ref="U29:W29"/>
    <mergeCell ref="X29:Z29"/>
    <mergeCell ref="U31:V39"/>
    <mergeCell ref="W44:Y44"/>
    <mergeCell ref="U20:V28"/>
    <mergeCell ref="X26:Y26"/>
    <mergeCell ref="W43:Y43"/>
    <mergeCell ref="Q40:S40"/>
    <mergeCell ref="P45:R45"/>
    <mergeCell ref="P46:R46"/>
    <mergeCell ref="P25:R25"/>
    <mergeCell ref="P32:R32"/>
    <mergeCell ref="P33:R33"/>
    <mergeCell ref="P34:R34"/>
    <mergeCell ref="P35:R35"/>
    <mergeCell ref="P27:R27"/>
    <mergeCell ref="Q28:R28"/>
    <mergeCell ref="P31:R31"/>
    <mergeCell ref="P43:R43"/>
    <mergeCell ref="P10:R10"/>
    <mergeCell ref="P11:R11"/>
    <mergeCell ref="P12:R12"/>
    <mergeCell ref="P13:R13"/>
    <mergeCell ref="W9:Y9"/>
    <mergeCell ref="W10:Y10"/>
    <mergeCell ref="W11:Y11"/>
    <mergeCell ref="W12:Y12"/>
    <mergeCell ref="W13:Y13"/>
    <mergeCell ref="T9:T13"/>
    <mergeCell ref="P9:R9"/>
    <mergeCell ref="AD33:AF33"/>
    <mergeCell ref="T16:T20"/>
    <mergeCell ref="W27:Y27"/>
    <mergeCell ref="T32:T36"/>
    <mergeCell ref="W35:Y35"/>
    <mergeCell ref="W36:Y36"/>
    <mergeCell ref="AD20:AF20"/>
    <mergeCell ref="AD21:AF21"/>
    <mergeCell ref="AD22:AF22"/>
    <mergeCell ref="AD23:AF23"/>
    <mergeCell ref="AD24:AF24"/>
    <mergeCell ref="AB20:AC28"/>
    <mergeCell ref="U9:V17"/>
    <mergeCell ref="W14:Y14"/>
    <mergeCell ref="W20:Y20"/>
    <mergeCell ref="W21:Y21"/>
    <mergeCell ref="W22:Y22"/>
    <mergeCell ref="W23:Y23"/>
    <mergeCell ref="X15:Y15"/>
    <mergeCell ref="W16:Y16"/>
    <mergeCell ref="X17:Y17"/>
    <mergeCell ref="T23:T27"/>
    <mergeCell ref="U18:W18"/>
    <mergeCell ref="X18:Z18"/>
    <mergeCell ref="N20:O28"/>
    <mergeCell ref="P24:R24"/>
    <mergeCell ref="P20:R20"/>
    <mergeCell ref="P21:R21"/>
    <mergeCell ref="P23:R23"/>
    <mergeCell ref="I20:K20"/>
    <mergeCell ref="I21:K21"/>
    <mergeCell ref="I22:K22"/>
    <mergeCell ref="I23:K23"/>
    <mergeCell ref="Q26:R26"/>
    <mergeCell ref="P22:R22"/>
    <mergeCell ref="I25:K25"/>
    <mergeCell ref="G29:I29"/>
    <mergeCell ref="J29:L29"/>
    <mergeCell ref="N29:P29"/>
    <mergeCell ref="Q29:S29"/>
    <mergeCell ref="A21:B22"/>
    <mergeCell ref="A6:B6"/>
    <mergeCell ref="A7:B7"/>
    <mergeCell ref="A9:B9"/>
    <mergeCell ref="A10:B10"/>
    <mergeCell ref="A11:B11"/>
    <mergeCell ref="A18:B19"/>
    <mergeCell ref="C6:E6"/>
    <mergeCell ref="C7:E7"/>
    <mergeCell ref="A12:B12"/>
    <mergeCell ref="A13:B13"/>
    <mergeCell ref="A15:B15"/>
    <mergeCell ref="P14:R14"/>
    <mergeCell ref="G18:I18"/>
    <mergeCell ref="I24:K24"/>
    <mergeCell ref="I14:K14"/>
    <mergeCell ref="G20:H28"/>
    <mergeCell ref="J26:K26"/>
    <mergeCell ref="I27:K27"/>
    <mergeCell ref="J28:K28"/>
    <mergeCell ref="I46:K46"/>
    <mergeCell ref="AE18:AG18"/>
    <mergeCell ref="AE26:AF26"/>
    <mergeCell ref="AD27:AF27"/>
    <mergeCell ref="AE28:AF28"/>
    <mergeCell ref="G4:S4"/>
    <mergeCell ref="I13:K13"/>
    <mergeCell ref="H6:I7"/>
    <mergeCell ref="G9:H17"/>
    <mergeCell ref="P16:R16"/>
    <mergeCell ref="J6:N7"/>
    <mergeCell ref="Q17:R17"/>
    <mergeCell ref="N18:P18"/>
    <mergeCell ref="Q18:S18"/>
    <mergeCell ref="J15:K15"/>
    <mergeCell ref="I16:K16"/>
    <mergeCell ref="J17:K17"/>
    <mergeCell ref="N9:O17"/>
    <mergeCell ref="Q15:R15"/>
    <mergeCell ref="J18:L18"/>
    <mergeCell ref="I9:K9"/>
    <mergeCell ref="I10:K10"/>
    <mergeCell ref="I11:K11"/>
    <mergeCell ref="I12:K12"/>
    <mergeCell ref="AD43:AF43"/>
    <mergeCell ref="I44:K44"/>
    <mergeCell ref="P44:R44"/>
    <mergeCell ref="G31:H39"/>
    <mergeCell ref="J37:K37"/>
    <mergeCell ref="N31:O39"/>
    <mergeCell ref="I36:K36"/>
    <mergeCell ref="J40:L40"/>
    <mergeCell ref="I33:K33"/>
    <mergeCell ref="I34:K34"/>
    <mergeCell ref="I35:K35"/>
    <mergeCell ref="J39:K39"/>
    <mergeCell ref="I38:K38"/>
    <mergeCell ref="I31:K31"/>
    <mergeCell ref="I32:K32"/>
    <mergeCell ref="AD31:AF31"/>
    <mergeCell ref="AE39:AF39"/>
    <mergeCell ref="AD35:AF35"/>
    <mergeCell ref="P36:R36"/>
    <mergeCell ref="Q39:R39"/>
    <mergeCell ref="N40:P40"/>
    <mergeCell ref="AD38:AF38"/>
    <mergeCell ref="W38:Y38"/>
    <mergeCell ref="AD32:AF32"/>
    <mergeCell ref="I47:K47"/>
    <mergeCell ref="J48:K48"/>
    <mergeCell ref="Q48:R48"/>
    <mergeCell ref="P47:R47"/>
    <mergeCell ref="P49:R49"/>
    <mergeCell ref="I45:K45"/>
    <mergeCell ref="AB31:AC39"/>
    <mergeCell ref="AE37:AF37"/>
    <mergeCell ref="AD45:AF45"/>
    <mergeCell ref="Q37:R37"/>
    <mergeCell ref="G40:I40"/>
    <mergeCell ref="P38:R38"/>
    <mergeCell ref="G42:H50"/>
    <mergeCell ref="I42:K42"/>
    <mergeCell ref="N42:O50"/>
    <mergeCell ref="P42:R42"/>
    <mergeCell ref="U42:V50"/>
    <mergeCell ref="W42:Y42"/>
    <mergeCell ref="X48:Y48"/>
    <mergeCell ref="W47:Y47"/>
    <mergeCell ref="W49:Y49"/>
    <mergeCell ref="AE48:AF48"/>
    <mergeCell ref="I43:K43"/>
    <mergeCell ref="T43:T47"/>
    <mergeCell ref="X51:Z51"/>
    <mergeCell ref="AB51:AD51"/>
    <mergeCell ref="AE51:AG51"/>
    <mergeCell ref="I49:K49"/>
    <mergeCell ref="J50:K50"/>
    <mergeCell ref="Q50:R50"/>
    <mergeCell ref="X50:Y50"/>
    <mergeCell ref="AE50:AF50"/>
    <mergeCell ref="G51:I51"/>
    <mergeCell ref="J51:L51"/>
    <mergeCell ref="N51:P51"/>
    <mergeCell ref="Q51:S51"/>
    <mergeCell ref="U51:W51"/>
  </mergeCells>
  <phoneticPr fontId="2"/>
  <pageMargins left="1.3779527559055118" right="0.78740157480314965" top="0.74803149606299213" bottom="0.39370078740157483" header="0.27559055118110237" footer="0.27559055118110237"/>
  <pageSetup paperSize="9" scale="36" orientation="landscape" r:id="rId1"/>
  <headerFooter alignWithMargins="0"/>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Z49"/>
  <sheetViews>
    <sheetView view="pageBreakPreview" zoomScaleNormal="100" zoomScaleSheetLayoutView="100" workbookViewId="0">
      <selection activeCell="AA12" sqref="AA12"/>
    </sheetView>
  </sheetViews>
  <sheetFormatPr defaultColWidth="9" defaultRowHeight="13" x14ac:dyDescent="0.2"/>
  <cols>
    <col min="1" max="1" width="5.6328125" style="69" customWidth="1"/>
    <col min="2" max="2" width="3.6328125" style="69" customWidth="1"/>
    <col min="3" max="4" width="8.6328125" style="69" customWidth="1"/>
    <col min="5" max="5" width="3.6328125" style="69" customWidth="1"/>
    <col min="6" max="7" width="2.6328125" style="69" customWidth="1"/>
    <col min="8" max="8" width="3.6328125" style="69" customWidth="1"/>
    <col min="9" max="10" width="8.6328125" style="69" customWidth="1"/>
    <col min="11" max="11" width="3.6328125" style="69" customWidth="1"/>
    <col min="12" max="12" width="4.6328125" style="69" customWidth="1"/>
    <col min="13" max="13" width="3.6328125" style="69" customWidth="1"/>
    <col min="14" max="15" width="8.6328125" style="69" customWidth="1"/>
    <col min="16" max="16" width="3.6328125" style="69" customWidth="1"/>
    <col min="17" max="17" width="4.6328125" style="69" customWidth="1"/>
    <col min="18" max="18" width="3.6328125" style="69" customWidth="1"/>
    <col min="19" max="20" width="8.6328125" style="69" customWidth="1"/>
    <col min="21" max="21" width="3.6328125" style="69" customWidth="1"/>
    <col min="22" max="22" width="4.6328125" style="69" customWidth="1"/>
    <col min="23" max="23" width="3.6328125" style="69" customWidth="1"/>
    <col min="24" max="25" width="8.6328125" style="69" customWidth="1"/>
    <col min="26" max="26" width="3.6328125" style="69" customWidth="1"/>
    <col min="27" max="16384" width="9" style="69"/>
  </cols>
  <sheetData>
    <row r="1" spans="1:26" ht="20.149999999999999" customHeight="1" x14ac:dyDescent="0.2"/>
    <row r="2" spans="1:26" ht="12.9" customHeight="1" x14ac:dyDescent="0.2">
      <c r="A2" s="70"/>
      <c r="B2" s="782" t="s">
        <v>374</v>
      </c>
      <c r="C2" s="782"/>
      <c r="D2" s="71"/>
      <c r="E2" s="71"/>
      <c r="F2" s="71"/>
      <c r="G2" s="71"/>
      <c r="H2" s="71"/>
      <c r="I2" s="71"/>
      <c r="J2" s="72"/>
      <c r="K2" s="72"/>
      <c r="L2" s="72"/>
      <c r="M2" s="72"/>
      <c r="N2" s="72"/>
      <c r="O2" s="72"/>
      <c r="P2" s="72"/>
      <c r="Q2" s="72"/>
      <c r="R2" s="72"/>
      <c r="S2" s="72"/>
      <c r="T2" s="72"/>
      <c r="U2" s="72"/>
      <c r="V2" s="72"/>
      <c r="W2" s="72"/>
      <c r="X2" s="72"/>
      <c r="Y2" s="72"/>
      <c r="Z2" s="72"/>
    </row>
    <row r="3" spans="1:26" ht="12.9" customHeight="1" x14ac:dyDescent="0.2">
      <c r="A3" s="70"/>
      <c r="B3" s="71"/>
      <c r="C3" s="71"/>
      <c r="D3" s="71"/>
      <c r="E3" s="71"/>
      <c r="F3" s="71"/>
      <c r="G3" s="71"/>
      <c r="H3" s="71"/>
      <c r="I3" s="71"/>
      <c r="J3" s="72"/>
      <c r="K3" s="783"/>
      <c r="L3" s="783"/>
      <c r="M3" s="783"/>
      <c r="N3" s="783"/>
      <c r="O3" s="783"/>
      <c r="P3" s="783"/>
      <c r="Q3" s="783"/>
      <c r="R3" s="783"/>
      <c r="S3" s="783"/>
      <c r="T3" s="784" t="s">
        <v>161</v>
      </c>
      <c r="U3" s="784"/>
      <c r="V3" s="784"/>
      <c r="W3" s="785"/>
      <c r="X3" s="72"/>
      <c r="Y3" s="72"/>
      <c r="Z3" s="72"/>
    </row>
    <row r="4" spans="1:26" ht="9.9" customHeight="1" x14ac:dyDescent="0.2">
      <c r="A4" s="70"/>
      <c r="B4" s="72"/>
      <c r="C4" s="72"/>
      <c r="D4" s="72"/>
      <c r="E4" s="72"/>
      <c r="F4" s="72"/>
      <c r="G4" s="72"/>
      <c r="H4" s="72"/>
      <c r="I4" s="72"/>
      <c r="J4" s="72"/>
      <c r="K4" s="72"/>
      <c r="L4" s="72"/>
      <c r="M4" s="72"/>
      <c r="N4" s="72"/>
      <c r="O4" s="72"/>
      <c r="P4" s="72"/>
      <c r="Q4" s="72"/>
      <c r="R4" s="72"/>
      <c r="S4" s="72"/>
      <c r="T4" s="72"/>
      <c r="U4" s="72"/>
      <c r="V4" s="72"/>
      <c r="W4" s="72"/>
      <c r="X4" s="72"/>
      <c r="Y4" s="72"/>
      <c r="Z4" s="72"/>
    </row>
    <row r="5" spans="1:26" ht="12" customHeight="1" x14ac:dyDescent="0.2">
      <c r="A5" s="70"/>
      <c r="B5" s="786" t="s">
        <v>162</v>
      </c>
      <c r="C5" s="787"/>
      <c r="D5" s="788"/>
      <c r="E5" s="788"/>
      <c r="F5" s="72"/>
      <c r="G5" s="72"/>
      <c r="H5" s="786" t="s">
        <v>163</v>
      </c>
      <c r="I5" s="787"/>
      <c r="J5" s="788"/>
      <c r="K5" s="788"/>
      <c r="L5" s="72"/>
      <c r="M5" s="786" t="s">
        <v>163</v>
      </c>
      <c r="N5" s="787"/>
      <c r="O5" s="788"/>
      <c r="P5" s="788"/>
      <c r="Q5" s="72"/>
      <c r="R5" s="786" t="s">
        <v>163</v>
      </c>
      <c r="S5" s="787"/>
      <c r="T5" s="788"/>
      <c r="U5" s="788"/>
      <c r="V5" s="72"/>
      <c r="W5" s="786" t="s">
        <v>163</v>
      </c>
      <c r="X5" s="787"/>
      <c r="Y5" s="788"/>
      <c r="Z5" s="788"/>
    </row>
    <row r="6" spans="1:26" ht="12" customHeight="1" x14ac:dyDescent="0.2">
      <c r="A6" s="70"/>
      <c r="B6" s="789" t="s">
        <v>376</v>
      </c>
      <c r="C6" s="790"/>
      <c r="D6" s="793"/>
      <c r="E6" s="794"/>
      <c r="F6" s="72"/>
      <c r="G6" s="72"/>
      <c r="H6" s="786" t="s">
        <v>164</v>
      </c>
      <c r="I6" s="787"/>
      <c r="J6" s="788"/>
      <c r="K6" s="788"/>
      <c r="L6" s="72"/>
      <c r="M6" s="786" t="s">
        <v>164</v>
      </c>
      <c r="N6" s="787"/>
      <c r="O6" s="788"/>
      <c r="P6" s="788"/>
      <c r="Q6" s="72"/>
      <c r="R6" s="786" t="s">
        <v>164</v>
      </c>
      <c r="S6" s="787"/>
      <c r="T6" s="788"/>
      <c r="U6" s="788"/>
      <c r="V6" s="72"/>
      <c r="W6" s="786" t="s">
        <v>164</v>
      </c>
      <c r="X6" s="787"/>
      <c r="Y6" s="788"/>
      <c r="Z6" s="788"/>
    </row>
    <row r="7" spans="1:26" ht="12" customHeight="1" x14ac:dyDescent="0.2">
      <c r="A7" s="70"/>
      <c r="B7" s="791"/>
      <c r="C7" s="792"/>
      <c r="D7" s="795"/>
      <c r="E7" s="796"/>
      <c r="F7" s="72"/>
      <c r="G7" s="72"/>
      <c r="H7" s="786" t="s">
        <v>165</v>
      </c>
      <c r="I7" s="787"/>
      <c r="J7" s="788"/>
      <c r="K7" s="788"/>
      <c r="L7" s="72"/>
      <c r="M7" s="786" t="s">
        <v>165</v>
      </c>
      <c r="N7" s="787"/>
      <c r="O7" s="788"/>
      <c r="P7" s="788"/>
      <c r="Q7" s="72"/>
      <c r="R7" s="786" t="s">
        <v>165</v>
      </c>
      <c r="S7" s="787"/>
      <c r="T7" s="788"/>
      <c r="U7" s="788"/>
      <c r="V7" s="72"/>
      <c r="W7" s="786" t="s">
        <v>165</v>
      </c>
      <c r="X7" s="787"/>
      <c r="Y7" s="788"/>
      <c r="Z7" s="788"/>
    </row>
    <row r="8" spans="1:26" ht="12" customHeight="1" x14ac:dyDescent="0.2">
      <c r="A8" s="70"/>
      <c r="B8" s="786" t="s">
        <v>165</v>
      </c>
      <c r="C8" s="787"/>
      <c r="D8" s="788"/>
      <c r="E8" s="788"/>
      <c r="F8" s="72"/>
      <c r="G8" s="72"/>
      <c r="H8" s="806" t="s">
        <v>166</v>
      </c>
      <c r="I8" s="797"/>
      <c r="J8" s="797" t="s">
        <v>167</v>
      </c>
      <c r="K8" s="798"/>
      <c r="L8" s="72"/>
      <c r="M8" s="806" t="s">
        <v>166</v>
      </c>
      <c r="N8" s="797"/>
      <c r="O8" s="797" t="s">
        <v>167</v>
      </c>
      <c r="P8" s="798"/>
      <c r="Q8" s="72"/>
      <c r="R8" s="806" t="s">
        <v>166</v>
      </c>
      <c r="S8" s="797"/>
      <c r="T8" s="797" t="s">
        <v>167</v>
      </c>
      <c r="U8" s="798"/>
      <c r="V8" s="72"/>
      <c r="W8" s="806" t="s">
        <v>166</v>
      </c>
      <c r="X8" s="797"/>
      <c r="Y8" s="797" t="s">
        <v>167</v>
      </c>
      <c r="Z8" s="798"/>
    </row>
    <row r="9" spans="1:26" ht="12" customHeight="1" x14ac:dyDescent="0.2">
      <c r="A9" s="70"/>
      <c r="B9" s="74"/>
      <c r="C9" s="75"/>
      <c r="D9" s="76"/>
      <c r="E9" s="77"/>
      <c r="F9" s="72"/>
      <c r="G9" s="72"/>
      <c r="H9" s="74"/>
      <c r="I9" s="75"/>
      <c r="J9" s="75"/>
      <c r="K9" s="77"/>
      <c r="L9" s="72"/>
      <c r="M9" s="74"/>
      <c r="N9" s="75"/>
      <c r="O9" s="75"/>
      <c r="P9" s="77"/>
      <c r="Q9" s="72"/>
      <c r="R9" s="74"/>
      <c r="S9" s="75"/>
      <c r="T9" s="75"/>
      <c r="U9" s="77"/>
      <c r="V9" s="72"/>
      <c r="W9" s="74"/>
      <c r="X9" s="75"/>
      <c r="Y9" s="75"/>
      <c r="Z9" s="77"/>
    </row>
    <row r="10" spans="1:26" ht="12" customHeight="1" x14ac:dyDescent="0.2">
      <c r="A10" s="70"/>
      <c r="B10" s="78"/>
      <c r="C10" s="799" t="s">
        <v>168</v>
      </c>
      <c r="D10" s="800"/>
      <c r="E10" s="79"/>
      <c r="F10" s="72"/>
      <c r="G10" s="72"/>
      <c r="H10" s="78"/>
      <c r="I10" s="805" t="s">
        <v>168</v>
      </c>
      <c r="J10" s="800"/>
      <c r="K10" s="79"/>
      <c r="L10" s="72"/>
      <c r="M10" s="78"/>
      <c r="N10" s="805" t="s">
        <v>168</v>
      </c>
      <c r="O10" s="800"/>
      <c r="P10" s="79"/>
      <c r="Q10" s="72"/>
      <c r="R10" s="78"/>
      <c r="S10" s="799" t="s">
        <v>168</v>
      </c>
      <c r="T10" s="800"/>
      <c r="U10" s="79"/>
      <c r="V10" s="72"/>
      <c r="W10" s="78"/>
      <c r="X10" s="799" t="s">
        <v>168</v>
      </c>
      <c r="Y10" s="800"/>
      <c r="Z10" s="79"/>
    </row>
    <row r="11" spans="1:26" ht="12" customHeight="1" x14ac:dyDescent="0.2">
      <c r="A11" s="70"/>
      <c r="B11" s="78"/>
      <c r="C11" s="801"/>
      <c r="D11" s="802"/>
      <c r="E11" s="79"/>
      <c r="F11" s="80"/>
      <c r="G11" s="81"/>
      <c r="H11" s="78"/>
      <c r="I11" s="801"/>
      <c r="J11" s="802"/>
      <c r="K11" s="79"/>
      <c r="L11" s="72"/>
      <c r="M11" s="78"/>
      <c r="N11" s="801"/>
      <c r="O11" s="802"/>
      <c r="P11" s="79"/>
      <c r="Q11" s="72"/>
      <c r="R11" s="78"/>
      <c r="S11" s="801"/>
      <c r="T11" s="802"/>
      <c r="U11" s="79"/>
      <c r="V11" s="72"/>
      <c r="W11" s="78"/>
      <c r="X11" s="801"/>
      <c r="Y11" s="802"/>
      <c r="Z11" s="79"/>
    </row>
    <row r="12" spans="1:26" ht="12" customHeight="1" x14ac:dyDescent="0.2">
      <c r="A12" s="70"/>
      <c r="B12" s="78"/>
      <c r="C12" s="801"/>
      <c r="D12" s="802"/>
      <c r="E12" s="79"/>
      <c r="F12" s="77"/>
      <c r="G12" s="72"/>
      <c r="H12" s="78"/>
      <c r="I12" s="801"/>
      <c r="J12" s="802"/>
      <c r="K12" s="79"/>
      <c r="L12" s="72"/>
      <c r="M12" s="78"/>
      <c r="N12" s="801"/>
      <c r="O12" s="802"/>
      <c r="P12" s="79"/>
      <c r="Q12" s="72"/>
      <c r="R12" s="78"/>
      <c r="S12" s="801"/>
      <c r="T12" s="802"/>
      <c r="U12" s="79"/>
      <c r="V12" s="72"/>
      <c r="W12" s="78"/>
      <c r="X12" s="801"/>
      <c r="Y12" s="802"/>
      <c r="Z12" s="79"/>
    </row>
    <row r="13" spans="1:26" ht="12" customHeight="1" x14ac:dyDescent="0.2">
      <c r="A13" s="70"/>
      <c r="B13" s="78"/>
      <c r="C13" s="801"/>
      <c r="D13" s="802"/>
      <c r="E13" s="79"/>
      <c r="F13" s="79"/>
      <c r="G13" s="72"/>
      <c r="H13" s="78"/>
      <c r="I13" s="801"/>
      <c r="J13" s="802"/>
      <c r="K13" s="79"/>
      <c r="L13" s="72"/>
      <c r="M13" s="78"/>
      <c r="N13" s="801"/>
      <c r="O13" s="802"/>
      <c r="P13" s="79"/>
      <c r="Q13" s="72"/>
      <c r="R13" s="78"/>
      <c r="S13" s="801"/>
      <c r="T13" s="802"/>
      <c r="U13" s="79"/>
      <c r="V13" s="72"/>
      <c r="W13" s="78"/>
      <c r="X13" s="801"/>
      <c r="Y13" s="802"/>
      <c r="Z13" s="79"/>
    </row>
    <row r="14" spans="1:26" ht="12" customHeight="1" x14ac:dyDescent="0.2">
      <c r="A14" s="70"/>
      <c r="B14" s="78"/>
      <c r="C14" s="801"/>
      <c r="D14" s="802"/>
      <c r="E14" s="79"/>
      <c r="F14" s="79"/>
      <c r="G14" s="72"/>
      <c r="H14" s="78"/>
      <c r="I14" s="801"/>
      <c r="J14" s="802"/>
      <c r="K14" s="79"/>
      <c r="L14" s="72"/>
      <c r="M14" s="78"/>
      <c r="N14" s="801"/>
      <c r="O14" s="802"/>
      <c r="P14" s="79"/>
      <c r="Q14" s="72"/>
      <c r="R14" s="78"/>
      <c r="S14" s="801"/>
      <c r="T14" s="802"/>
      <c r="U14" s="79"/>
      <c r="V14" s="72"/>
      <c r="W14" s="78"/>
      <c r="X14" s="801"/>
      <c r="Y14" s="802"/>
      <c r="Z14" s="79"/>
    </row>
    <row r="15" spans="1:26" ht="12" customHeight="1" x14ac:dyDescent="0.2">
      <c r="A15" s="70"/>
      <c r="B15" s="78"/>
      <c r="C15" s="801"/>
      <c r="D15" s="802"/>
      <c r="E15" s="79"/>
      <c r="F15" s="79"/>
      <c r="G15" s="72"/>
      <c r="H15" s="78"/>
      <c r="I15" s="801"/>
      <c r="J15" s="802"/>
      <c r="K15" s="79"/>
      <c r="L15" s="72"/>
      <c r="M15" s="78"/>
      <c r="N15" s="801"/>
      <c r="O15" s="802"/>
      <c r="P15" s="79"/>
      <c r="Q15" s="72"/>
      <c r="R15" s="78"/>
      <c r="S15" s="801"/>
      <c r="T15" s="802"/>
      <c r="U15" s="79"/>
      <c r="V15" s="72"/>
      <c r="W15" s="78"/>
      <c r="X15" s="801"/>
      <c r="Y15" s="802"/>
      <c r="Z15" s="79"/>
    </row>
    <row r="16" spans="1:26" ht="12" customHeight="1" x14ac:dyDescent="0.2">
      <c r="A16" s="70"/>
      <c r="B16" s="78"/>
      <c r="C16" s="801"/>
      <c r="D16" s="802"/>
      <c r="E16" s="79"/>
      <c r="F16" s="79"/>
      <c r="G16" s="72"/>
      <c r="H16" s="78"/>
      <c r="I16" s="801"/>
      <c r="J16" s="802"/>
      <c r="K16" s="79"/>
      <c r="L16" s="72"/>
      <c r="M16" s="78"/>
      <c r="N16" s="801"/>
      <c r="O16" s="802"/>
      <c r="P16" s="79"/>
      <c r="Q16" s="72"/>
      <c r="R16" s="78"/>
      <c r="S16" s="801"/>
      <c r="T16" s="802"/>
      <c r="U16" s="79"/>
      <c r="V16" s="72"/>
      <c r="W16" s="78"/>
      <c r="X16" s="801"/>
      <c r="Y16" s="802"/>
      <c r="Z16" s="79"/>
    </row>
    <row r="17" spans="1:26" ht="12" customHeight="1" x14ac:dyDescent="0.2">
      <c r="A17" s="70"/>
      <c r="B17" s="78"/>
      <c r="C17" s="803"/>
      <c r="D17" s="804"/>
      <c r="E17" s="79"/>
      <c r="F17" s="79"/>
      <c r="G17" s="72"/>
      <c r="H17" s="78"/>
      <c r="I17" s="803"/>
      <c r="J17" s="804"/>
      <c r="K17" s="79"/>
      <c r="L17" s="72"/>
      <c r="M17" s="78"/>
      <c r="N17" s="803"/>
      <c r="O17" s="804"/>
      <c r="P17" s="79"/>
      <c r="Q17" s="72"/>
      <c r="R17" s="78"/>
      <c r="S17" s="803"/>
      <c r="T17" s="804"/>
      <c r="U17" s="79"/>
      <c r="V17" s="72"/>
      <c r="W17" s="78"/>
      <c r="X17" s="803"/>
      <c r="Y17" s="804"/>
      <c r="Z17" s="79"/>
    </row>
    <row r="18" spans="1:26" ht="12" customHeight="1" x14ac:dyDescent="0.2">
      <c r="A18" s="70"/>
      <c r="B18" s="82"/>
      <c r="C18" s="73"/>
      <c r="D18" s="83"/>
      <c r="E18" s="81"/>
      <c r="F18" s="79"/>
      <c r="G18" s="72"/>
      <c r="H18" s="80"/>
      <c r="I18" s="83"/>
      <c r="J18" s="83"/>
      <c r="K18" s="81"/>
      <c r="L18" s="72"/>
      <c r="M18" s="80"/>
      <c r="N18" s="83"/>
      <c r="O18" s="83"/>
      <c r="P18" s="81"/>
      <c r="Q18" s="72"/>
      <c r="R18" s="80"/>
      <c r="S18" s="83"/>
      <c r="T18" s="83"/>
      <c r="U18" s="81"/>
      <c r="V18" s="72"/>
      <c r="W18" s="80"/>
      <c r="X18" s="83"/>
      <c r="Y18" s="83"/>
      <c r="Z18" s="81"/>
    </row>
    <row r="19" spans="1:26" ht="12" customHeight="1" x14ac:dyDescent="0.2">
      <c r="A19" s="70"/>
      <c r="B19" s="84"/>
      <c r="C19" s="84"/>
      <c r="D19" s="72"/>
      <c r="E19" s="72"/>
      <c r="F19" s="79"/>
      <c r="G19" s="72"/>
      <c r="H19" s="72"/>
      <c r="I19" s="72"/>
      <c r="J19" s="72"/>
      <c r="K19" s="72"/>
      <c r="L19" s="72"/>
      <c r="M19" s="72"/>
      <c r="N19" s="72"/>
      <c r="O19" s="72"/>
      <c r="P19" s="72"/>
      <c r="Q19" s="72"/>
      <c r="R19" s="72"/>
      <c r="S19" s="72"/>
      <c r="T19" s="72"/>
      <c r="U19" s="72"/>
      <c r="V19" s="72"/>
      <c r="W19" s="72"/>
      <c r="X19" s="72"/>
      <c r="Y19" s="72"/>
      <c r="Z19" s="72"/>
    </row>
    <row r="20" spans="1:26" ht="12" customHeight="1" x14ac:dyDescent="0.2">
      <c r="A20" s="70"/>
      <c r="B20" s="72"/>
      <c r="C20" s="72"/>
      <c r="D20" s="72"/>
      <c r="E20" s="72"/>
      <c r="F20" s="79"/>
      <c r="G20" s="72"/>
      <c r="H20" s="786" t="s">
        <v>163</v>
      </c>
      <c r="I20" s="787"/>
      <c r="J20" s="788"/>
      <c r="K20" s="788"/>
      <c r="L20" s="72"/>
      <c r="M20" s="786" t="s">
        <v>163</v>
      </c>
      <c r="N20" s="787"/>
      <c r="O20" s="788"/>
      <c r="P20" s="788"/>
      <c r="Q20" s="72"/>
      <c r="R20" s="786" t="s">
        <v>163</v>
      </c>
      <c r="S20" s="787"/>
      <c r="T20" s="788"/>
      <c r="U20" s="788"/>
      <c r="V20" s="72"/>
      <c r="W20" s="786" t="s">
        <v>163</v>
      </c>
      <c r="X20" s="787"/>
      <c r="Y20" s="788"/>
      <c r="Z20" s="788"/>
    </row>
    <row r="21" spans="1:26" ht="12" customHeight="1" x14ac:dyDescent="0.2">
      <c r="A21" s="70"/>
      <c r="B21" s="72"/>
      <c r="C21" s="72"/>
      <c r="D21" s="72"/>
      <c r="E21" s="72"/>
      <c r="F21" s="79"/>
      <c r="G21" s="72"/>
      <c r="H21" s="786" t="s">
        <v>164</v>
      </c>
      <c r="I21" s="787"/>
      <c r="J21" s="788"/>
      <c r="K21" s="788"/>
      <c r="L21" s="72"/>
      <c r="M21" s="786" t="s">
        <v>164</v>
      </c>
      <c r="N21" s="787"/>
      <c r="O21" s="788"/>
      <c r="P21" s="788"/>
      <c r="Q21" s="72"/>
      <c r="R21" s="786" t="s">
        <v>164</v>
      </c>
      <c r="S21" s="787"/>
      <c r="T21" s="788"/>
      <c r="U21" s="788"/>
      <c r="V21" s="72"/>
      <c r="W21" s="786" t="s">
        <v>164</v>
      </c>
      <c r="X21" s="787"/>
      <c r="Y21" s="788"/>
      <c r="Z21" s="788"/>
    </row>
    <row r="22" spans="1:26" ht="12" customHeight="1" x14ac:dyDescent="0.2">
      <c r="A22" s="70"/>
      <c r="B22" s="72"/>
      <c r="C22" s="72"/>
      <c r="D22" s="72"/>
      <c r="E22" s="72"/>
      <c r="F22" s="79"/>
      <c r="G22" s="72"/>
      <c r="H22" s="786" t="s">
        <v>165</v>
      </c>
      <c r="I22" s="787"/>
      <c r="J22" s="788"/>
      <c r="K22" s="788"/>
      <c r="L22" s="72"/>
      <c r="M22" s="786" t="s">
        <v>165</v>
      </c>
      <c r="N22" s="787"/>
      <c r="O22" s="788"/>
      <c r="P22" s="788"/>
      <c r="Q22" s="72"/>
      <c r="R22" s="786" t="s">
        <v>165</v>
      </c>
      <c r="S22" s="787"/>
      <c r="T22" s="788"/>
      <c r="U22" s="788"/>
      <c r="V22" s="72"/>
      <c r="W22" s="786" t="s">
        <v>165</v>
      </c>
      <c r="X22" s="787"/>
      <c r="Y22" s="788"/>
      <c r="Z22" s="788"/>
    </row>
    <row r="23" spans="1:26" ht="12" customHeight="1" x14ac:dyDescent="0.2">
      <c r="A23" s="70"/>
      <c r="B23" s="85" t="s">
        <v>169</v>
      </c>
      <c r="C23" s="72"/>
      <c r="D23" s="72"/>
      <c r="E23" s="72"/>
      <c r="F23" s="79"/>
      <c r="G23" s="72"/>
      <c r="H23" s="806" t="s">
        <v>166</v>
      </c>
      <c r="I23" s="797"/>
      <c r="J23" s="797" t="s">
        <v>167</v>
      </c>
      <c r="K23" s="798"/>
      <c r="L23" s="72"/>
      <c r="M23" s="806" t="s">
        <v>166</v>
      </c>
      <c r="N23" s="797"/>
      <c r="O23" s="797" t="s">
        <v>167</v>
      </c>
      <c r="P23" s="798"/>
      <c r="Q23" s="72"/>
      <c r="R23" s="806" t="s">
        <v>166</v>
      </c>
      <c r="S23" s="797"/>
      <c r="T23" s="797" t="s">
        <v>167</v>
      </c>
      <c r="U23" s="798"/>
      <c r="V23" s="72"/>
      <c r="W23" s="806" t="s">
        <v>166</v>
      </c>
      <c r="X23" s="797"/>
      <c r="Y23" s="797" t="s">
        <v>167</v>
      </c>
      <c r="Z23" s="798"/>
    </row>
    <row r="24" spans="1:26" ht="12" customHeight="1" x14ac:dyDescent="0.2">
      <c r="A24" s="70"/>
      <c r="B24" s="72"/>
      <c r="C24" s="72"/>
      <c r="D24" s="72"/>
      <c r="E24" s="72"/>
      <c r="F24" s="79"/>
      <c r="G24" s="72"/>
      <c r="H24" s="74"/>
      <c r="I24" s="75"/>
      <c r="J24" s="75"/>
      <c r="K24" s="77"/>
      <c r="L24" s="72"/>
      <c r="M24" s="74"/>
      <c r="N24" s="75"/>
      <c r="O24" s="75"/>
      <c r="P24" s="77"/>
      <c r="Q24" s="72"/>
      <c r="R24" s="74"/>
      <c r="S24" s="75"/>
      <c r="T24" s="75"/>
      <c r="U24" s="77"/>
      <c r="V24" s="72"/>
      <c r="W24" s="74"/>
      <c r="X24" s="75"/>
      <c r="Y24" s="75"/>
      <c r="Z24" s="77"/>
    </row>
    <row r="25" spans="1:26" ht="12" customHeight="1" x14ac:dyDescent="0.2">
      <c r="A25" s="70"/>
      <c r="B25" s="72"/>
      <c r="C25" s="86" t="s">
        <v>170</v>
      </c>
      <c r="D25" s="86"/>
      <c r="E25" s="72"/>
      <c r="F25" s="79"/>
      <c r="G25" s="72"/>
      <c r="H25" s="78"/>
      <c r="I25" s="799" t="s">
        <v>168</v>
      </c>
      <c r="J25" s="800"/>
      <c r="K25" s="79"/>
      <c r="L25" s="72"/>
      <c r="M25" s="78"/>
      <c r="N25" s="805" t="s">
        <v>168</v>
      </c>
      <c r="O25" s="800"/>
      <c r="P25" s="79"/>
      <c r="Q25" s="72"/>
      <c r="R25" s="78"/>
      <c r="S25" s="799" t="s">
        <v>168</v>
      </c>
      <c r="T25" s="800"/>
      <c r="U25" s="79"/>
      <c r="V25" s="72"/>
      <c r="W25" s="78"/>
      <c r="X25" s="799" t="s">
        <v>168</v>
      </c>
      <c r="Y25" s="800"/>
      <c r="Z25" s="79"/>
    </row>
    <row r="26" spans="1:26" ht="12" customHeight="1" x14ac:dyDescent="0.2">
      <c r="A26" s="70"/>
      <c r="B26" s="72"/>
      <c r="C26" s="86" t="s">
        <v>171</v>
      </c>
      <c r="D26" s="86"/>
      <c r="E26" s="72"/>
      <c r="F26" s="79"/>
      <c r="G26" s="72"/>
      <c r="H26" s="78"/>
      <c r="I26" s="801"/>
      <c r="J26" s="802"/>
      <c r="K26" s="79"/>
      <c r="L26" s="72"/>
      <c r="M26" s="78"/>
      <c r="N26" s="801"/>
      <c r="O26" s="802"/>
      <c r="P26" s="79"/>
      <c r="Q26" s="72"/>
      <c r="R26" s="78"/>
      <c r="S26" s="801"/>
      <c r="T26" s="802"/>
      <c r="U26" s="79"/>
      <c r="V26" s="72"/>
      <c r="W26" s="78"/>
      <c r="X26" s="801"/>
      <c r="Y26" s="802"/>
      <c r="Z26" s="79"/>
    </row>
    <row r="27" spans="1:26" ht="12" customHeight="1" x14ac:dyDescent="0.2">
      <c r="A27" s="70"/>
      <c r="B27" s="72"/>
      <c r="C27" s="86" t="s">
        <v>172</v>
      </c>
      <c r="D27" s="86"/>
      <c r="E27" s="72"/>
      <c r="F27" s="79"/>
      <c r="G27" s="87"/>
      <c r="H27" s="78"/>
      <c r="I27" s="801"/>
      <c r="J27" s="802"/>
      <c r="K27" s="79"/>
      <c r="L27" s="72"/>
      <c r="M27" s="78"/>
      <c r="N27" s="801"/>
      <c r="O27" s="802"/>
      <c r="P27" s="79"/>
      <c r="Q27" s="72"/>
      <c r="R27" s="78"/>
      <c r="S27" s="801"/>
      <c r="T27" s="802"/>
      <c r="U27" s="79"/>
      <c r="V27" s="72"/>
      <c r="W27" s="78"/>
      <c r="X27" s="801"/>
      <c r="Y27" s="802"/>
      <c r="Z27" s="79"/>
    </row>
    <row r="28" spans="1:26" ht="12" customHeight="1" x14ac:dyDescent="0.2">
      <c r="A28" s="70"/>
      <c r="B28" s="72"/>
      <c r="C28" s="86" t="s">
        <v>173</v>
      </c>
      <c r="D28" s="86"/>
      <c r="E28" s="72"/>
      <c r="F28" s="79"/>
      <c r="G28" s="72"/>
      <c r="H28" s="78"/>
      <c r="I28" s="801"/>
      <c r="J28" s="802"/>
      <c r="K28" s="79"/>
      <c r="L28" s="72"/>
      <c r="M28" s="78"/>
      <c r="N28" s="801"/>
      <c r="O28" s="802"/>
      <c r="P28" s="79"/>
      <c r="Q28" s="72"/>
      <c r="R28" s="78"/>
      <c r="S28" s="801"/>
      <c r="T28" s="802"/>
      <c r="U28" s="79"/>
      <c r="V28" s="72"/>
      <c r="W28" s="78"/>
      <c r="X28" s="801"/>
      <c r="Y28" s="802"/>
      <c r="Z28" s="79"/>
    </row>
    <row r="29" spans="1:26" ht="12" customHeight="1" x14ac:dyDescent="0.2">
      <c r="A29" s="70"/>
      <c r="B29" s="72"/>
      <c r="C29" s="86" t="s">
        <v>174</v>
      </c>
      <c r="D29" s="86"/>
      <c r="E29" s="72"/>
      <c r="F29" s="79"/>
      <c r="G29" s="72"/>
      <c r="H29" s="78"/>
      <c r="I29" s="801"/>
      <c r="J29" s="802"/>
      <c r="K29" s="79"/>
      <c r="L29" s="72"/>
      <c r="M29" s="78"/>
      <c r="N29" s="801"/>
      <c r="O29" s="802"/>
      <c r="P29" s="79"/>
      <c r="Q29" s="72"/>
      <c r="R29" s="78"/>
      <c r="S29" s="801"/>
      <c r="T29" s="802"/>
      <c r="U29" s="79"/>
      <c r="V29" s="72"/>
      <c r="W29" s="78"/>
      <c r="X29" s="801"/>
      <c r="Y29" s="802"/>
      <c r="Z29" s="79"/>
    </row>
    <row r="30" spans="1:26" ht="12" customHeight="1" x14ac:dyDescent="0.2">
      <c r="A30" s="70"/>
      <c r="B30" s="72"/>
      <c r="C30" s="86"/>
      <c r="D30" s="86"/>
      <c r="E30" s="72"/>
      <c r="F30" s="79"/>
      <c r="G30" s="72"/>
      <c r="H30" s="78"/>
      <c r="I30" s="801"/>
      <c r="J30" s="802"/>
      <c r="K30" s="79"/>
      <c r="L30" s="72"/>
      <c r="M30" s="78"/>
      <c r="N30" s="801"/>
      <c r="O30" s="802"/>
      <c r="P30" s="79"/>
      <c r="Q30" s="72"/>
      <c r="R30" s="78"/>
      <c r="S30" s="801"/>
      <c r="T30" s="802"/>
      <c r="U30" s="79"/>
      <c r="V30" s="72"/>
      <c r="W30" s="78"/>
      <c r="X30" s="801"/>
      <c r="Y30" s="802"/>
      <c r="Z30" s="79"/>
    </row>
    <row r="31" spans="1:26" ht="12" customHeight="1" x14ac:dyDescent="0.2">
      <c r="A31" s="70"/>
      <c r="B31" s="72"/>
      <c r="C31" s="86"/>
      <c r="D31" s="86"/>
      <c r="E31" s="72"/>
      <c r="F31" s="79"/>
      <c r="G31" s="72"/>
      <c r="H31" s="78"/>
      <c r="I31" s="801"/>
      <c r="J31" s="802"/>
      <c r="K31" s="79"/>
      <c r="L31" s="72"/>
      <c r="M31" s="78"/>
      <c r="N31" s="801"/>
      <c r="O31" s="802"/>
      <c r="P31" s="79"/>
      <c r="Q31" s="72"/>
      <c r="R31" s="78"/>
      <c r="S31" s="801"/>
      <c r="T31" s="802"/>
      <c r="U31" s="79"/>
      <c r="V31" s="72"/>
      <c r="W31" s="78"/>
      <c r="X31" s="801"/>
      <c r="Y31" s="802"/>
      <c r="Z31" s="79"/>
    </row>
    <row r="32" spans="1:26" ht="12" customHeight="1" x14ac:dyDescent="0.2">
      <c r="A32" s="70"/>
      <c r="B32" s="72"/>
      <c r="C32" s="86"/>
      <c r="D32" s="86"/>
      <c r="E32" s="72"/>
      <c r="F32" s="79"/>
      <c r="G32" s="72"/>
      <c r="H32" s="78"/>
      <c r="I32" s="803"/>
      <c r="J32" s="804"/>
      <c r="K32" s="79"/>
      <c r="L32" s="72"/>
      <c r="M32" s="78"/>
      <c r="N32" s="803"/>
      <c r="O32" s="804"/>
      <c r="P32" s="79"/>
      <c r="Q32" s="72"/>
      <c r="R32" s="78"/>
      <c r="S32" s="803"/>
      <c r="T32" s="804"/>
      <c r="U32" s="79"/>
      <c r="V32" s="72"/>
      <c r="W32" s="78"/>
      <c r="X32" s="803"/>
      <c r="Y32" s="804"/>
      <c r="Z32" s="79"/>
    </row>
    <row r="33" spans="1:26" ht="12" customHeight="1" x14ac:dyDescent="0.2">
      <c r="A33" s="70"/>
      <c r="B33" s="72"/>
      <c r="C33" s="86"/>
      <c r="D33" s="86"/>
      <c r="E33" s="72"/>
      <c r="F33" s="79"/>
      <c r="G33" s="72"/>
      <c r="H33" s="80"/>
      <c r="I33" s="83"/>
      <c r="J33" s="83"/>
      <c r="K33" s="81"/>
      <c r="L33" s="72"/>
      <c r="M33" s="80"/>
      <c r="N33" s="83"/>
      <c r="O33" s="83"/>
      <c r="P33" s="81"/>
      <c r="Q33" s="72"/>
      <c r="R33" s="80"/>
      <c r="S33" s="83"/>
      <c r="T33" s="83"/>
      <c r="U33" s="81"/>
      <c r="V33" s="72"/>
      <c r="W33" s="80"/>
      <c r="X33" s="83"/>
      <c r="Y33" s="83"/>
      <c r="Z33" s="81"/>
    </row>
    <row r="34" spans="1:26" ht="12" customHeight="1" x14ac:dyDescent="0.2">
      <c r="A34" s="70"/>
      <c r="B34" s="72"/>
      <c r="C34" s="86"/>
      <c r="D34" s="86"/>
      <c r="E34" s="72"/>
      <c r="F34" s="79"/>
      <c r="G34" s="72"/>
      <c r="H34" s="72"/>
      <c r="I34" s="72"/>
      <c r="J34" s="72"/>
      <c r="K34" s="72"/>
      <c r="L34" s="72"/>
      <c r="M34" s="72"/>
      <c r="N34" s="72"/>
      <c r="O34" s="72"/>
      <c r="P34" s="72"/>
      <c r="Q34" s="72"/>
      <c r="R34" s="72"/>
      <c r="S34" s="72"/>
      <c r="T34" s="72"/>
      <c r="U34" s="72"/>
      <c r="V34" s="72"/>
      <c r="W34" s="72"/>
      <c r="X34" s="72"/>
      <c r="Y34" s="72"/>
      <c r="Z34" s="72"/>
    </row>
    <row r="35" spans="1:26" ht="12" customHeight="1" x14ac:dyDescent="0.2">
      <c r="A35" s="70"/>
      <c r="B35" s="72"/>
      <c r="C35" s="86"/>
      <c r="D35" s="86"/>
      <c r="E35" s="72"/>
      <c r="F35" s="79"/>
      <c r="G35" s="72"/>
      <c r="H35" s="786" t="s">
        <v>163</v>
      </c>
      <c r="I35" s="787"/>
      <c r="J35" s="788"/>
      <c r="K35" s="788"/>
      <c r="L35" s="72"/>
      <c r="M35" s="786" t="s">
        <v>163</v>
      </c>
      <c r="N35" s="787"/>
      <c r="O35" s="788"/>
      <c r="P35" s="788"/>
      <c r="Q35" s="72"/>
      <c r="R35" s="786" t="s">
        <v>163</v>
      </c>
      <c r="S35" s="787"/>
      <c r="T35" s="788"/>
      <c r="U35" s="788"/>
      <c r="V35" s="72"/>
      <c r="W35" s="786" t="s">
        <v>163</v>
      </c>
      <c r="X35" s="787"/>
      <c r="Y35" s="788"/>
      <c r="Z35" s="788"/>
    </row>
    <row r="36" spans="1:26" ht="12" customHeight="1" x14ac:dyDescent="0.2">
      <c r="A36" s="70"/>
      <c r="B36" s="72"/>
      <c r="C36" s="86"/>
      <c r="D36" s="86"/>
      <c r="E36" s="72"/>
      <c r="F36" s="79"/>
      <c r="G36" s="72"/>
      <c r="H36" s="786" t="s">
        <v>164</v>
      </c>
      <c r="I36" s="787"/>
      <c r="J36" s="788"/>
      <c r="K36" s="788"/>
      <c r="L36" s="72"/>
      <c r="M36" s="786" t="s">
        <v>164</v>
      </c>
      <c r="N36" s="787"/>
      <c r="O36" s="788"/>
      <c r="P36" s="788"/>
      <c r="Q36" s="72"/>
      <c r="R36" s="786" t="s">
        <v>164</v>
      </c>
      <c r="S36" s="787"/>
      <c r="T36" s="788"/>
      <c r="U36" s="788"/>
      <c r="V36" s="72"/>
      <c r="W36" s="786" t="s">
        <v>164</v>
      </c>
      <c r="X36" s="787"/>
      <c r="Y36" s="788"/>
      <c r="Z36" s="788"/>
    </row>
    <row r="37" spans="1:26" ht="12" customHeight="1" x14ac:dyDescent="0.2">
      <c r="A37" s="70"/>
      <c r="B37" s="72"/>
      <c r="C37" s="86" t="s">
        <v>175</v>
      </c>
      <c r="D37" s="86"/>
      <c r="E37" s="72"/>
      <c r="F37" s="79"/>
      <c r="G37" s="72"/>
      <c r="H37" s="786" t="s">
        <v>165</v>
      </c>
      <c r="I37" s="787"/>
      <c r="J37" s="788"/>
      <c r="K37" s="788"/>
      <c r="L37" s="72"/>
      <c r="M37" s="786" t="s">
        <v>165</v>
      </c>
      <c r="N37" s="787"/>
      <c r="O37" s="788"/>
      <c r="P37" s="788"/>
      <c r="Q37" s="72"/>
      <c r="R37" s="786" t="s">
        <v>165</v>
      </c>
      <c r="S37" s="787"/>
      <c r="T37" s="788"/>
      <c r="U37" s="788"/>
      <c r="V37" s="72"/>
      <c r="W37" s="786" t="s">
        <v>165</v>
      </c>
      <c r="X37" s="787"/>
      <c r="Y37" s="807"/>
      <c r="Z37" s="788"/>
    </row>
    <row r="38" spans="1:26" ht="12" customHeight="1" x14ac:dyDescent="0.2">
      <c r="A38" s="70"/>
      <c r="B38" s="72"/>
      <c r="C38" s="86" t="s">
        <v>176</v>
      </c>
      <c r="D38" s="86"/>
      <c r="E38" s="72"/>
      <c r="F38" s="79"/>
      <c r="G38" s="72"/>
      <c r="H38" s="806" t="s">
        <v>166</v>
      </c>
      <c r="I38" s="797"/>
      <c r="J38" s="797" t="s">
        <v>167</v>
      </c>
      <c r="K38" s="798"/>
      <c r="L38" s="72"/>
      <c r="M38" s="806" t="s">
        <v>166</v>
      </c>
      <c r="N38" s="797"/>
      <c r="O38" s="797" t="s">
        <v>167</v>
      </c>
      <c r="P38" s="798"/>
      <c r="Q38" s="72"/>
      <c r="R38" s="806" t="s">
        <v>166</v>
      </c>
      <c r="S38" s="797"/>
      <c r="T38" s="797" t="s">
        <v>167</v>
      </c>
      <c r="U38" s="798"/>
      <c r="V38" s="72"/>
      <c r="W38" s="806" t="s">
        <v>166</v>
      </c>
      <c r="X38" s="797"/>
      <c r="Y38" s="797" t="s">
        <v>167</v>
      </c>
      <c r="Z38" s="798"/>
    </row>
    <row r="39" spans="1:26" ht="12" customHeight="1" x14ac:dyDescent="0.2">
      <c r="A39" s="70"/>
      <c r="B39" s="72"/>
      <c r="C39" s="86" t="s">
        <v>177</v>
      </c>
      <c r="D39" s="86"/>
      <c r="E39" s="72"/>
      <c r="F39" s="79"/>
      <c r="G39" s="72"/>
      <c r="H39" s="74"/>
      <c r="I39" s="75"/>
      <c r="J39" s="75"/>
      <c r="K39" s="77"/>
      <c r="L39" s="72"/>
      <c r="M39" s="74"/>
      <c r="N39" s="75"/>
      <c r="O39" s="75"/>
      <c r="P39" s="77"/>
      <c r="Q39" s="72"/>
      <c r="R39" s="74"/>
      <c r="S39" s="75"/>
      <c r="T39" s="75"/>
      <c r="U39" s="77"/>
      <c r="V39" s="72"/>
      <c r="W39" s="74"/>
      <c r="X39" s="75"/>
      <c r="Y39" s="75"/>
      <c r="Z39" s="77"/>
    </row>
    <row r="40" spans="1:26" ht="12" customHeight="1" x14ac:dyDescent="0.2">
      <c r="A40" s="70"/>
      <c r="B40" s="72"/>
      <c r="C40" s="86" t="s">
        <v>178</v>
      </c>
      <c r="D40" s="86"/>
      <c r="E40" s="72"/>
      <c r="F40" s="79"/>
      <c r="G40" s="72"/>
      <c r="H40" s="78"/>
      <c r="I40" s="799" t="s">
        <v>168</v>
      </c>
      <c r="J40" s="800"/>
      <c r="K40" s="79"/>
      <c r="L40" s="72"/>
      <c r="M40" s="78"/>
      <c r="N40" s="799" t="s">
        <v>168</v>
      </c>
      <c r="O40" s="800"/>
      <c r="P40" s="79"/>
      <c r="Q40" s="72"/>
      <c r="R40" s="78"/>
      <c r="S40" s="799" t="s">
        <v>168</v>
      </c>
      <c r="T40" s="800"/>
      <c r="U40" s="79"/>
      <c r="V40" s="72"/>
      <c r="W40" s="78"/>
      <c r="X40" s="799" t="s">
        <v>168</v>
      </c>
      <c r="Y40" s="800"/>
      <c r="Z40" s="79"/>
    </row>
    <row r="41" spans="1:26" ht="12" customHeight="1" x14ac:dyDescent="0.2">
      <c r="A41" s="70"/>
      <c r="B41" s="72"/>
      <c r="C41" s="86" t="s">
        <v>179</v>
      </c>
      <c r="D41" s="86"/>
      <c r="E41" s="72"/>
      <c r="F41" s="79"/>
      <c r="G41" s="72"/>
      <c r="H41" s="78"/>
      <c r="I41" s="801"/>
      <c r="J41" s="802"/>
      <c r="K41" s="79"/>
      <c r="L41" s="72"/>
      <c r="M41" s="78"/>
      <c r="N41" s="801"/>
      <c r="O41" s="802"/>
      <c r="P41" s="79"/>
      <c r="Q41" s="72"/>
      <c r="R41" s="78"/>
      <c r="S41" s="801"/>
      <c r="T41" s="802"/>
      <c r="U41" s="79"/>
      <c r="V41" s="72"/>
      <c r="W41" s="78"/>
      <c r="X41" s="801"/>
      <c r="Y41" s="802"/>
      <c r="Z41" s="79"/>
    </row>
    <row r="42" spans="1:26" ht="12" customHeight="1" x14ac:dyDescent="0.2">
      <c r="A42" s="70"/>
      <c r="B42" s="72"/>
      <c r="C42" s="86"/>
      <c r="D42" s="86"/>
      <c r="E42" s="72"/>
      <c r="F42" s="79"/>
      <c r="G42" s="87"/>
      <c r="H42" s="78"/>
      <c r="I42" s="801"/>
      <c r="J42" s="802"/>
      <c r="K42" s="79"/>
      <c r="L42" s="72"/>
      <c r="M42" s="78"/>
      <c r="N42" s="801"/>
      <c r="O42" s="802"/>
      <c r="P42" s="79"/>
      <c r="Q42" s="72"/>
      <c r="R42" s="78"/>
      <c r="S42" s="801"/>
      <c r="T42" s="802"/>
      <c r="U42" s="79"/>
      <c r="V42" s="72"/>
      <c r="W42" s="78"/>
      <c r="X42" s="801"/>
      <c r="Y42" s="802"/>
      <c r="Z42" s="79"/>
    </row>
    <row r="43" spans="1:26" ht="12" customHeight="1" x14ac:dyDescent="0.2">
      <c r="A43" s="70"/>
      <c r="B43" s="72"/>
      <c r="C43" s="86"/>
      <c r="D43" s="86"/>
      <c r="E43" s="72"/>
      <c r="F43" s="72"/>
      <c r="G43" s="72"/>
      <c r="H43" s="78"/>
      <c r="I43" s="801"/>
      <c r="J43" s="802"/>
      <c r="K43" s="79"/>
      <c r="L43" s="72"/>
      <c r="M43" s="78"/>
      <c r="N43" s="801"/>
      <c r="O43" s="802"/>
      <c r="P43" s="79"/>
      <c r="Q43" s="72"/>
      <c r="R43" s="78"/>
      <c r="S43" s="801"/>
      <c r="T43" s="802"/>
      <c r="U43" s="79"/>
      <c r="V43" s="72"/>
      <c r="W43" s="78"/>
      <c r="X43" s="801"/>
      <c r="Y43" s="802"/>
      <c r="Z43" s="79"/>
    </row>
    <row r="44" spans="1:26" ht="12" customHeight="1" x14ac:dyDescent="0.2">
      <c r="A44" s="70"/>
      <c r="B44" s="72"/>
      <c r="C44" s="86"/>
      <c r="D44" s="86"/>
      <c r="E44" s="72"/>
      <c r="F44" s="72"/>
      <c r="G44" s="72"/>
      <c r="H44" s="78"/>
      <c r="I44" s="801"/>
      <c r="J44" s="802"/>
      <c r="K44" s="79"/>
      <c r="L44" s="72"/>
      <c r="M44" s="78"/>
      <c r="N44" s="801"/>
      <c r="O44" s="802"/>
      <c r="P44" s="79"/>
      <c r="Q44" s="72"/>
      <c r="R44" s="78"/>
      <c r="S44" s="801"/>
      <c r="T44" s="802"/>
      <c r="U44" s="79"/>
      <c r="V44" s="72"/>
      <c r="W44" s="78"/>
      <c r="X44" s="801"/>
      <c r="Y44" s="802"/>
      <c r="Z44" s="79"/>
    </row>
    <row r="45" spans="1:26" ht="12" customHeight="1" x14ac:dyDescent="0.2">
      <c r="A45" s="70"/>
      <c r="B45" s="72"/>
      <c r="C45" s="86"/>
      <c r="D45" s="86"/>
      <c r="E45" s="72"/>
      <c r="F45" s="72"/>
      <c r="G45" s="72"/>
      <c r="H45" s="78"/>
      <c r="I45" s="801"/>
      <c r="J45" s="802"/>
      <c r="K45" s="79"/>
      <c r="L45" s="72"/>
      <c r="M45" s="78"/>
      <c r="N45" s="801"/>
      <c r="O45" s="802"/>
      <c r="P45" s="79"/>
      <c r="Q45" s="72"/>
      <c r="R45" s="78"/>
      <c r="S45" s="801"/>
      <c r="T45" s="802"/>
      <c r="U45" s="79"/>
      <c r="V45" s="72"/>
      <c r="W45" s="78"/>
      <c r="X45" s="801"/>
      <c r="Y45" s="802"/>
      <c r="Z45" s="79"/>
    </row>
    <row r="46" spans="1:26" ht="12" customHeight="1" x14ac:dyDescent="0.2">
      <c r="A46" s="70"/>
      <c r="B46" s="72"/>
      <c r="C46" s="86"/>
      <c r="D46" s="86"/>
      <c r="E46" s="72"/>
      <c r="F46" s="72"/>
      <c r="G46" s="72"/>
      <c r="H46" s="78"/>
      <c r="I46" s="801"/>
      <c r="J46" s="802"/>
      <c r="K46" s="79"/>
      <c r="L46" s="72"/>
      <c r="M46" s="78"/>
      <c r="N46" s="801"/>
      <c r="O46" s="802"/>
      <c r="P46" s="79"/>
      <c r="Q46" s="72"/>
      <c r="R46" s="78"/>
      <c r="S46" s="801"/>
      <c r="T46" s="802"/>
      <c r="U46" s="79"/>
      <c r="V46" s="72"/>
      <c r="W46" s="78"/>
      <c r="X46" s="801"/>
      <c r="Y46" s="802"/>
      <c r="Z46" s="79"/>
    </row>
    <row r="47" spans="1:26" ht="12" customHeight="1" x14ac:dyDescent="0.2">
      <c r="A47" s="70"/>
      <c r="B47" s="72"/>
      <c r="C47" s="86"/>
      <c r="D47" s="86"/>
      <c r="E47" s="72"/>
      <c r="F47" s="72"/>
      <c r="G47" s="72"/>
      <c r="H47" s="78"/>
      <c r="I47" s="803"/>
      <c r="J47" s="804"/>
      <c r="K47" s="79"/>
      <c r="L47" s="72"/>
      <c r="M47" s="78"/>
      <c r="N47" s="803"/>
      <c r="O47" s="804"/>
      <c r="P47" s="79"/>
      <c r="Q47" s="72"/>
      <c r="R47" s="78"/>
      <c r="S47" s="803"/>
      <c r="T47" s="804"/>
      <c r="U47" s="79"/>
      <c r="V47" s="72"/>
      <c r="W47" s="78"/>
      <c r="X47" s="803"/>
      <c r="Y47" s="804"/>
      <c r="Z47" s="79"/>
    </row>
    <row r="48" spans="1:26" ht="12" customHeight="1" x14ac:dyDescent="0.2">
      <c r="A48" s="70"/>
      <c r="B48" s="72"/>
      <c r="C48" s="86"/>
      <c r="D48" s="86"/>
      <c r="E48" s="72"/>
      <c r="F48" s="72"/>
      <c r="G48" s="72"/>
      <c r="H48" s="80"/>
      <c r="I48" s="83"/>
      <c r="J48" s="83"/>
      <c r="K48" s="81"/>
      <c r="L48" s="72"/>
      <c r="M48" s="80"/>
      <c r="N48" s="83"/>
      <c r="O48" s="83"/>
      <c r="P48" s="81"/>
      <c r="Q48" s="72"/>
      <c r="R48" s="80"/>
      <c r="S48" s="83"/>
      <c r="T48" s="83"/>
      <c r="U48" s="81"/>
      <c r="V48" s="72"/>
      <c r="W48" s="80"/>
      <c r="X48" s="83"/>
      <c r="Y48" s="83"/>
      <c r="Z48" s="81"/>
    </row>
    <row r="49" spans="3:4" x14ac:dyDescent="0.2">
      <c r="C49" s="88"/>
      <c r="D49" s="88"/>
    </row>
  </sheetData>
  <mergeCells count="118">
    <mergeCell ref="I40:J47"/>
    <mergeCell ref="N40:O47"/>
    <mergeCell ref="S40:T47"/>
    <mergeCell ref="X40:Y47"/>
    <mergeCell ref="W37:X37"/>
    <mergeCell ref="Y37:Z37"/>
    <mergeCell ref="H38:I38"/>
    <mergeCell ref="J38:K38"/>
    <mergeCell ref="M38:N38"/>
    <mergeCell ref="O38:P38"/>
    <mergeCell ref="R38:S38"/>
    <mergeCell ref="T38:U38"/>
    <mergeCell ref="W38:X38"/>
    <mergeCell ref="Y38:Z38"/>
    <mergeCell ref="H37:I37"/>
    <mergeCell ref="J37:K37"/>
    <mergeCell ref="M37:N37"/>
    <mergeCell ref="O37:P37"/>
    <mergeCell ref="R37:S37"/>
    <mergeCell ref="T37:U37"/>
    <mergeCell ref="H36:I36"/>
    <mergeCell ref="J36:K36"/>
    <mergeCell ref="I25:J32"/>
    <mergeCell ref="N25:O32"/>
    <mergeCell ref="S25:T32"/>
    <mergeCell ref="X25:Y32"/>
    <mergeCell ref="H35:I35"/>
    <mergeCell ref="J35:K35"/>
    <mergeCell ref="M35:N35"/>
    <mergeCell ref="O35:P35"/>
    <mergeCell ref="R35:S35"/>
    <mergeCell ref="T35:U35"/>
    <mergeCell ref="W35:X35"/>
    <mergeCell ref="Y35:Z35"/>
    <mergeCell ref="M36:N36"/>
    <mergeCell ref="O36:P36"/>
    <mergeCell ref="R36:S36"/>
    <mergeCell ref="T36:U36"/>
    <mergeCell ref="W36:X36"/>
    <mergeCell ref="Y36:Z36"/>
    <mergeCell ref="W22:X22"/>
    <mergeCell ref="Y22:Z22"/>
    <mergeCell ref="H23:I23"/>
    <mergeCell ref="J23:K23"/>
    <mergeCell ref="M23:N23"/>
    <mergeCell ref="O23:P23"/>
    <mergeCell ref="R23:S23"/>
    <mergeCell ref="T23:U23"/>
    <mergeCell ref="W23:X23"/>
    <mergeCell ref="Y23:Z23"/>
    <mergeCell ref="H22:I22"/>
    <mergeCell ref="J22:K22"/>
    <mergeCell ref="M22:N22"/>
    <mergeCell ref="O22:P22"/>
    <mergeCell ref="R22:S22"/>
    <mergeCell ref="T22:U22"/>
    <mergeCell ref="W20:X20"/>
    <mergeCell ref="Y20:Z20"/>
    <mergeCell ref="H21:I21"/>
    <mergeCell ref="J21:K21"/>
    <mergeCell ref="M21:N21"/>
    <mergeCell ref="O21:P21"/>
    <mergeCell ref="R21:S21"/>
    <mergeCell ref="T21:U21"/>
    <mergeCell ref="W21:X21"/>
    <mergeCell ref="Y21:Z21"/>
    <mergeCell ref="H20:I20"/>
    <mergeCell ref="J20:K20"/>
    <mergeCell ref="M20:N20"/>
    <mergeCell ref="O20:P20"/>
    <mergeCell ref="R20:S20"/>
    <mergeCell ref="T20:U20"/>
    <mergeCell ref="Y8:Z8"/>
    <mergeCell ref="C10:D17"/>
    <mergeCell ref="I10:J17"/>
    <mergeCell ref="N10:O17"/>
    <mergeCell ref="S10:T17"/>
    <mergeCell ref="X10:Y17"/>
    <mergeCell ref="Y7:Z7"/>
    <mergeCell ref="B8:C8"/>
    <mergeCell ref="D8:E8"/>
    <mergeCell ref="H8:I8"/>
    <mergeCell ref="J8:K8"/>
    <mergeCell ref="M8:N8"/>
    <mergeCell ref="O8:P8"/>
    <mergeCell ref="R8:S8"/>
    <mergeCell ref="T8:U8"/>
    <mergeCell ref="W8:X8"/>
    <mergeCell ref="Y5:Z5"/>
    <mergeCell ref="B6:C7"/>
    <mergeCell ref="D6:E7"/>
    <mergeCell ref="H6:I6"/>
    <mergeCell ref="J6:K6"/>
    <mergeCell ref="M6:N6"/>
    <mergeCell ref="O6:P6"/>
    <mergeCell ref="R6:S6"/>
    <mergeCell ref="T6:U6"/>
    <mergeCell ref="W6:X6"/>
    <mergeCell ref="Y6:Z6"/>
    <mergeCell ref="H7:I7"/>
    <mergeCell ref="J7:K7"/>
    <mergeCell ref="M7:N7"/>
    <mergeCell ref="O7:P7"/>
    <mergeCell ref="R7:S7"/>
    <mergeCell ref="T7:U7"/>
    <mergeCell ref="W7:X7"/>
    <mergeCell ref="B2:C2"/>
    <mergeCell ref="K3:S3"/>
    <mergeCell ref="T3:W3"/>
    <mergeCell ref="B5:C5"/>
    <mergeCell ref="D5:E5"/>
    <mergeCell ref="H5:I5"/>
    <mergeCell ref="J5:K5"/>
    <mergeCell ref="M5:N5"/>
    <mergeCell ref="O5:P5"/>
    <mergeCell ref="R5:S5"/>
    <mergeCell ref="T5:U5"/>
    <mergeCell ref="W5:X5"/>
  </mergeCells>
  <phoneticPr fontId="2"/>
  <dataValidations count="2">
    <dataValidation type="list" allowBlank="1" showInputMessage="1" showErrorMessage="1" sqref="K28:K31 V15:V18" xr:uid="{00000000-0002-0000-0B00-000000000000}">
      <formula1>"特定,一般"</formula1>
    </dataValidation>
    <dataValidation type="list" allowBlank="1" showInputMessage="1" showErrorMessage="1" sqref="I28:J31 U15:U18" xr:uid="{00000000-0002-0000-0B00-000001000000}">
      <formula1>"大臣,知事"</formula1>
    </dataValidation>
  </dataValidations>
  <printOptions horizontalCentered="1" verticalCentered="1"/>
  <pageMargins left="0.74803149606299213" right="0.6692913385826772" top="0.51181102362204722" bottom="0.35433070866141736" header="0.51181102362204722" footer="0.31496062992125984"/>
  <pageSetup paperSize="9" scale="89" orientation="landscape" r:id="rId1"/>
  <headerFooter differentOddEven="1" alignWithMargins="0">
    <firstFooter>&amp;C18-15</first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Y87"/>
  <sheetViews>
    <sheetView view="pageBreakPreview" zoomScale="80" zoomScaleNormal="100" zoomScaleSheetLayoutView="80" workbookViewId="0">
      <selection activeCell="Q73" sqref="Q73:Y75"/>
    </sheetView>
  </sheetViews>
  <sheetFormatPr defaultRowHeight="13" x14ac:dyDescent="0.2"/>
  <cols>
    <col min="1" max="1" width="4.6328125" style="245" customWidth="1"/>
    <col min="2" max="5" width="5.6328125" style="245" customWidth="1"/>
    <col min="6" max="8" width="2.6328125" style="245" customWidth="1"/>
    <col min="9" max="9" width="4.6328125" style="245" customWidth="1"/>
    <col min="10" max="12" width="6.6328125" style="245" customWidth="1"/>
    <col min="13" max="13" width="13.453125" style="245" customWidth="1"/>
    <col min="14" max="15" width="13.81640625" style="245" customWidth="1"/>
    <col min="16" max="16" width="17.6328125" style="245" customWidth="1"/>
    <col min="17" max="17" width="3.90625" style="245" customWidth="1"/>
    <col min="18" max="18" width="2.36328125" style="245" customWidth="1"/>
    <col min="19" max="19" width="2.453125" style="245" customWidth="1"/>
    <col min="20" max="20" width="5.6328125" style="245" customWidth="1"/>
    <col min="21" max="21" width="4.1796875" style="245" customWidth="1"/>
    <col min="22" max="22" width="17.6328125" style="245" customWidth="1"/>
    <col min="23" max="23" width="12.6328125" style="245" customWidth="1"/>
    <col min="24" max="24" width="10.6328125" style="245" customWidth="1"/>
    <col min="25" max="25" width="12.08984375" style="246" customWidth="1"/>
    <col min="26" max="256" width="9" style="246"/>
    <col min="257" max="257" width="4.6328125" style="246" customWidth="1"/>
    <col min="258" max="261" width="5.6328125" style="246" customWidth="1"/>
    <col min="262" max="264" width="2.6328125" style="246" customWidth="1"/>
    <col min="265" max="265" width="4.6328125" style="246" customWidth="1"/>
    <col min="266" max="268" width="6.6328125" style="246" customWidth="1"/>
    <col min="269" max="269" width="13.453125" style="246" customWidth="1"/>
    <col min="270" max="271" width="13.81640625" style="246" customWidth="1"/>
    <col min="272" max="272" width="17.6328125" style="246" customWidth="1"/>
    <col min="273" max="273" width="3.90625" style="246" customWidth="1"/>
    <col min="274" max="274" width="2.36328125" style="246" customWidth="1"/>
    <col min="275" max="275" width="2.453125" style="246" customWidth="1"/>
    <col min="276" max="276" width="5.6328125" style="246" customWidth="1"/>
    <col min="277" max="277" width="4.1796875" style="246" customWidth="1"/>
    <col min="278" max="278" width="17.6328125" style="246" customWidth="1"/>
    <col min="279" max="279" width="12.6328125" style="246" customWidth="1"/>
    <col min="280" max="280" width="10.6328125" style="246" customWidth="1"/>
    <col min="281" max="281" width="12.08984375" style="246" customWidth="1"/>
    <col min="282" max="512" width="9" style="246"/>
    <col min="513" max="513" width="4.6328125" style="246" customWidth="1"/>
    <col min="514" max="517" width="5.6328125" style="246" customWidth="1"/>
    <col min="518" max="520" width="2.6328125" style="246" customWidth="1"/>
    <col min="521" max="521" width="4.6328125" style="246" customWidth="1"/>
    <col min="522" max="524" width="6.6328125" style="246" customWidth="1"/>
    <col min="525" max="525" width="13.453125" style="246" customWidth="1"/>
    <col min="526" max="527" width="13.81640625" style="246" customWidth="1"/>
    <col min="528" max="528" width="17.6328125" style="246" customWidth="1"/>
    <col min="529" max="529" width="3.90625" style="246" customWidth="1"/>
    <col min="530" max="530" width="2.36328125" style="246" customWidth="1"/>
    <col min="531" max="531" width="2.453125" style="246" customWidth="1"/>
    <col min="532" max="532" width="5.6328125" style="246" customWidth="1"/>
    <col min="533" max="533" width="4.1796875" style="246" customWidth="1"/>
    <col min="534" max="534" width="17.6328125" style="246" customWidth="1"/>
    <col min="535" max="535" width="12.6328125" style="246" customWidth="1"/>
    <col min="536" max="536" width="10.6328125" style="246" customWidth="1"/>
    <col min="537" max="537" width="12.08984375" style="246" customWidth="1"/>
    <col min="538" max="768" width="9" style="246"/>
    <col min="769" max="769" width="4.6328125" style="246" customWidth="1"/>
    <col min="770" max="773" width="5.6328125" style="246" customWidth="1"/>
    <col min="774" max="776" width="2.6328125" style="246" customWidth="1"/>
    <col min="777" max="777" width="4.6328125" style="246" customWidth="1"/>
    <col min="778" max="780" width="6.6328125" style="246" customWidth="1"/>
    <col min="781" max="781" width="13.453125" style="246" customWidth="1"/>
    <col min="782" max="783" width="13.81640625" style="246" customWidth="1"/>
    <col min="784" max="784" width="17.6328125" style="246" customWidth="1"/>
    <col min="785" max="785" width="3.90625" style="246" customWidth="1"/>
    <col min="786" max="786" width="2.36328125" style="246" customWidth="1"/>
    <col min="787" max="787" width="2.453125" style="246" customWidth="1"/>
    <col min="788" max="788" width="5.6328125" style="246" customWidth="1"/>
    <col min="789" max="789" width="4.1796875" style="246" customWidth="1"/>
    <col min="790" max="790" width="17.6328125" style="246" customWidth="1"/>
    <col min="791" max="791" width="12.6328125" style="246" customWidth="1"/>
    <col min="792" max="792" width="10.6328125" style="246" customWidth="1"/>
    <col min="793" max="793" width="12.08984375" style="246" customWidth="1"/>
    <col min="794" max="1024" width="9" style="246"/>
    <col min="1025" max="1025" width="4.6328125" style="246" customWidth="1"/>
    <col min="1026" max="1029" width="5.6328125" style="246" customWidth="1"/>
    <col min="1030" max="1032" width="2.6328125" style="246" customWidth="1"/>
    <col min="1033" max="1033" width="4.6328125" style="246" customWidth="1"/>
    <col min="1034" max="1036" width="6.6328125" style="246" customWidth="1"/>
    <col min="1037" max="1037" width="13.453125" style="246" customWidth="1"/>
    <col min="1038" max="1039" width="13.81640625" style="246" customWidth="1"/>
    <col min="1040" max="1040" width="17.6328125" style="246" customWidth="1"/>
    <col min="1041" max="1041" width="3.90625" style="246" customWidth="1"/>
    <col min="1042" max="1042" width="2.36328125" style="246" customWidth="1"/>
    <col min="1043" max="1043" width="2.453125" style="246" customWidth="1"/>
    <col min="1044" max="1044" width="5.6328125" style="246" customWidth="1"/>
    <col min="1045" max="1045" width="4.1796875" style="246" customWidth="1"/>
    <col min="1046" max="1046" width="17.6328125" style="246" customWidth="1"/>
    <col min="1047" max="1047" width="12.6328125" style="246" customWidth="1"/>
    <col min="1048" max="1048" width="10.6328125" style="246" customWidth="1"/>
    <col min="1049" max="1049" width="12.08984375" style="246" customWidth="1"/>
    <col min="1050" max="1280" width="9" style="246"/>
    <col min="1281" max="1281" width="4.6328125" style="246" customWidth="1"/>
    <col min="1282" max="1285" width="5.6328125" style="246" customWidth="1"/>
    <col min="1286" max="1288" width="2.6328125" style="246" customWidth="1"/>
    <col min="1289" max="1289" width="4.6328125" style="246" customWidth="1"/>
    <col min="1290" max="1292" width="6.6328125" style="246" customWidth="1"/>
    <col min="1293" max="1293" width="13.453125" style="246" customWidth="1"/>
    <col min="1294" max="1295" width="13.81640625" style="246" customWidth="1"/>
    <col min="1296" max="1296" width="17.6328125" style="246" customWidth="1"/>
    <col min="1297" max="1297" width="3.90625" style="246" customWidth="1"/>
    <col min="1298" max="1298" width="2.36328125" style="246" customWidth="1"/>
    <col min="1299" max="1299" width="2.453125" style="246" customWidth="1"/>
    <col min="1300" max="1300" width="5.6328125" style="246" customWidth="1"/>
    <col min="1301" max="1301" width="4.1796875" style="246" customWidth="1"/>
    <col min="1302" max="1302" width="17.6328125" style="246" customWidth="1"/>
    <col min="1303" max="1303" width="12.6328125" style="246" customWidth="1"/>
    <col min="1304" max="1304" width="10.6328125" style="246" customWidth="1"/>
    <col min="1305" max="1305" width="12.08984375" style="246" customWidth="1"/>
    <col min="1306" max="1536" width="9" style="246"/>
    <col min="1537" max="1537" width="4.6328125" style="246" customWidth="1"/>
    <col min="1538" max="1541" width="5.6328125" style="246" customWidth="1"/>
    <col min="1542" max="1544" width="2.6328125" style="246" customWidth="1"/>
    <col min="1545" max="1545" width="4.6328125" style="246" customWidth="1"/>
    <col min="1546" max="1548" width="6.6328125" style="246" customWidth="1"/>
    <col min="1549" max="1549" width="13.453125" style="246" customWidth="1"/>
    <col min="1550" max="1551" width="13.81640625" style="246" customWidth="1"/>
    <col min="1552" max="1552" width="17.6328125" style="246" customWidth="1"/>
    <col min="1553" max="1553" width="3.90625" style="246" customWidth="1"/>
    <col min="1554" max="1554" width="2.36328125" style="246" customWidth="1"/>
    <col min="1555" max="1555" width="2.453125" style="246" customWidth="1"/>
    <col min="1556" max="1556" width="5.6328125" style="246" customWidth="1"/>
    <col min="1557" max="1557" width="4.1796875" style="246" customWidth="1"/>
    <col min="1558" max="1558" width="17.6328125" style="246" customWidth="1"/>
    <col min="1559" max="1559" width="12.6328125" style="246" customWidth="1"/>
    <col min="1560" max="1560" width="10.6328125" style="246" customWidth="1"/>
    <col min="1561" max="1561" width="12.08984375" style="246" customWidth="1"/>
    <col min="1562" max="1792" width="9" style="246"/>
    <col min="1793" max="1793" width="4.6328125" style="246" customWidth="1"/>
    <col min="1794" max="1797" width="5.6328125" style="246" customWidth="1"/>
    <col min="1798" max="1800" width="2.6328125" style="246" customWidth="1"/>
    <col min="1801" max="1801" width="4.6328125" style="246" customWidth="1"/>
    <col min="1802" max="1804" width="6.6328125" style="246" customWidth="1"/>
    <col min="1805" max="1805" width="13.453125" style="246" customWidth="1"/>
    <col min="1806" max="1807" width="13.81640625" style="246" customWidth="1"/>
    <col min="1808" max="1808" width="17.6328125" style="246" customWidth="1"/>
    <col min="1809" max="1809" width="3.90625" style="246" customWidth="1"/>
    <col min="1810" max="1810" width="2.36328125" style="246" customWidth="1"/>
    <col min="1811" max="1811" width="2.453125" style="246" customWidth="1"/>
    <col min="1812" max="1812" width="5.6328125" style="246" customWidth="1"/>
    <col min="1813" max="1813" width="4.1796875" style="246" customWidth="1"/>
    <col min="1814" max="1814" width="17.6328125" style="246" customWidth="1"/>
    <col min="1815" max="1815" width="12.6328125" style="246" customWidth="1"/>
    <col min="1816" max="1816" width="10.6328125" style="246" customWidth="1"/>
    <col min="1817" max="1817" width="12.08984375" style="246" customWidth="1"/>
    <col min="1818" max="2048" width="9" style="246"/>
    <col min="2049" max="2049" width="4.6328125" style="246" customWidth="1"/>
    <col min="2050" max="2053" width="5.6328125" style="246" customWidth="1"/>
    <col min="2054" max="2056" width="2.6328125" style="246" customWidth="1"/>
    <col min="2057" max="2057" width="4.6328125" style="246" customWidth="1"/>
    <col min="2058" max="2060" width="6.6328125" style="246" customWidth="1"/>
    <col min="2061" max="2061" width="13.453125" style="246" customWidth="1"/>
    <col min="2062" max="2063" width="13.81640625" style="246" customWidth="1"/>
    <col min="2064" max="2064" width="17.6328125" style="246" customWidth="1"/>
    <col min="2065" max="2065" width="3.90625" style="246" customWidth="1"/>
    <col min="2066" max="2066" width="2.36328125" style="246" customWidth="1"/>
    <col min="2067" max="2067" width="2.453125" style="246" customWidth="1"/>
    <col min="2068" max="2068" width="5.6328125" style="246" customWidth="1"/>
    <col min="2069" max="2069" width="4.1796875" style="246" customWidth="1"/>
    <col min="2070" max="2070" width="17.6328125" style="246" customWidth="1"/>
    <col min="2071" max="2071" width="12.6328125" style="246" customWidth="1"/>
    <col min="2072" max="2072" width="10.6328125" style="246" customWidth="1"/>
    <col min="2073" max="2073" width="12.08984375" style="246" customWidth="1"/>
    <col min="2074" max="2304" width="9" style="246"/>
    <col min="2305" max="2305" width="4.6328125" style="246" customWidth="1"/>
    <col min="2306" max="2309" width="5.6328125" style="246" customWidth="1"/>
    <col min="2310" max="2312" width="2.6328125" style="246" customWidth="1"/>
    <col min="2313" max="2313" width="4.6328125" style="246" customWidth="1"/>
    <col min="2314" max="2316" width="6.6328125" style="246" customWidth="1"/>
    <col min="2317" max="2317" width="13.453125" style="246" customWidth="1"/>
    <col min="2318" max="2319" width="13.81640625" style="246" customWidth="1"/>
    <col min="2320" max="2320" width="17.6328125" style="246" customWidth="1"/>
    <col min="2321" max="2321" width="3.90625" style="246" customWidth="1"/>
    <col min="2322" max="2322" width="2.36328125" style="246" customWidth="1"/>
    <col min="2323" max="2323" width="2.453125" style="246" customWidth="1"/>
    <col min="2324" max="2324" width="5.6328125" style="246" customWidth="1"/>
    <col min="2325" max="2325" width="4.1796875" style="246" customWidth="1"/>
    <col min="2326" max="2326" width="17.6328125" style="246" customWidth="1"/>
    <col min="2327" max="2327" width="12.6328125" style="246" customWidth="1"/>
    <col min="2328" max="2328" width="10.6328125" style="246" customWidth="1"/>
    <col min="2329" max="2329" width="12.08984375" style="246" customWidth="1"/>
    <col min="2330" max="2560" width="9" style="246"/>
    <col min="2561" max="2561" width="4.6328125" style="246" customWidth="1"/>
    <col min="2562" max="2565" width="5.6328125" style="246" customWidth="1"/>
    <col min="2566" max="2568" width="2.6328125" style="246" customWidth="1"/>
    <col min="2569" max="2569" width="4.6328125" style="246" customWidth="1"/>
    <col min="2570" max="2572" width="6.6328125" style="246" customWidth="1"/>
    <col min="2573" max="2573" width="13.453125" style="246" customWidth="1"/>
    <col min="2574" max="2575" width="13.81640625" style="246" customWidth="1"/>
    <col min="2576" max="2576" width="17.6328125" style="246" customWidth="1"/>
    <col min="2577" max="2577" width="3.90625" style="246" customWidth="1"/>
    <col min="2578" max="2578" width="2.36328125" style="246" customWidth="1"/>
    <col min="2579" max="2579" width="2.453125" style="246" customWidth="1"/>
    <col min="2580" max="2580" width="5.6328125" style="246" customWidth="1"/>
    <col min="2581" max="2581" width="4.1796875" style="246" customWidth="1"/>
    <col min="2582" max="2582" width="17.6328125" style="246" customWidth="1"/>
    <col min="2583" max="2583" width="12.6328125" style="246" customWidth="1"/>
    <col min="2584" max="2584" width="10.6328125" style="246" customWidth="1"/>
    <col min="2585" max="2585" width="12.08984375" style="246" customWidth="1"/>
    <col min="2586" max="2816" width="9" style="246"/>
    <col min="2817" max="2817" width="4.6328125" style="246" customWidth="1"/>
    <col min="2818" max="2821" width="5.6328125" style="246" customWidth="1"/>
    <col min="2822" max="2824" width="2.6328125" style="246" customWidth="1"/>
    <col min="2825" max="2825" width="4.6328125" style="246" customWidth="1"/>
    <col min="2826" max="2828" width="6.6328125" style="246" customWidth="1"/>
    <col min="2829" max="2829" width="13.453125" style="246" customWidth="1"/>
    <col min="2830" max="2831" width="13.81640625" style="246" customWidth="1"/>
    <col min="2832" max="2832" width="17.6328125" style="246" customWidth="1"/>
    <col min="2833" max="2833" width="3.90625" style="246" customWidth="1"/>
    <col min="2834" max="2834" width="2.36328125" style="246" customWidth="1"/>
    <col min="2835" max="2835" width="2.453125" style="246" customWidth="1"/>
    <col min="2836" max="2836" width="5.6328125" style="246" customWidth="1"/>
    <col min="2837" max="2837" width="4.1796875" style="246" customWidth="1"/>
    <col min="2838" max="2838" width="17.6328125" style="246" customWidth="1"/>
    <col min="2839" max="2839" width="12.6328125" style="246" customWidth="1"/>
    <col min="2840" max="2840" width="10.6328125" style="246" customWidth="1"/>
    <col min="2841" max="2841" width="12.08984375" style="246" customWidth="1"/>
    <col min="2842" max="3072" width="9" style="246"/>
    <col min="3073" max="3073" width="4.6328125" style="246" customWidth="1"/>
    <col min="3074" max="3077" width="5.6328125" style="246" customWidth="1"/>
    <col min="3078" max="3080" width="2.6328125" style="246" customWidth="1"/>
    <col min="3081" max="3081" width="4.6328125" style="246" customWidth="1"/>
    <col min="3082" max="3084" width="6.6328125" style="246" customWidth="1"/>
    <col min="3085" max="3085" width="13.453125" style="246" customWidth="1"/>
    <col min="3086" max="3087" width="13.81640625" style="246" customWidth="1"/>
    <col min="3088" max="3088" width="17.6328125" style="246" customWidth="1"/>
    <col min="3089" max="3089" width="3.90625" style="246" customWidth="1"/>
    <col min="3090" max="3090" width="2.36328125" style="246" customWidth="1"/>
    <col min="3091" max="3091" width="2.453125" style="246" customWidth="1"/>
    <col min="3092" max="3092" width="5.6328125" style="246" customWidth="1"/>
    <col min="3093" max="3093" width="4.1796875" style="246" customWidth="1"/>
    <col min="3094" max="3094" width="17.6328125" style="246" customWidth="1"/>
    <col min="3095" max="3095" width="12.6328125" style="246" customWidth="1"/>
    <col min="3096" max="3096" width="10.6328125" style="246" customWidth="1"/>
    <col min="3097" max="3097" width="12.08984375" style="246" customWidth="1"/>
    <col min="3098" max="3328" width="9" style="246"/>
    <col min="3329" max="3329" width="4.6328125" style="246" customWidth="1"/>
    <col min="3330" max="3333" width="5.6328125" style="246" customWidth="1"/>
    <col min="3334" max="3336" width="2.6328125" style="246" customWidth="1"/>
    <col min="3337" max="3337" width="4.6328125" style="246" customWidth="1"/>
    <col min="3338" max="3340" width="6.6328125" style="246" customWidth="1"/>
    <col min="3341" max="3341" width="13.453125" style="246" customWidth="1"/>
    <col min="3342" max="3343" width="13.81640625" style="246" customWidth="1"/>
    <col min="3344" max="3344" width="17.6328125" style="246" customWidth="1"/>
    <col min="3345" max="3345" width="3.90625" style="246" customWidth="1"/>
    <col min="3346" max="3346" width="2.36328125" style="246" customWidth="1"/>
    <col min="3347" max="3347" width="2.453125" style="246" customWidth="1"/>
    <col min="3348" max="3348" width="5.6328125" style="246" customWidth="1"/>
    <col min="3349" max="3349" width="4.1796875" style="246" customWidth="1"/>
    <col min="3350" max="3350" width="17.6328125" style="246" customWidth="1"/>
    <col min="3351" max="3351" width="12.6328125" style="246" customWidth="1"/>
    <col min="3352" max="3352" width="10.6328125" style="246" customWidth="1"/>
    <col min="3353" max="3353" width="12.08984375" style="246" customWidth="1"/>
    <col min="3354" max="3584" width="9" style="246"/>
    <col min="3585" max="3585" width="4.6328125" style="246" customWidth="1"/>
    <col min="3586" max="3589" width="5.6328125" style="246" customWidth="1"/>
    <col min="3590" max="3592" width="2.6328125" style="246" customWidth="1"/>
    <col min="3593" max="3593" width="4.6328125" style="246" customWidth="1"/>
    <col min="3594" max="3596" width="6.6328125" style="246" customWidth="1"/>
    <col min="3597" max="3597" width="13.453125" style="246" customWidth="1"/>
    <col min="3598" max="3599" width="13.81640625" style="246" customWidth="1"/>
    <col min="3600" max="3600" width="17.6328125" style="246" customWidth="1"/>
    <col min="3601" max="3601" width="3.90625" style="246" customWidth="1"/>
    <col min="3602" max="3602" width="2.36328125" style="246" customWidth="1"/>
    <col min="3603" max="3603" width="2.453125" style="246" customWidth="1"/>
    <col min="3604" max="3604" width="5.6328125" style="246" customWidth="1"/>
    <col min="3605" max="3605" width="4.1796875" style="246" customWidth="1"/>
    <col min="3606" max="3606" width="17.6328125" style="246" customWidth="1"/>
    <col min="3607" max="3607" width="12.6328125" style="246" customWidth="1"/>
    <col min="3608" max="3608" width="10.6328125" style="246" customWidth="1"/>
    <col min="3609" max="3609" width="12.08984375" style="246" customWidth="1"/>
    <col min="3610" max="3840" width="9" style="246"/>
    <col min="3841" max="3841" width="4.6328125" style="246" customWidth="1"/>
    <col min="3842" max="3845" width="5.6328125" style="246" customWidth="1"/>
    <col min="3846" max="3848" width="2.6328125" style="246" customWidth="1"/>
    <col min="3849" max="3849" width="4.6328125" style="246" customWidth="1"/>
    <col min="3850" max="3852" width="6.6328125" style="246" customWidth="1"/>
    <col min="3853" max="3853" width="13.453125" style="246" customWidth="1"/>
    <col min="3854" max="3855" width="13.81640625" style="246" customWidth="1"/>
    <col min="3856" max="3856" width="17.6328125" style="246" customWidth="1"/>
    <col min="3857" max="3857" width="3.90625" style="246" customWidth="1"/>
    <col min="3858" max="3858" width="2.36328125" style="246" customWidth="1"/>
    <col min="3859" max="3859" width="2.453125" style="246" customWidth="1"/>
    <col min="3860" max="3860" width="5.6328125" style="246" customWidth="1"/>
    <col min="3861" max="3861" width="4.1796875" style="246" customWidth="1"/>
    <col min="3862" max="3862" width="17.6328125" style="246" customWidth="1"/>
    <col min="3863" max="3863" width="12.6328125" style="246" customWidth="1"/>
    <col min="3864" max="3864" width="10.6328125" style="246" customWidth="1"/>
    <col min="3865" max="3865" width="12.08984375" style="246" customWidth="1"/>
    <col min="3866" max="4096" width="9" style="246"/>
    <col min="4097" max="4097" width="4.6328125" style="246" customWidth="1"/>
    <col min="4098" max="4101" width="5.6328125" style="246" customWidth="1"/>
    <col min="4102" max="4104" width="2.6328125" style="246" customWidth="1"/>
    <col min="4105" max="4105" width="4.6328125" style="246" customWidth="1"/>
    <col min="4106" max="4108" width="6.6328125" style="246" customWidth="1"/>
    <col min="4109" max="4109" width="13.453125" style="246" customWidth="1"/>
    <col min="4110" max="4111" width="13.81640625" style="246" customWidth="1"/>
    <col min="4112" max="4112" width="17.6328125" style="246" customWidth="1"/>
    <col min="4113" max="4113" width="3.90625" style="246" customWidth="1"/>
    <col min="4114" max="4114" width="2.36328125" style="246" customWidth="1"/>
    <col min="4115" max="4115" width="2.453125" style="246" customWidth="1"/>
    <col min="4116" max="4116" width="5.6328125" style="246" customWidth="1"/>
    <col min="4117" max="4117" width="4.1796875" style="246" customWidth="1"/>
    <col min="4118" max="4118" width="17.6328125" style="246" customWidth="1"/>
    <col min="4119" max="4119" width="12.6328125" style="246" customWidth="1"/>
    <col min="4120" max="4120" width="10.6328125" style="246" customWidth="1"/>
    <col min="4121" max="4121" width="12.08984375" style="246" customWidth="1"/>
    <col min="4122" max="4352" width="9" style="246"/>
    <col min="4353" max="4353" width="4.6328125" style="246" customWidth="1"/>
    <col min="4354" max="4357" width="5.6328125" style="246" customWidth="1"/>
    <col min="4358" max="4360" width="2.6328125" style="246" customWidth="1"/>
    <col min="4361" max="4361" width="4.6328125" style="246" customWidth="1"/>
    <col min="4362" max="4364" width="6.6328125" style="246" customWidth="1"/>
    <col min="4365" max="4365" width="13.453125" style="246" customWidth="1"/>
    <col min="4366" max="4367" width="13.81640625" style="246" customWidth="1"/>
    <col min="4368" max="4368" width="17.6328125" style="246" customWidth="1"/>
    <col min="4369" max="4369" width="3.90625" style="246" customWidth="1"/>
    <col min="4370" max="4370" width="2.36328125" style="246" customWidth="1"/>
    <col min="4371" max="4371" width="2.453125" style="246" customWidth="1"/>
    <col min="4372" max="4372" width="5.6328125" style="246" customWidth="1"/>
    <col min="4373" max="4373" width="4.1796875" style="246" customWidth="1"/>
    <col min="4374" max="4374" width="17.6328125" style="246" customWidth="1"/>
    <col min="4375" max="4375" width="12.6328125" style="246" customWidth="1"/>
    <col min="4376" max="4376" width="10.6328125" style="246" customWidth="1"/>
    <col min="4377" max="4377" width="12.08984375" style="246" customWidth="1"/>
    <col min="4378" max="4608" width="9" style="246"/>
    <col min="4609" max="4609" width="4.6328125" style="246" customWidth="1"/>
    <col min="4610" max="4613" width="5.6328125" style="246" customWidth="1"/>
    <col min="4614" max="4616" width="2.6328125" style="246" customWidth="1"/>
    <col min="4617" max="4617" width="4.6328125" style="246" customWidth="1"/>
    <col min="4618" max="4620" width="6.6328125" style="246" customWidth="1"/>
    <col min="4621" max="4621" width="13.453125" style="246" customWidth="1"/>
    <col min="4622" max="4623" width="13.81640625" style="246" customWidth="1"/>
    <col min="4624" max="4624" width="17.6328125" style="246" customWidth="1"/>
    <col min="4625" max="4625" width="3.90625" style="246" customWidth="1"/>
    <col min="4626" max="4626" width="2.36328125" style="246" customWidth="1"/>
    <col min="4627" max="4627" width="2.453125" style="246" customWidth="1"/>
    <col min="4628" max="4628" width="5.6328125" style="246" customWidth="1"/>
    <col min="4629" max="4629" width="4.1796875" style="246" customWidth="1"/>
    <col min="4630" max="4630" width="17.6328125" style="246" customWidth="1"/>
    <col min="4631" max="4631" width="12.6328125" style="246" customWidth="1"/>
    <col min="4632" max="4632" width="10.6328125" style="246" customWidth="1"/>
    <col min="4633" max="4633" width="12.08984375" style="246" customWidth="1"/>
    <col min="4634" max="4864" width="9" style="246"/>
    <col min="4865" max="4865" width="4.6328125" style="246" customWidth="1"/>
    <col min="4866" max="4869" width="5.6328125" style="246" customWidth="1"/>
    <col min="4870" max="4872" width="2.6328125" style="246" customWidth="1"/>
    <col min="4873" max="4873" width="4.6328125" style="246" customWidth="1"/>
    <col min="4874" max="4876" width="6.6328125" style="246" customWidth="1"/>
    <col min="4877" max="4877" width="13.453125" style="246" customWidth="1"/>
    <col min="4878" max="4879" width="13.81640625" style="246" customWidth="1"/>
    <col min="4880" max="4880" width="17.6328125" style="246" customWidth="1"/>
    <col min="4881" max="4881" width="3.90625" style="246" customWidth="1"/>
    <col min="4882" max="4882" width="2.36328125" style="246" customWidth="1"/>
    <col min="4883" max="4883" width="2.453125" style="246" customWidth="1"/>
    <col min="4884" max="4884" width="5.6328125" style="246" customWidth="1"/>
    <col min="4885" max="4885" width="4.1796875" style="246" customWidth="1"/>
    <col min="4886" max="4886" width="17.6328125" style="246" customWidth="1"/>
    <col min="4887" max="4887" width="12.6328125" style="246" customWidth="1"/>
    <col min="4888" max="4888" width="10.6328125" style="246" customWidth="1"/>
    <col min="4889" max="4889" width="12.08984375" style="246" customWidth="1"/>
    <col min="4890" max="5120" width="9" style="246"/>
    <col min="5121" max="5121" width="4.6328125" style="246" customWidth="1"/>
    <col min="5122" max="5125" width="5.6328125" style="246" customWidth="1"/>
    <col min="5126" max="5128" width="2.6328125" style="246" customWidth="1"/>
    <col min="5129" max="5129" width="4.6328125" style="246" customWidth="1"/>
    <col min="5130" max="5132" width="6.6328125" style="246" customWidth="1"/>
    <col min="5133" max="5133" width="13.453125" style="246" customWidth="1"/>
    <col min="5134" max="5135" width="13.81640625" style="246" customWidth="1"/>
    <col min="5136" max="5136" width="17.6328125" style="246" customWidth="1"/>
    <col min="5137" max="5137" width="3.90625" style="246" customWidth="1"/>
    <col min="5138" max="5138" width="2.36328125" style="246" customWidth="1"/>
    <col min="5139" max="5139" width="2.453125" style="246" customWidth="1"/>
    <col min="5140" max="5140" width="5.6328125" style="246" customWidth="1"/>
    <col min="5141" max="5141" width="4.1796875" style="246" customWidth="1"/>
    <col min="5142" max="5142" width="17.6328125" style="246" customWidth="1"/>
    <col min="5143" max="5143" width="12.6328125" style="246" customWidth="1"/>
    <col min="5144" max="5144" width="10.6328125" style="246" customWidth="1"/>
    <col min="5145" max="5145" width="12.08984375" style="246" customWidth="1"/>
    <col min="5146" max="5376" width="9" style="246"/>
    <col min="5377" max="5377" width="4.6328125" style="246" customWidth="1"/>
    <col min="5378" max="5381" width="5.6328125" style="246" customWidth="1"/>
    <col min="5382" max="5384" width="2.6328125" style="246" customWidth="1"/>
    <col min="5385" max="5385" width="4.6328125" style="246" customWidth="1"/>
    <col min="5386" max="5388" width="6.6328125" style="246" customWidth="1"/>
    <col min="5389" max="5389" width="13.453125" style="246" customWidth="1"/>
    <col min="5390" max="5391" width="13.81640625" style="246" customWidth="1"/>
    <col min="5392" max="5392" width="17.6328125" style="246" customWidth="1"/>
    <col min="5393" max="5393" width="3.90625" style="246" customWidth="1"/>
    <col min="5394" max="5394" width="2.36328125" style="246" customWidth="1"/>
    <col min="5395" max="5395" width="2.453125" style="246" customWidth="1"/>
    <col min="5396" max="5396" width="5.6328125" style="246" customWidth="1"/>
    <col min="5397" max="5397" width="4.1796875" style="246" customWidth="1"/>
    <col min="5398" max="5398" width="17.6328125" style="246" customWidth="1"/>
    <col min="5399" max="5399" width="12.6328125" style="246" customWidth="1"/>
    <col min="5400" max="5400" width="10.6328125" style="246" customWidth="1"/>
    <col min="5401" max="5401" width="12.08984375" style="246" customWidth="1"/>
    <col min="5402" max="5632" width="9" style="246"/>
    <col min="5633" max="5633" width="4.6328125" style="246" customWidth="1"/>
    <col min="5634" max="5637" width="5.6328125" style="246" customWidth="1"/>
    <col min="5638" max="5640" width="2.6328125" style="246" customWidth="1"/>
    <col min="5641" max="5641" width="4.6328125" style="246" customWidth="1"/>
    <col min="5642" max="5644" width="6.6328125" style="246" customWidth="1"/>
    <col min="5645" max="5645" width="13.453125" style="246" customWidth="1"/>
    <col min="5646" max="5647" width="13.81640625" style="246" customWidth="1"/>
    <col min="5648" max="5648" width="17.6328125" style="246" customWidth="1"/>
    <col min="5649" max="5649" width="3.90625" style="246" customWidth="1"/>
    <col min="5650" max="5650" width="2.36328125" style="246" customWidth="1"/>
    <col min="5651" max="5651" width="2.453125" style="246" customWidth="1"/>
    <col min="5652" max="5652" width="5.6328125" style="246" customWidth="1"/>
    <col min="5653" max="5653" width="4.1796875" style="246" customWidth="1"/>
    <col min="5654" max="5654" width="17.6328125" style="246" customWidth="1"/>
    <col min="5655" max="5655" width="12.6328125" style="246" customWidth="1"/>
    <col min="5656" max="5656" width="10.6328125" style="246" customWidth="1"/>
    <col min="5657" max="5657" width="12.08984375" style="246" customWidth="1"/>
    <col min="5658" max="5888" width="9" style="246"/>
    <col min="5889" max="5889" width="4.6328125" style="246" customWidth="1"/>
    <col min="5890" max="5893" width="5.6328125" style="246" customWidth="1"/>
    <col min="5894" max="5896" width="2.6328125" style="246" customWidth="1"/>
    <col min="5897" max="5897" width="4.6328125" style="246" customWidth="1"/>
    <col min="5898" max="5900" width="6.6328125" style="246" customWidth="1"/>
    <col min="5901" max="5901" width="13.453125" style="246" customWidth="1"/>
    <col min="5902" max="5903" width="13.81640625" style="246" customWidth="1"/>
    <col min="5904" max="5904" width="17.6328125" style="246" customWidth="1"/>
    <col min="5905" max="5905" width="3.90625" style="246" customWidth="1"/>
    <col min="5906" max="5906" width="2.36328125" style="246" customWidth="1"/>
    <col min="5907" max="5907" width="2.453125" style="246" customWidth="1"/>
    <col min="5908" max="5908" width="5.6328125" style="246" customWidth="1"/>
    <col min="5909" max="5909" width="4.1796875" style="246" customWidth="1"/>
    <col min="5910" max="5910" width="17.6328125" style="246" customWidth="1"/>
    <col min="5911" max="5911" width="12.6328125" style="246" customWidth="1"/>
    <col min="5912" max="5912" width="10.6328125" style="246" customWidth="1"/>
    <col min="5913" max="5913" width="12.08984375" style="246" customWidth="1"/>
    <col min="5914" max="6144" width="9" style="246"/>
    <col min="6145" max="6145" width="4.6328125" style="246" customWidth="1"/>
    <col min="6146" max="6149" width="5.6328125" style="246" customWidth="1"/>
    <col min="6150" max="6152" width="2.6328125" style="246" customWidth="1"/>
    <col min="6153" max="6153" width="4.6328125" style="246" customWidth="1"/>
    <col min="6154" max="6156" width="6.6328125" style="246" customWidth="1"/>
    <col min="6157" max="6157" width="13.453125" style="246" customWidth="1"/>
    <col min="6158" max="6159" width="13.81640625" style="246" customWidth="1"/>
    <col min="6160" max="6160" width="17.6328125" style="246" customWidth="1"/>
    <col min="6161" max="6161" width="3.90625" style="246" customWidth="1"/>
    <col min="6162" max="6162" width="2.36328125" style="246" customWidth="1"/>
    <col min="6163" max="6163" width="2.453125" style="246" customWidth="1"/>
    <col min="6164" max="6164" width="5.6328125" style="246" customWidth="1"/>
    <col min="6165" max="6165" width="4.1796875" style="246" customWidth="1"/>
    <col min="6166" max="6166" width="17.6328125" style="246" customWidth="1"/>
    <col min="6167" max="6167" width="12.6328125" style="246" customWidth="1"/>
    <col min="6168" max="6168" width="10.6328125" style="246" customWidth="1"/>
    <col min="6169" max="6169" width="12.08984375" style="246" customWidth="1"/>
    <col min="6170" max="6400" width="9" style="246"/>
    <col min="6401" max="6401" width="4.6328125" style="246" customWidth="1"/>
    <col min="6402" max="6405" width="5.6328125" style="246" customWidth="1"/>
    <col min="6406" max="6408" width="2.6328125" style="246" customWidth="1"/>
    <col min="6409" max="6409" width="4.6328125" style="246" customWidth="1"/>
    <col min="6410" max="6412" width="6.6328125" style="246" customWidth="1"/>
    <col min="6413" max="6413" width="13.453125" style="246" customWidth="1"/>
    <col min="6414" max="6415" width="13.81640625" style="246" customWidth="1"/>
    <col min="6416" max="6416" width="17.6328125" style="246" customWidth="1"/>
    <col min="6417" max="6417" width="3.90625" style="246" customWidth="1"/>
    <col min="6418" max="6418" width="2.36328125" style="246" customWidth="1"/>
    <col min="6419" max="6419" width="2.453125" style="246" customWidth="1"/>
    <col min="6420" max="6420" width="5.6328125" style="246" customWidth="1"/>
    <col min="6421" max="6421" width="4.1796875" style="246" customWidth="1"/>
    <col min="6422" max="6422" width="17.6328125" style="246" customWidth="1"/>
    <col min="6423" max="6423" width="12.6328125" style="246" customWidth="1"/>
    <col min="6424" max="6424" width="10.6328125" style="246" customWidth="1"/>
    <col min="6425" max="6425" width="12.08984375" style="246" customWidth="1"/>
    <col min="6426" max="6656" width="9" style="246"/>
    <col min="6657" max="6657" width="4.6328125" style="246" customWidth="1"/>
    <col min="6658" max="6661" width="5.6328125" style="246" customWidth="1"/>
    <col min="6662" max="6664" width="2.6328125" style="246" customWidth="1"/>
    <col min="6665" max="6665" width="4.6328125" style="246" customWidth="1"/>
    <col min="6666" max="6668" width="6.6328125" style="246" customWidth="1"/>
    <col min="6669" max="6669" width="13.453125" style="246" customWidth="1"/>
    <col min="6670" max="6671" width="13.81640625" style="246" customWidth="1"/>
    <col min="6672" max="6672" width="17.6328125" style="246" customWidth="1"/>
    <col min="6673" max="6673" width="3.90625" style="246" customWidth="1"/>
    <col min="6674" max="6674" width="2.36328125" style="246" customWidth="1"/>
    <col min="6675" max="6675" width="2.453125" style="246" customWidth="1"/>
    <col min="6676" max="6676" width="5.6328125" style="246" customWidth="1"/>
    <col min="6677" max="6677" width="4.1796875" style="246" customWidth="1"/>
    <col min="6678" max="6678" width="17.6328125" style="246" customWidth="1"/>
    <col min="6679" max="6679" width="12.6328125" style="246" customWidth="1"/>
    <col min="6680" max="6680" width="10.6328125" style="246" customWidth="1"/>
    <col min="6681" max="6681" width="12.08984375" style="246" customWidth="1"/>
    <col min="6682" max="6912" width="9" style="246"/>
    <col min="6913" max="6913" width="4.6328125" style="246" customWidth="1"/>
    <col min="6914" max="6917" width="5.6328125" style="246" customWidth="1"/>
    <col min="6918" max="6920" width="2.6328125" style="246" customWidth="1"/>
    <col min="6921" max="6921" width="4.6328125" style="246" customWidth="1"/>
    <col min="6922" max="6924" width="6.6328125" style="246" customWidth="1"/>
    <col min="6925" max="6925" width="13.453125" style="246" customWidth="1"/>
    <col min="6926" max="6927" width="13.81640625" style="246" customWidth="1"/>
    <col min="6928" max="6928" width="17.6328125" style="246" customWidth="1"/>
    <col min="6929" max="6929" width="3.90625" style="246" customWidth="1"/>
    <col min="6930" max="6930" width="2.36328125" style="246" customWidth="1"/>
    <col min="6931" max="6931" width="2.453125" style="246" customWidth="1"/>
    <col min="6932" max="6932" width="5.6328125" style="246" customWidth="1"/>
    <col min="6933" max="6933" width="4.1796875" style="246" customWidth="1"/>
    <col min="6934" max="6934" width="17.6328125" style="246" customWidth="1"/>
    <col min="6935" max="6935" width="12.6328125" style="246" customWidth="1"/>
    <col min="6936" max="6936" width="10.6328125" style="246" customWidth="1"/>
    <col min="6937" max="6937" width="12.08984375" style="246" customWidth="1"/>
    <col min="6938" max="7168" width="9" style="246"/>
    <col min="7169" max="7169" width="4.6328125" style="246" customWidth="1"/>
    <col min="7170" max="7173" width="5.6328125" style="246" customWidth="1"/>
    <col min="7174" max="7176" width="2.6328125" style="246" customWidth="1"/>
    <col min="7177" max="7177" width="4.6328125" style="246" customWidth="1"/>
    <col min="7178" max="7180" width="6.6328125" style="246" customWidth="1"/>
    <col min="7181" max="7181" width="13.453125" style="246" customWidth="1"/>
    <col min="7182" max="7183" width="13.81640625" style="246" customWidth="1"/>
    <col min="7184" max="7184" width="17.6328125" style="246" customWidth="1"/>
    <col min="7185" max="7185" width="3.90625" style="246" customWidth="1"/>
    <col min="7186" max="7186" width="2.36328125" style="246" customWidth="1"/>
    <col min="7187" max="7187" width="2.453125" style="246" customWidth="1"/>
    <col min="7188" max="7188" width="5.6328125" style="246" customWidth="1"/>
    <col min="7189" max="7189" width="4.1796875" style="246" customWidth="1"/>
    <col min="7190" max="7190" width="17.6328125" style="246" customWidth="1"/>
    <col min="7191" max="7191" width="12.6328125" style="246" customWidth="1"/>
    <col min="7192" max="7192" width="10.6328125" style="246" customWidth="1"/>
    <col min="7193" max="7193" width="12.08984375" style="246" customWidth="1"/>
    <col min="7194" max="7424" width="9" style="246"/>
    <col min="7425" max="7425" width="4.6328125" style="246" customWidth="1"/>
    <col min="7426" max="7429" width="5.6328125" style="246" customWidth="1"/>
    <col min="7430" max="7432" width="2.6328125" style="246" customWidth="1"/>
    <col min="7433" max="7433" width="4.6328125" style="246" customWidth="1"/>
    <col min="7434" max="7436" width="6.6328125" style="246" customWidth="1"/>
    <col min="7437" max="7437" width="13.453125" style="246" customWidth="1"/>
    <col min="7438" max="7439" width="13.81640625" style="246" customWidth="1"/>
    <col min="7440" max="7440" width="17.6328125" style="246" customWidth="1"/>
    <col min="7441" max="7441" width="3.90625" style="246" customWidth="1"/>
    <col min="7442" max="7442" width="2.36328125" style="246" customWidth="1"/>
    <col min="7443" max="7443" width="2.453125" style="246" customWidth="1"/>
    <col min="7444" max="7444" width="5.6328125" style="246" customWidth="1"/>
    <col min="7445" max="7445" width="4.1796875" style="246" customWidth="1"/>
    <col min="7446" max="7446" width="17.6328125" style="246" customWidth="1"/>
    <col min="7447" max="7447" width="12.6328125" style="246" customWidth="1"/>
    <col min="7448" max="7448" width="10.6328125" style="246" customWidth="1"/>
    <col min="7449" max="7449" width="12.08984375" style="246" customWidth="1"/>
    <col min="7450" max="7680" width="9" style="246"/>
    <col min="7681" max="7681" width="4.6328125" style="246" customWidth="1"/>
    <col min="7682" max="7685" width="5.6328125" style="246" customWidth="1"/>
    <col min="7686" max="7688" width="2.6328125" style="246" customWidth="1"/>
    <col min="7689" max="7689" width="4.6328125" style="246" customWidth="1"/>
    <col min="7690" max="7692" width="6.6328125" style="246" customWidth="1"/>
    <col min="7693" max="7693" width="13.453125" style="246" customWidth="1"/>
    <col min="7694" max="7695" width="13.81640625" style="246" customWidth="1"/>
    <col min="7696" max="7696" width="17.6328125" style="246" customWidth="1"/>
    <col min="7697" max="7697" width="3.90625" style="246" customWidth="1"/>
    <col min="7698" max="7698" width="2.36328125" style="246" customWidth="1"/>
    <col min="7699" max="7699" width="2.453125" style="246" customWidth="1"/>
    <col min="7700" max="7700" width="5.6328125" style="246" customWidth="1"/>
    <col min="7701" max="7701" width="4.1796875" style="246" customWidth="1"/>
    <col min="7702" max="7702" width="17.6328125" style="246" customWidth="1"/>
    <col min="7703" max="7703" width="12.6328125" style="246" customWidth="1"/>
    <col min="7704" max="7704" width="10.6328125" style="246" customWidth="1"/>
    <col min="7705" max="7705" width="12.08984375" style="246" customWidth="1"/>
    <col min="7706" max="7936" width="9" style="246"/>
    <col min="7937" max="7937" width="4.6328125" style="246" customWidth="1"/>
    <col min="7938" max="7941" width="5.6328125" style="246" customWidth="1"/>
    <col min="7942" max="7944" width="2.6328125" style="246" customWidth="1"/>
    <col min="7945" max="7945" width="4.6328125" style="246" customWidth="1"/>
    <col min="7946" max="7948" width="6.6328125" style="246" customWidth="1"/>
    <col min="7949" max="7949" width="13.453125" style="246" customWidth="1"/>
    <col min="7950" max="7951" width="13.81640625" style="246" customWidth="1"/>
    <col min="7952" max="7952" width="17.6328125" style="246" customWidth="1"/>
    <col min="7953" max="7953" width="3.90625" style="246" customWidth="1"/>
    <col min="7954" max="7954" width="2.36328125" style="246" customWidth="1"/>
    <col min="7955" max="7955" width="2.453125" style="246" customWidth="1"/>
    <col min="7956" max="7956" width="5.6328125" style="246" customWidth="1"/>
    <col min="7957" max="7957" width="4.1796875" style="246" customWidth="1"/>
    <col min="7958" max="7958" width="17.6328125" style="246" customWidth="1"/>
    <col min="7959" max="7959" width="12.6328125" style="246" customWidth="1"/>
    <col min="7960" max="7960" width="10.6328125" style="246" customWidth="1"/>
    <col min="7961" max="7961" width="12.08984375" style="246" customWidth="1"/>
    <col min="7962" max="8192" width="9" style="246"/>
    <col min="8193" max="8193" width="4.6328125" style="246" customWidth="1"/>
    <col min="8194" max="8197" width="5.6328125" style="246" customWidth="1"/>
    <col min="8198" max="8200" width="2.6328125" style="246" customWidth="1"/>
    <col min="8201" max="8201" width="4.6328125" style="246" customWidth="1"/>
    <col min="8202" max="8204" width="6.6328125" style="246" customWidth="1"/>
    <col min="8205" max="8205" width="13.453125" style="246" customWidth="1"/>
    <col min="8206" max="8207" width="13.81640625" style="246" customWidth="1"/>
    <col min="8208" max="8208" width="17.6328125" style="246" customWidth="1"/>
    <col min="8209" max="8209" width="3.90625" style="246" customWidth="1"/>
    <col min="8210" max="8210" width="2.36328125" style="246" customWidth="1"/>
    <col min="8211" max="8211" width="2.453125" style="246" customWidth="1"/>
    <col min="8212" max="8212" width="5.6328125" style="246" customWidth="1"/>
    <col min="8213" max="8213" width="4.1796875" style="246" customWidth="1"/>
    <col min="8214" max="8214" width="17.6328125" style="246" customWidth="1"/>
    <col min="8215" max="8215" width="12.6328125" style="246" customWidth="1"/>
    <col min="8216" max="8216" width="10.6328125" style="246" customWidth="1"/>
    <col min="8217" max="8217" width="12.08984375" style="246" customWidth="1"/>
    <col min="8218" max="8448" width="9" style="246"/>
    <col min="8449" max="8449" width="4.6328125" style="246" customWidth="1"/>
    <col min="8450" max="8453" width="5.6328125" style="246" customWidth="1"/>
    <col min="8454" max="8456" width="2.6328125" style="246" customWidth="1"/>
    <col min="8457" max="8457" width="4.6328125" style="246" customWidth="1"/>
    <col min="8458" max="8460" width="6.6328125" style="246" customWidth="1"/>
    <col min="8461" max="8461" width="13.453125" style="246" customWidth="1"/>
    <col min="8462" max="8463" width="13.81640625" style="246" customWidth="1"/>
    <col min="8464" max="8464" width="17.6328125" style="246" customWidth="1"/>
    <col min="8465" max="8465" width="3.90625" style="246" customWidth="1"/>
    <col min="8466" max="8466" width="2.36328125" style="246" customWidth="1"/>
    <col min="8467" max="8467" width="2.453125" style="246" customWidth="1"/>
    <col min="8468" max="8468" width="5.6328125" style="246" customWidth="1"/>
    <col min="8469" max="8469" width="4.1796875" style="246" customWidth="1"/>
    <col min="8470" max="8470" width="17.6328125" style="246" customWidth="1"/>
    <col min="8471" max="8471" width="12.6328125" style="246" customWidth="1"/>
    <col min="8472" max="8472" width="10.6328125" style="246" customWidth="1"/>
    <col min="8473" max="8473" width="12.08984375" style="246" customWidth="1"/>
    <col min="8474" max="8704" width="9" style="246"/>
    <col min="8705" max="8705" width="4.6328125" style="246" customWidth="1"/>
    <col min="8706" max="8709" width="5.6328125" style="246" customWidth="1"/>
    <col min="8710" max="8712" width="2.6328125" style="246" customWidth="1"/>
    <col min="8713" max="8713" width="4.6328125" style="246" customWidth="1"/>
    <col min="8714" max="8716" width="6.6328125" style="246" customWidth="1"/>
    <col min="8717" max="8717" width="13.453125" style="246" customWidth="1"/>
    <col min="8718" max="8719" width="13.81640625" style="246" customWidth="1"/>
    <col min="8720" max="8720" width="17.6328125" style="246" customWidth="1"/>
    <col min="8721" max="8721" width="3.90625" style="246" customWidth="1"/>
    <col min="8722" max="8722" width="2.36328125" style="246" customWidth="1"/>
    <col min="8723" max="8723" width="2.453125" style="246" customWidth="1"/>
    <col min="8724" max="8724" width="5.6328125" style="246" customWidth="1"/>
    <col min="8725" max="8725" width="4.1796875" style="246" customWidth="1"/>
    <col min="8726" max="8726" width="17.6328125" style="246" customWidth="1"/>
    <col min="8727" max="8727" width="12.6328125" style="246" customWidth="1"/>
    <col min="8728" max="8728" width="10.6328125" style="246" customWidth="1"/>
    <col min="8729" max="8729" width="12.08984375" style="246" customWidth="1"/>
    <col min="8730" max="8960" width="9" style="246"/>
    <col min="8961" max="8961" width="4.6328125" style="246" customWidth="1"/>
    <col min="8962" max="8965" width="5.6328125" style="246" customWidth="1"/>
    <col min="8966" max="8968" width="2.6328125" style="246" customWidth="1"/>
    <col min="8969" max="8969" width="4.6328125" style="246" customWidth="1"/>
    <col min="8970" max="8972" width="6.6328125" style="246" customWidth="1"/>
    <col min="8973" max="8973" width="13.453125" style="246" customWidth="1"/>
    <col min="8974" max="8975" width="13.81640625" style="246" customWidth="1"/>
    <col min="8976" max="8976" width="17.6328125" style="246" customWidth="1"/>
    <col min="8977" max="8977" width="3.90625" style="246" customWidth="1"/>
    <col min="8978" max="8978" width="2.36328125" style="246" customWidth="1"/>
    <col min="8979" max="8979" width="2.453125" style="246" customWidth="1"/>
    <col min="8980" max="8980" width="5.6328125" style="246" customWidth="1"/>
    <col min="8981" max="8981" width="4.1796875" style="246" customWidth="1"/>
    <col min="8982" max="8982" width="17.6328125" style="246" customWidth="1"/>
    <col min="8983" max="8983" width="12.6328125" style="246" customWidth="1"/>
    <col min="8984" max="8984" width="10.6328125" style="246" customWidth="1"/>
    <col min="8985" max="8985" width="12.08984375" style="246" customWidth="1"/>
    <col min="8986" max="9216" width="9" style="246"/>
    <col min="9217" max="9217" width="4.6328125" style="246" customWidth="1"/>
    <col min="9218" max="9221" width="5.6328125" style="246" customWidth="1"/>
    <col min="9222" max="9224" width="2.6328125" style="246" customWidth="1"/>
    <col min="9225" max="9225" width="4.6328125" style="246" customWidth="1"/>
    <col min="9226" max="9228" width="6.6328125" style="246" customWidth="1"/>
    <col min="9229" max="9229" width="13.453125" style="246" customWidth="1"/>
    <col min="9230" max="9231" width="13.81640625" style="246" customWidth="1"/>
    <col min="9232" max="9232" width="17.6328125" style="246" customWidth="1"/>
    <col min="9233" max="9233" width="3.90625" style="246" customWidth="1"/>
    <col min="9234" max="9234" width="2.36328125" style="246" customWidth="1"/>
    <col min="9235" max="9235" width="2.453125" style="246" customWidth="1"/>
    <col min="9236" max="9236" width="5.6328125" style="246" customWidth="1"/>
    <col min="9237" max="9237" width="4.1796875" style="246" customWidth="1"/>
    <col min="9238" max="9238" width="17.6328125" style="246" customWidth="1"/>
    <col min="9239" max="9239" width="12.6328125" style="246" customWidth="1"/>
    <col min="9240" max="9240" width="10.6328125" style="246" customWidth="1"/>
    <col min="9241" max="9241" width="12.08984375" style="246" customWidth="1"/>
    <col min="9242" max="9472" width="9" style="246"/>
    <col min="9473" max="9473" width="4.6328125" style="246" customWidth="1"/>
    <col min="9474" max="9477" width="5.6328125" style="246" customWidth="1"/>
    <col min="9478" max="9480" width="2.6328125" style="246" customWidth="1"/>
    <col min="9481" max="9481" width="4.6328125" style="246" customWidth="1"/>
    <col min="9482" max="9484" width="6.6328125" style="246" customWidth="1"/>
    <col min="9485" max="9485" width="13.453125" style="246" customWidth="1"/>
    <col min="9486" max="9487" width="13.81640625" style="246" customWidth="1"/>
    <col min="9488" max="9488" width="17.6328125" style="246" customWidth="1"/>
    <col min="9489" max="9489" width="3.90625" style="246" customWidth="1"/>
    <col min="9490" max="9490" width="2.36328125" style="246" customWidth="1"/>
    <col min="9491" max="9491" width="2.453125" style="246" customWidth="1"/>
    <col min="9492" max="9492" width="5.6328125" style="246" customWidth="1"/>
    <col min="9493" max="9493" width="4.1796875" style="246" customWidth="1"/>
    <col min="9494" max="9494" width="17.6328125" style="246" customWidth="1"/>
    <col min="9495" max="9495" width="12.6328125" style="246" customWidth="1"/>
    <col min="9496" max="9496" width="10.6328125" style="246" customWidth="1"/>
    <col min="9497" max="9497" width="12.08984375" style="246" customWidth="1"/>
    <col min="9498" max="9728" width="9" style="246"/>
    <col min="9729" max="9729" width="4.6328125" style="246" customWidth="1"/>
    <col min="9730" max="9733" width="5.6328125" style="246" customWidth="1"/>
    <col min="9734" max="9736" width="2.6328125" style="246" customWidth="1"/>
    <col min="9737" max="9737" width="4.6328125" style="246" customWidth="1"/>
    <col min="9738" max="9740" width="6.6328125" style="246" customWidth="1"/>
    <col min="9741" max="9741" width="13.453125" style="246" customWidth="1"/>
    <col min="9742" max="9743" width="13.81640625" style="246" customWidth="1"/>
    <col min="9744" max="9744" width="17.6328125" style="246" customWidth="1"/>
    <col min="9745" max="9745" width="3.90625" style="246" customWidth="1"/>
    <col min="9746" max="9746" width="2.36328125" style="246" customWidth="1"/>
    <col min="9747" max="9747" width="2.453125" style="246" customWidth="1"/>
    <col min="9748" max="9748" width="5.6328125" style="246" customWidth="1"/>
    <col min="9749" max="9749" width="4.1796875" style="246" customWidth="1"/>
    <col min="9750" max="9750" width="17.6328125" style="246" customWidth="1"/>
    <col min="9751" max="9751" width="12.6328125" style="246" customWidth="1"/>
    <col min="9752" max="9752" width="10.6328125" style="246" customWidth="1"/>
    <col min="9753" max="9753" width="12.08984375" style="246" customWidth="1"/>
    <col min="9754" max="9984" width="9" style="246"/>
    <col min="9985" max="9985" width="4.6328125" style="246" customWidth="1"/>
    <col min="9986" max="9989" width="5.6328125" style="246" customWidth="1"/>
    <col min="9990" max="9992" width="2.6328125" style="246" customWidth="1"/>
    <col min="9993" max="9993" width="4.6328125" style="246" customWidth="1"/>
    <col min="9994" max="9996" width="6.6328125" style="246" customWidth="1"/>
    <col min="9997" max="9997" width="13.453125" style="246" customWidth="1"/>
    <col min="9998" max="9999" width="13.81640625" style="246" customWidth="1"/>
    <col min="10000" max="10000" width="17.6328125" style="246" customWidth="1"/>
    <col min="10001" max="10001" width="3.90625" style="246" customWidth="1"/>
    <col min="10002" max="10002" width="2.36328125" style="246" customWidth="1"/>
    <col min="10003" max="10003" width="2.453125" style="246" customWidth="1"/>
    <col min="10004" max="10004" width="5.6328125" style="246" customWidth="1"/>
    <col min="10005" max="10005" width="4.1796875" style="246" customWidth="1"/>
    <col min="10006" max="10006" width="17.6328125" style="246" customWidth="1"/>
    <col min="10007" max="10007" width="12.6328125" style="246" customWidth="1"/>
    <col min="10008" max="10008" width="10.6328125" style="246" customWidth="1"/>
    <col min="10009" max="10009" width="12.08984375" style="246" customWidth="1"/>
    <col min="10010" max="10240" width="9" style="246"/>
    <col min="10241" max="10241" width="4.6328125" style="246" customWidth="1"/>
    <col min="10242" max="10245" width="5.6328125" style="246" customWidth="1"/>
    <col min="10246" max="10248" width="2.6328125" style="246" customWidth="1"/>
    <col min="10249" max="10249" width="4.6328125" style="246" customWidth="1"/>
    <col min="10250" max="10252" width="6.6328125" style="246" customWidth="1"/>
    <col min="10253" max="10253" width="13.453125" style="246" customWidth="1"/>
    <col min="10254" max="10255" width="13.81640625" style="246" customWidth="1"/>
    <col min="10256" max="10256" width="17.6328125" style="246" customWidth="1"/>
    <col min="10257" max="10257" width="3.90625" style="246" customWidth="1"/>
    <col min="10258" max="10258" width="2.36328125" style="246" customWidth="1"/>
    <col min="10259" max="10259" width="2.453125" style="246" customWidth="1"/>
    <col min="10260" max="10260" width="5.6328125" style="246" customWidth="1"/>
    <col min="10261" max="10261" width="4.1796875" style="246" customWidth="1"/>
    <col min="10262" max="10262" width="17.6328125" style="246" customWidth="1"/>
    <col min="10263" max="10263" width="12.6328125" style="246" customWidth="1"/>
    <col min="10264" max="10264" width="10.6328125" style="246" customWidth="1"/>
    <col min="10265" max="10265" width="12.08984375" style="246" customWidth="1"/>
    <col min="10266" max="10496" width="9" style="246"/>
    <col min="10497" max="10497" width="4.6328125" style="246" customWidth="1"/>
    <col min="10498" max="10501" width="5.6328125" style="246" customWidth="1"/>
    <col min="10502" max="10504" width="2.6328125" style="246" customWidth="1"/>
    <col min="10505" max="10505" width="4.6328125" style="246" customWidth="1"/>
    <col min="10506" max="10508" width="6.6328125" style="246" customWidth="1"/>
    <col min="10509" max="10509" width="13.453125" style="246" customWidth="1"/>
    <col min="10510" max="10511" width="13.81640625" style="246" customWidth="1"/>
    <col min="10512" max="10512" width="17.6328125" style="246" customWidth="1"/>
    <col min="10513" max="10513" width="3.90625" style="246" customWidth="1"/>
    <col min="10514" max="10514" width="2.36328125" style="246" customWidth="1"/>
    <col min="10515" max="10515" width="2.453125" style="246" customWidth="1"/>
    <col min="10516" max="10516" width="5.6328125" style="246" customWidth="1"/>
    <col min="10517" max="10517" width="4.1796875" style="246" customWidth="1"/>
    <col min="10518" max="10518" width="17.6328125" style="246" customWidth="1"/>
    <col min="10519" max="10519" width="12.6328125" style="246" customWidth="1"/>
    <col min="10520" max="10520" width="10.6328125" style="246" customWidth="1"/>
    <col min="10521" max="10521" width="12.08984375" style="246" customWidth="1"/>
    <col min="10522" max="10752" width="9" style="246"/>
    <col min="10753" max="10753" width="4.6328125" style="246" customWidth="1"/>
    <col min="10754" max="10757" width="5.6328125" style="246" customWidth="1"/>
    <col min="10758" max="10760" width="2.6328125" style="246" customWidth="1"/>
    <col min="10761" max="10761" width="4.6328125" style="246" customWidth="1"/>
    <col min="10762" max="10764" width="6.6328125" style="246" customWidth="1"/>
    <col min="10765" max="10765" width="13.453125" style="246" customWidth="1"/>
    <col min="10766" max="10767" width="13.81640625" style="246" customWidth="1"/>
    <col min="10768" max="10768" width="17.6328125" style="246" customWidth="1"/>
    <col min="10769" max="10769" width="3.90625" style="246" customWidth="1"/>
    <col min="10770" max="10770" width="2.36328125" style="246" customWidth="1"/>
    <col min="10771" max="10771" width="2.453125" style="246" customWidth="1"/>
    <col min="10772" max="10772" width="5.6328125" style="246" customWidth="1"/>
    <col min="10773" max="10773" width="4.1796875" style="246" customWidth="1"/>
    <col min="10774" max="10774" width="17.6328125" style="246" customWidth="1"/>
    <col min="10775" max="10775" width="12.6328125" style="246" customWidth="1"/>
    <col min="10776" max="10776" width="10.6328125" style="246" customWidth="1"/>
    <col min="10777" max="10777" width="12.08984375" style="246" customWidth="1"/>
    <col min="10778" max="11008" width="9" style="246"/>
    <col min="11009" max="11009" width="4.6328125" style="246" customWidth="1"/>
    <col min="11010" max="11013" width="5.6328125" style="246" customWidth="1"/>
    <col min="11014" max="11016" width="2.6328125" style="246" customWidth="1"/>
    <col min="11017" max="11017" width="4.6328125" style="246" customWidth="1"/>
    <col min="11018" max="11020" width="6.6328125" style="246" customWidth="1"/>
    <col min="11021" max="11021" width="13.453125" style="246" customWidth="1"/>
    <col min="11022" max="11023" width="13.81640625" style="246" customWidth="1"/>
    <col min="11024" max="11024" width="17.6328125" style="246" customWidth="1"/>
    <col min="11025" max="11025" width="3.90625" style="246" customWidth="1"/>
    <col min="11026" max="11026" width="2.36328125" style="246" customWidth="1"/>
    <col min="11027" max="11027" width="2.453125" style="246" customWidth="1"/>
    <col min="11028" max="11028" width="5.6328125" style="246" customWidth="1"/>
    <col min="11029" max="11029" width="4.1796875" style="246" customWidth="1"/>
    <col min="11030" max="11030" width="17.6328125" style="246" customWidth="1"/>
    <col min="11031" max="11031" width="12.6328125" style="246" customWidth="1"/>
    <col min="11032" max="11032" width="10.6328125" style="246" customWidth="1"/>
    <col min="11033" max="11033" width="12.08984375" style="246" customWidth="1"/>
    <col min="11034" max="11264" width="9" style="246"/>
    <col min="11265" max="11265" width="4.6328125" style="246" customWidth="1"/>
    <col min="11266" max="11269" width="5.6328125" style="246" customWidth="1"/>
    <col min="11270" max="11272" width="2.6328125" style="246" customWidth="1"/>
    <col min="11273" max="11273" width="4.6328125" style="246" customWidth="1"/>
    <col min="11274" max="11276" width="6.6328125" style="246" customWidth="1"/>
    <col min="11277" max="11277" width="13.453125" style="246" customWidth="1"/>
    <col min="11278" max="11279" width="13.81640625" style="246" customWidth="1"/>
    <col min="11280" max="11280" width="17.6328125" style="246" customWidth="1"/>
    <col min="11281" max="11281" width="3.90625" style="246" customWidth="1"/>
    <col min="11282" max="11282" width="2.36328125" style="246" customWidth="1"/>
    <col min="11283" max="11283" width="2.453125" style="246" customWidth="1"/>
    <col min="11284" max="11284" width="5.6328125" style="246" customWidth="1"/>
    <col min="11285" max="11285" width="4.1796875" style="246" customWidth="1"/>
    <col min="11286" max="11286" width="17.6328125" style="246" customWidth="1"/>
    <col min="11287" max="11287" width="12.6328125" style="246" customWidth="1"/>
    <col min="11288" max="11288" width="10.6328125" style="246" customWidth="1"/>
    <col min="11289" max="11289" width="12.08984375" style="246" customWidth="1"/>
    <col min="11290" max="11520" width="9" style="246"/>
    <col min="11521" max="11521" width="4.6328125" style="246" customWidth="1"/>
    <col min="11522" max="11525" width="5.6328125" style="246" customWidth="1"/>
    <col min="11526" max="11528" width="2.6328125" style="246" customWidth="1"/>
    <col min="11529" max="11529" width="4.6328125" style="246" customWidth="1"/>
    <col min="11530" max="11532" width="6.6328125" style="246" customWidth="1"/>
    <col min="11533" max="11533" width="13.453125" style="246" customWidth="1"/>
    <col min="11534" max="11535" width="13.81640625" style="246" customWidth="1"/>
    <col min="11536" max="11536" width="17.6328125" style="246" customWidth="1"/>
    <col min="11537" max="11537" width="3.90625" style="246" customWidth="1"/>
    <col min="11538" max="11538" width="2.36328125" style="246" customWidth="1"/>
    <col min="11539" max="11539" width="2.453125" style="246" customWidth="1"/>
    <col min="11540" max="11540" width="5.6328125" style="246" customWidth="1"/>
    <col min="11541" max="11541" width="4.1796875" style="246" customWidth="1"/>
    <col min="11542" max="11542" width="17.6328125" style="246" customWidth="1"/>
    <col min="11543" max="11543" width="12.6328125" style="246" customWidth="1"/>
    <col min="11544" max="11544" width="10.6328125" style="246" customWidth="1"/>
    <col min="11545" max="11545" width="12.08984375" style="246" customWidth="1"/>
    <col min="11546" max="11776" width="9" style="246"/>
    <col min="11777" max="11777" width="4.6328125" style="246" customWidth="1"/>
    <col min="11778" max="11781" width="5.6328125" style="246" customWidth="1"/>
    <col min="11782" max="11784" width="2.6328125" style="246" customWidth="1"/>
    <col min="11785" max="11785" width="4.6328125" style="246" customWidth="1"/>
    <col min="11786" max="11788" width="6.6328125" style="246" customWidth="1"/>
    <col min="11789" max="11789" width="13.453125" style="246" customWidth="1"/>
    <col min="11790" max="11791" width="13.81640625" style="246" customWidth="1"/>
    <col min="11792" max="11792" width="17.6328125" style="246" customWidth="1"/>
    <col min="11793" max="11793" width="3.90625" style="246" customWidth="1"/>
    <col min="11794" max="11794" width="2.36328125" style="246" customWidth="1"/>
    <col min="11795" max="11795" width="2.453125" style="246" customWidth="1"/>
    <col min="11796" max="11796" width="5.6328125" style="246" customWidth="1"/>
    <col min="11797" max="11797" width="4.1796875" style="246" customWidth="1"/>
    <col min="11798" max="11798" width="17.6328125" style="246" customWidth="1"/>
    <col min="11799" max="11799" width="12.6328125" style="246" customWidth="1"/>
    <col min="11800" max="11800" width="10.6328125" style="246" customWidth="1"/>
    <col min="11801" max="11801" width="12.08984375" style="246" customWidth="1"/>
    <col min="11802" max="12032" width="9" style="246"/>
    <col min="12033" max="12033" width="4.6328125" style="246" customWidth="1"/>
    <col min="12034" max="12037" width="5.6328125" style="246" customWidth="1"/>
    <col min="12038" max="12040" width="2.6328125" style="246" customWidth="1"/>
    <col min="12041" max="12041" width="4.6328125" style="246" customWidth="1"/>
    <col min="12042" max="12044" width="6.6328125" style="246" customWidth="1"/>
    <col min="12045" max="12045" width="13.453125" style="246" customWidth="1"/>
    <col min="12046" max="12047" width="13.81640625" style="246" customWidth="1"/>
    <col min="12048" max="12048" width="17.6328125" style="246" customWidth="1"/>
    <col min="12049" max="12049" width="3.90625" style="246" customWidth="1"/>
    <col min="12050" max="12050" width="2.36328125" style="246" customWidth="1"/>
    <col min="12051" max="12051" width="2.453125" style="246" customWidth="1"/>
    <col min="12052" max="12052" width="5.6328125" style="246" customWidth="1"/>
    <col min="12053" max="12053" width="4.1796875" style="246" customWidth="1"/>
    <col min="12054" max="12054" width="17.6328125" style="246" customWidth="1"/>
    <col min="12055" max="12055" width="12.6328125" style="246" customWidth="1"/>
    <col min="12056" max="12056" width="10.6328125" style="246" customWidth="1"/>
    <col min="12057" max="12057" width="12.08984375" style="246" customWidth="1"/>
    <col min="12058" max="12288" width="9" style="246"/>
    <col min="12289" max="12289" width="4.6328125" style="246" customWidth="1"/>
    <col min="12290" max="12293" width="5.6328125" style="246" customWidth="1"/>
    <col min="12294" max="12296" width="2.6328125" style="246" customWidth="1"/>
    <col min="12297" max="12297" width="4.6328125" style="246" customWidth="1"/>
    <col min="12298" max="12300" width="6.6328125" style="246" customWidth="1"/>
    <col min="12301" max="12301" width="13.453125" style="246" customWidth="1"/>
    <col min="12302" max="12303" width="13.81640625" style="246" customWidth="1"/>
    <col min="12304" max="12304" width="17.6328125" style="246" customWidth="1"/>
    <col min="12305" max="12305" width="3.90625" style="246" customWidth="1"/>
    <col min="12306" max="12306" width="2.36328125" style="246" customWidth="1"/>
    <col min="12307" max="12307" width="2.453125" style="246" customWidth="1"/>
    <col min="12308" max="12308" width="5.6328125" style="246" customWidth="1"/>
    <col min="12309" max="12309" width="4.1796875" style="246" customWidth="1"/>
    <col min="12310" max="12310" width="17.6328125" style="246" customWidth="1"/>
    <col min="12311" max="12311" width="12.6328125" style="246" customWidth="1"/>
    <col min="12312" max="12312" width="10.6328125" style="246" customWidth="1"/>
    <col min="12313" max="12313" width="12.08984375" style="246" customWidth="1"/>
    <col min="12314" max="12544" width="9" style="246"/>
    <col min="12545" max="12545" width="4.6328125" style="246" customWidth="1"/>
    <col min="12546" max="12549" width="5.6328125" style="246" customWidth="1"/>
    <col min="12550" max="12552" width="2.6328125" style="246" customWidth="1"/>
    <col min="12553" max="12553" width="4.6328125" style="246" customWidth="1"/>
    <col min="12554" max="12556" width="6.6328125" style="246" customWidth="1"/>
    <col min="12557" max="12557" width="13.453125" style="246" customWidth="1"/>
    <col min="12558" max="12559" width="13.81640625" style="246" customWidth="1"/>
    <col min="12560" max="12560" width="17.6328125" style="246" customWidth="1"/>
    <col min="12561" max="12561" width="3.90625" style="246" customWidth="1"/>
    <col min="12562" max="12562" width="2.36328125" style="246" customWidth="1"/>
    <col min="12563" max="12563" width="2.453125" style="246" customWidth="1"/>
    <col min="12564" max="12564" width="5.6328125" style="246" customWidth="1"/>
    <col min="12565" max="12565" width="4.1796875" style="246" customWidth="1"/>
    <col min="12566" max="12566" width="17.6328125" style="246" customWidth="1"/>
    <col min="12567" max="12567" width="12.6328125" style="246" customWidth="1"/>
    <col min="12568" max="12568" width="10.6328125" style="246" customWidth="1"/>
    <col min="12569" max="12569" width="12.08984375" style="246" customWidth="1"/>
    <col min="12570" max="12800" width="9" style="246"/>
    <col min="12801" max="12801" width="4.6328125" style="246" customWidth="1"/>
    <col min="12802" max="12805" width="5.6328125" style="246" customWidth="1"/>
    <col min="12806" max="12808" width="2.6328125" style="246" customWidth="1"/>
    <col min="12809" max="12809" width="4.6328125" style="246" customWidth="1"/>
    <col min="12810" max="12812" width="6.6328125" style="246" customWidth="1"/>
    <col min="12813" max="12813" width="13.453125" style="246" customWidth="1"/>
    <col min="12814" max="12815" width="13.81640625" style="246" customWidth="1"/>
    <col min="12816" max="12816" width="17.6328125" style="246" customWidth="1"/>
    <col min="12817" max="12817" width="3.90625" style="246" customWidth="1"/>
    <col min="12818" max="12818" width="2.36328125" style="246" customWidth="1"/>
    <col min="12819" max="12819" width="2.453125" style="246" customWidth="1"/>
    <col min="12820" max="12820" width="5.6328125" style="246" customWidth="1"/>
    <col min="12821" max="12821" width="4.1796875" style="246" customWidth="1"/>
    <col min="12822" max="12822" width="17.6328125" style="246" customWidth="1"/>
    <col min="12823" max="12823" width="12.6328125" style="246" customWidth="1"/>
    <col min="12824" max="12824" width="10.6328125" style="246" customWidth="1"/>
    <col min="12825" max="12825" width="12.08984375" style="246" customWidth="1"/>
    <col min="12826" max="13056" width="9" style="246"/>
    <col min="13057" max="13057" width="4.6328125" style="246" customWidth="1"/>
    <col min="13058" max="13061" width="5.6328125" style="246" customWidth="1"/>
    <col min="13062" max="13064" width="2.6328125" style="246" customWidth="1"/>
    <col min="13065" max="13065" width="4.6328125" style="246" customWidth="1"/>
    <col min="13066" max="13068" width="6.6328125" style="246" customWidth="1"/>
    <col min="13069" max="13069" width="13.453125" style="246" customWidth="1"/>
    <col min="13070" max="13071" width="13.81640625" style="246" customWidth="1"/>
    <col min="13072" max="13072" width="17.6328125" style="246" customWidth="1"/>
    <col min="13073" max="13073" width="3.90625" style="246" customWidth="1"/>
    <col min="13074" max="13074" width="2.36328125" style="246" customWidth="1"/>
    <col min="13075" max="13075" width="2.453125" style="246" customWidth="1"/>
    <col min="13076" max="13076" width="5.6328125" style="246" customWidth="1"/>
    <col min="13077" max="13077" width="4.1796875" style="246" customWidth="1"/>
    <col min="13078" max="13078" width="17.6328125" style="246" customWidth="1"/>
    <col min="13079" max="13079" width="12.6328125" style="246" customWidth="1"/>
    <col min="13080" max="13080" width="10.6328125" style="246" customWidth="1"/>
    <col min="13081" max="13081" width="12.08984375" style="246" customWidth="1"/>
    <col min="13082" max="13312" width="9" style="246"/>
    <col min="13313" max="13313" width="4.6328125" style="246" customWidth="1"/>
    <col min="13314" max="13317" width="5.6328125" style="246" customWidth="1"/>
    <col min="13318" max="13320" width="2.6328125" style="246" customWidth="1"/>
    <col min="13321" max="13321" width="4.6328125" style="246" customWidth="1"/>
    <col min="13322" max="13324" width="6.6328125" style="246" customWidth="1"/>
    <col min="13325" max="13325" width="13.453125" style="246" customWidth="1"/>
    <col min="13326" max="13327" width="13.81640625" style="246" customWidth="1"/>
    <col min="13328" max="13328" width="17.6328125" style="246" customWidth="1"/>
    <col min="13329" max="13329" width="3.90625" style="246" customWidth="1"/>
    <col min="13330" max="13330" width="2.36328125" style="246" customWidth="1"/>
    <col min="13331" max="13331" width="2.453125" style="246" customWidth="1"/>
    <col min="13332" max="13332" width="5.6328125" style="246" customWidth="1"/>
    <col min="13333" max="13333" width="4.1796875" style="246" customWidth="1"/>
    <col min="13334" max="13334" width="17.6328125" style="246" customWidth="1"/>
    <col min="13335" max="13335" width="12.6328125" style="246" customWidth="1"/>
    <col min="13336" max="13336" width="10.6328125" style="246" customWidth="1"/>
    <col min="13337" max="13337" width="12.08984375" style="246" customWidth="1"/>
    <col min="13338" max="13568" width="9" style="246"/>
    <col min="13569" max="13569" width="4.6328125" style="246" customWidth="1"/>
    <col min="13570" max="13573" width="5.6328125" style="246" customWidth="1"/>
    <col min="13574" max="13576" width="2.6328125" style="246" customWidth="1"/>
    <col min="13577" max="13577" width="4.6328125" style="246" customWidth="1"/>
    <col min="13578" max="13580" width="6.6328125" style="246" customWidth="1"/>
    <col min="13581" max="13581" width="13.453125" style="246" customWidth="1"/>
    <col min="13582" max="13583" width="13.81640625" style="246" customWidth="1"/>
    <col min="13584" max="13584" width="17.6328125" style="246" customWidth="1"/>
    <col min="13585" max="13585" width="3.90625" style="246" customWidth="1"/>
    <col min="13586" max="13586" width="2.36328125" style="246" customWidth="1"/>
    <col min="13587" max="13587" width="2.453125" style="246" customWidth="1"/>
    <col min="13588" max="13588" width="5.6328125" style="246" customWidth="1"/>
    <col min="13589" max="13589" width="4.1796875" style="246" customWidth="1"/>
    <col min="13590" max="13590" width="17.6328125" style="246" customWidth="1"/>
    <col min="13591" max="13591" width="12.6328125" style="246" customWidth="1"/>
    <col min="13592" max="13592" width="10.6328125" style="246" customWidth="1"/>
    <col min="13593" max="13593" width="12.08984375" style="246" customWidth="1"/>
    <col min="13594" max="13824" width="9" style="246"/>
    <col min="13825" max="13825" width="4.6328125" style="246" customWidth="1"/>
    <col min="13826" max="13829" width="5.6328125" style="246" customWidth="1"/>
    <col min="13830" max="13832" width="2.6328125" style="246" customWidth="1"/>
    <col min="13833" max="13833" width="4.6328125" style="246" customWidth="1"/>
    <col min="13834" max="13836" width="6.6328125" style="246" customWidth="1"/>
    <col min="13837" max="13837" width="13.453125" style="246" customWidth="1"/>
    <col min="13838" max="13839" width="13.81640625" style="246" customWidth="1"/>
    <col min="13840" max="13840" width="17.6328125" style="246" customWidth="1"/>
    <col min="13841" max="13841" width="3.90625" style="246" customWidth="1"/>
    <col min="13842" max="13842" width="2.36328125" style="246" customWidth="1"/>
    <col min="13843" max="13843" width="2.453125" style="246" customWidth="1"/>
    <col min="13844" max="13844" width="5.6328125" style="246" customWidth="1"/>
    <col min="13845" max="13845" width="4.1796875" style="246" customWidth="1"/>
    <col min="13846" max="13846" width="17.6328125" style="246" customWidth="1"/>
    <col min="13847" max="13847" width="12.6328125" style="246" customWidth="1"/>
    <col min="13848" max="13848" width="10.6328125" style="246" customWidth="1"/>
    <col min="13849" max="13849" width="12.08984375" style="246" customWidth="1"/>
    <col min="13850" max="14080" width="9" style="246"/>
    <col min="14081" max="14081" width="4.6328125" style="246" customWidth="1"/>
    <col min="14082" max="14085" width="5.6328125" style="246" customWidth="1"/>
    <col min="14086" max="14088" width="2.6328125" style="246" customWidth="1"/>
    <col min="14089" max="14089" width="4.6328125" style="246" customWidth="1"/>
    <col min="14090" max="14092" width="6.6328125" style="246" customWidth="1"/>
    <col min="14093" max="14093" width="13.453125" style="246" customWidth="1"/>
    <col min="14094" max="14095" width="13.81640625" style="246" customWidth="1"/>
    <col min="14096" max="14096" width="17.6328125" style="246" customWidth="1"/>
    <col min="14097" max="14097" width="3.90625" style="246" customWidth="1"/>
    <col min="14098" max="14098" width="2.36328125" style="246" customWidth="1"/>
    <col min="14099" max="14099" width="2.453125" style="246" customWidth="1"/>
    <col min="14100" max="14100" width="5.6328125" style="246" customWidth="1"/>
    <col min="14101" max="14101" width="4.1796875" style="246" customWidth="1"/>
    <col min="14102" max="14102" width="17.6328125" style="246" customWidth="1"/>
    <col min="14103" max="14103" width="12.6328125" style="246" customWidth="1"/>
    <col min="14104" max="14104" width="10.6328125" style="246" customWidth="1"/>
    <col min="14105" max="14105" width="12.08984375" style="246" customWidth="1"/>
    <col min="14106" max="14336" width="9" style="246"/>
    <col min="14337" max="14337" width="4.6328125" style="246" customWidth="1"/>
    <col min="14338" max="14341" width="5.6328125" style="246" customWidth="1"/>
    <col min="14342" max="14344" width="2.6328125" style="246" customWidth="1"/>
    <col min="14345" max="14345" width="4.6328125" style="246" customWidth="1"/>
    <col min="14346" max="14348" width="6.6328125" style="246" customWidth="1"/>
    <col min="14349" max="14349" width="13.453125" style="246" customWidth="1"/>
    <col min="14350" max="14351" width="13.81640625" style="246" customWidth="1"/>
    <col min="14352" max="14352" width="17.6328125" style="246" customWidth="1"/>
    <col min="14353" max="14353" width="3.90625" style="246" customWidth="1"/>
    <col min="14354" max="14354" width="2.36328125" style="246" customWidth="1"/>
    <col min="14355" max="14355" width="2.453125" style="246" customWidth="1"/>
    <col min="14356" max="14356" width="5.6328125" style="246" customWidth="1"/>
    <col min="14357" max="14357" width="4.1796875" style="246" customWidth="1"/>
    <col min="14358" max="14358" width="17.6328125" style="246" customWidth="1"/>
    <col min="14359" max="14359" width="12.6328125" style="246" customWidth="1"/>
    <col min="14360" max="14360" width="10.6328125" style="246" customWidth="1"/>
    <col min="14361" max="14361" width="12.08984375" style="246" customWidth="1"/>
    <col min="14362" max="14592" width="9" style="246"/>
    <col min="14593" max="14593" width="4.6328125" style="246" customWidth="1"/>
    <col min="14594" max="14597" width="5.6328125" style="246" customWidth="1"/>
    <col min="14598" max="14600" width="2.6328125" style="246" customWidth="1"/>
    <col min="14601" max="14601" width="4.6328125" style="246" customWidth="1"/>
    <col min="14602" max="14604" width="6.6328125" style="246" customWidth="1"/>
    <col min="14605" max="14605" width="13.453125" style="246" customWidth="1"/>
    <col min="14606" max="14607" width="13.81640625" style="246" customWidth="1"/>
    <col min="14608" max="14608" width="17.6328125" style="246" customWidth="1"/>
    <col min="14609" max="14609" width="3.90625" style="246" customWidth="1"/>
    <col min="14610" max="14610" width="2.36328125" style="246" customWidth="1"/>
    <col min="14611" max="14611" width="2.453125" style="246" customWidth="1"/>
    <col min="14612" max="14612" width="5.6328125" style="246" customWidth="1"/>
    <col min="14613" max="14613" width="4.1796875" style="246" customWidth="1"/>
    <col min="14614" max="14614" width="17.6328125" style="246" customWidth="1"/>
    <col min="14615" max="14615" width="12.6328125" style="246" customWidth="1"/>
    <col min="14616" max="14616" width="10.6328125" style="246" customWidth="1"/>
    <col min="14617" max="14617" width="12.08984375" style="246" customWidth="1"/>
    <col min="14618" max="14848" width="9" style="246"/>
    <col min="14849" max="14849" width="4.6328125" style="246" customWidth="1"/>
    <col min="14850" max="14853" width="5.6328125" style="246" customWidth="1"/>
    <col min="14854" max="14856" width="2.6328125" style="246" customWidth="1"/>
    <col min="14857" max="14857" width="4.6328125" style="246" customWidth="1"/>
    <col min="14858" max="14860" width="6.6328125" style="246" customWidth="1"/>
    <col min="14861" max="14861" width="13.453125" style="246" customWidth="1"/>
    <col min="14862" max="14863" width="13.81640625" style="246" customWidth="1"/>
    <col min="14864" max="14864" width="17.6328125" style="246" customWidth="1"/>
    <col min="14865" max="14865" width="3.90625" style="246" customWidth="1"/>
    <col min="14866" max="14866" width="2.36328125" style="246" customWidth="1"/>
    <col min="14867" max="14867" width="2.453125" style="246" customWidth="1"/>
    <col min="14868" max="14868" width="5.6328125" style="246" customWidth="1"/>
    <col min="14869" max="14869" width="4.1796875" style="246" customWidth="1"/>
    <col min="14870" max="14870" width="17.6328125" style="246" customWidth="1"/>
    <col min="14871" max="14871" width="12.6328125" style="246" customWidth="1"/>
    <col min="14872" max="14872" width="10.6328125" style="246" customWidth="1"/>
    <col min="14873" max="14873" width="12.08984375" style="246" customWidth="1"/>
    <col min="14874" max="15104" width="9" style="246"/>
    <col min="15105" max="15105" width="4.6328125" style="246" customWidth="1"/>
    <col min="15106" max="15109" width="5.6328125" style="246" customWidth="1"/>
    <col min="15110" max="15112" width="2.6328125" style="246" customWidth="1"/>
    <col min="15113" max="15113" width="4.6328125" style="246" customWidth="1"/>
    <col min="15114" max="15116" width="6.6328125" style="246" customWidth="1"/>
    <col min="15117" max="15117" width="13.453125" style="246" customWidth="1"/>
    <col min="15118" max="15119" width="13.81640625" style="246" customWidth="1"/>
    <col min="15120" max="15120" width="17.6328125" style="246" customWidth="1"/>
    <col min="15121" max="15121" width="3.90625" style="246" customWidth="1"/>
    <col min="15122" max="15122" width="2.36328125" style="246" customWidth="1"/>
    <col min="15123" max="15123" width="2.453125" style="246" customWidth="1"/>
    <col min="15124" max="15124" width="5.6328125" style="246" customWidth="1"/>
    <col min="15125" max="15125" width="4.1796875" style="246" customWidth="1"/>
    <col min="15126" max="15126" width="17.6328125" style="246" customWidth="1"/>
    <col min="15127" max="15127" width="12.6328125" style="246" customWidth="1"/>
    <col min="15128" max="15128" width="10.6328125" style="246" customWidth="1"/>
    <col min="15129" max="15129" width="12.08984375" style="246" customWidth="1"/>
    <col min="15130" max="15360" width="9" style="246"/>
    <col min="15361" max="15361" width="4.6328125" style="246" customWidth="1"/>
    <col min="15362" max="15365" width="5.6328125" style="246" customWidth="1"/>
    <col min="15366" max="15368" width="2.6328125" style="246" customWidth="1"/>
    <col min="15369" max="15369" width="4.6328125" style="246" customWidth="1"/>
    <col min="15370" max="15372" width="6.6328125" style="246" customWidth="1"/>
    <col min="15373" max="15373" width="13.453125" style="246" customWidth="1"/>
    <col min="15374" max="15375" width="13.81640625" style="246" customWidth="1"/>
    <col min="15376" max="15376" width="17.6328125" style="246" customWidth="1"/>
    <col min="15377" max="15377" width="3.90625" style="246" customWidth="1"/>
    <col min="15378" max="15378" width="2.36328125" style="246" customWidth="1"/>
    <col min="15379" max="15379" width="2.453125" style="246" customWidth="1"/>
    <col min="15380" max="15380" width="5.6328125" style="246" customWidth="1"/>
    <col min="15381" max="15381" width="4.1796875" style="246" customWidth="1"/>
    <col min="15382" max="15382" width="17.6328125" style="246" customWidth="1"/>
    <col min="15383" max="15383" width="12.6328125" style="246" customWidth="1"/>
    <col min="15384" max="15384" width="10.6328125" style="246" customWidth="1"/>
    <col min="15385" max="15385" width="12.08984375" style="246" customWidth="1"/>
    <col min="15386" max="15616" width="9" style="246"/>
    <col min="15617" max="15617" width="4.6328125" style="246" customWidth="1"/>
    <col min="15618" max="15621" width="5.6328125" style="246" customWidth="1"/>
    <col min="15622" max="15624" width="2.6328125" style="246" customWidth="1"/>
    <col min="15625" max="15625" width="4.6328125" style="246" customWidth="1"/>
    <col min="15626" max="15628" width="6.6328125" style="246" customWidth="1"/>
    <col min="15629" max="15629" width="13.453125" style="246" customWidth="1"/>
    <col min="15630" max="15631" width="13.81640625" style="246" customWidth="1"/>
    <col min="15632" max="15632" width="17.6328125" style="246" customWidth="1"/>
    <col min="15633" max="15633" width="3.90625" style="246" customWidth="1"/>
    <col min="15634" max="15634" width="2.36328125" style="246" customWidth="1"/>
    <col min="15635" max="15635" width="2.453125" style="246" customWidth="1"/>
    <col min="15636" max="15636" width="5.6328125" style="246" customWidth="1"/>
    <col min="15637" max="15637" width="4.1796875" style="246" customWidth="1"/>
    <col min="15638" max="15638" width="17.6328125" style="246" customWidth="1"/>
    <col min="15639" max="15639" width="12.6328125" style="246" customWidth="1"/>
    <col min="15640" max="15640" width="10.6328125" style="246" customWidth="1"/>
    <col min="15641" max="15641" width="12.08984375" style="246" customWidth="1"/>
    <col min="15642" max="15872" width="9" style="246"/>
    <col min="15873" max="15873" width="4.6328125" style="246" customWidth="1"/>
    <col min="15874" max="15877" width="5.6328125" style="246" customWidth="1"/>
    <col min="15878" max="15880" width="2.6328125" style="246" customWidth="1"/>
    <col min="15881" max="15881" width="4.6328125" style="246" customWidth="1"/>
    <col min="15882" max="15884" width="6.6328125" style="246" customWidth="1"/>
    <col min="15885" max="15885" width="13.453125" style="246" customWidth="1"/>
    <col min="15886" max="15887" width="13.81640625" style="246" customWidth="1"/>
    <col min="15888" max="15888" width="17.6328125" style="246" customWidth="1"/>
    <col min="15889" max="15889" width="3.90625" style="246" customWidth="1"/>
    <col min="15890" max="15890" width="2.36328125" style="246" customWidth="1"/>
    <col min="15891" max="15891" width="2.453125" style="246" customWidth="1"/>
    <col min="15892" max="15892" width="5.6328125" style="246" customWidth="1"/>
    <col min="15893" max="15893" width="4.1796875" style="246" customWidth="1"/>
    <col min="15894" max="15894" width="17.6328125" style="246" customWidth="1"/>
    <col min="15895" max="15895" width="12.6328125" style="246" customWidth="1"/>
    <col min="15896" max="15896" width="10.6328125" style="246" customWidth="1"/>
    <col min="15897" max="15897" width="12.08984375" style="246" customWidth="1"/>
    <col min="15898" max="16128" width="9" style="246"/>
    <col min="16129" max="16129" width="4.6328125" style="246" customWidth="1"/>
    <col min="16130" max="16133" width="5.6328125" style="246" customWidth="1"/>
    <col min="16134" max="16136" width="2.6328125" style="246" customWidth="1"/>
    <col min="16137" max="16137" width="4.6328125" style="246" customWidth="1"/>
    <col min="16138" max="16140" width="6.6328125" style="246" customWidth="1"/>
    <col min="16141" max="16141" width="13.453125" style="246" customWidth="1"/>
    <col min="16142" max="16143" width="13.81640625" style="246" customWidth="1"/>
    <col min="16144" max="16144" width="17.6328125" style="246" customWidth="1"/>
    <col min="16145" max="16145" width="3.90625" style="246" customWidth="1"/>
    <col min="16146" max="16146" width="2.36328125" style="246" customWidth="1"/>
    <col min="16147" max="16147" width="2.453125" style="246" customWidth="1"/>
    <col min="16148" max="16148" width="5.6328125" style="246" customWidth="1"/>
    <col min="16149" max="16149" width="4.1796875" style="246" customWidth="1"/>
    <col min="16150" max="16150" width="17.6328125" style="246" customWidth="1"/>
    <col min="16151" max="16151" width="12.6328125" style="246" customWidth="1"/>
    <col min="16152" max="16152" width="10.6328125" style="246" customWidth="1"/>
    <col min="16153" max="16153" width="12.08984375" style="246" customWidth="1"/>
    <col min="16154" max="16384" width="9" style="246"/>
  </cols>
  <sheetData>
    <row r="1" spans="1:24" ht="24" customHeight="1" x14ac:dyDescent="0.2">
      <c r="A1" s="244"/>
      <c r="B1" s="244"/>
      <c r="C1" s="244"/>
      <c r="D1" s="244"/>
      <c r="E1" s="244"/>
      <c r="F1" s="244"/>
      <c r="G1" s="244"/>
      <c r="H1" s="244"/>
      <c r="I1" s="244"/>
      <c r="J1" s="244"/>
      <c r="K1" s="244"/>
      <c r="L1" s="244"/>
      <c r="M1" s="808" t="s">
        <v>277</v>
      </c>
      <c r="N1" s="808"/>
      <c r="O1" s="808"/>
      <c r="P1" s="808"/>
      <c r="Q1" s="808"/>
      <c r="R1" s="808"/>
      <c r="S1" s="808"/>
      <c r="T1" s="244"/>
      <c r="U1" s="244"/>
    </row>
    <row r="2" spans="1:24" ht="15" customHeight="1" x14ac:dyDescent="0.2">
      <c r="M2" s="809" t="s">
        <v>346</v>
      </c>
      <c r="N2" s="809"/>
      <c r="O2" s="809"/>
      <c r="P2" s="809"/>
      <c r="Q2" s="809"/>
      <c r="R2" s="809"/>
      <c r="S2" s="809"/>
      <c r="T2" s="246"/>
      <c r="U2" s="247"/>
      <c r="V2" s="810" t="s">
        <v>276</v>
      </c>
      <c r="W2" s="812"/>
      <c r="X2" s="813"/>
    </row>
    <row r="3" spans="1:24" ht="31.5" customHeight="1" x14ac:dyDescent="0.2">
      <c r="A3" s="809" t="s">
        <v>275</v>
      </c>
      <c r="B3" s="809"/>
      <c r="C3" s="809"/>
      <c r="D3" s="816"/>
      <c r="E3" s="816"/>
      <c r="F3" s="816"/>
      <c r="G3" s="816"/>
      <c r="H3" s="816"/>
      <c r="I3" s="816"/>
      <c r="J3" s="248"/>
      <c r="K3" s="817" t="s">
        <v>274</v>
      </c>
      <c r="L3" s="817"/>
      <c r="M3" s="817"/>
      <c r="S3" s="246"/>
      <c r="T3" s="246"/>
      <c r="U3" s="247"/>
      <c r="V3" s="811"/>
      <c r="W3" s="814"/>
      <c r="X3" s="815"/>
    </row>
    <row r="4" spans="1:24" ht="24" customHeight="1" x14ac:dyDescent="0.2">
      <c r="A4" s="818" t="s">
        <v>273</v>
      </c>
      <c r="B4" s="818"/>
      <c r="C4" s="818"/>
      <c r="D4" s="819"/>
      <c r="E4" s="819"/>
      <c r="F4" s="819"/>
      <c r="G4" s="819"/>
      <c r="H4" s="819"/>
      <c r="I4" s="819"/>
      <c r="J4" s="249"/>
      <c r="K4" s="817"/>
      <c r="L4" s="817"/>
      <c r="M4" s="817"/>
      <c r="T4" s="250"/>
      <c r="U4" s="250"/>
      <c r="V4" s="820" t="s">
        <v>272</v>
      </c>
      <c r="W4" s="821"/>
      <c r="X4" s="821"/>
    </row>
    <row r="5" spans="1:24" ht="7.5" customHeight="1" x14ac:dyDescent="0.2">
      <c r="A5" s="251"/>
      <c r="B5" s="251"/>
      <c r="C5" s="251"/>
      <c r="D5" s="251"/>
      <c r="E5" s="251"/>
      <c r="F5" s="251"/>
      <c r="G5" s="251"/>
      <c r="H5" s="252"/>
      <c r="I5" s="252"/>
      <c r="J5" s="253"/>
      <c r="K5" s="817"/>
      <c r="L5" s="817"/>
      <c r="M5" s="817"/>
      <c r="T5" s="250"/>
      <c r="U5" s="250"/>
      <c r="V5" s="254"/>
      <c r="W5" s="249"/>
      <c r="X5" s="249"/>
    </row>
    <row r="6" spans="1:24" ht="27" customHeight="1" x14ac:dyDescent="0.2">
      <c r="A6" s="255"/>
      <c r="B6" s="255"/>
      <c r="C6" s="255"/>
      <c r="D6" s="255"/>
      <c r="E6" s="255"/>
      <c r="F6" s="255"/>
      <c r="G6" s="255"/>
      <c r="H6" s="255"/>
      <c r="I6" s="255"/>
      <c r="J6" s="255"/>
      <c r="K6" s="817"/>
      <c r="L6" s="817"/>
      <c r="M6" s="817"/>
      <c r="O6" s="256" t="s">
        <v>271</v>
      </c>
      <c r="P6" s="822"/>
      <c r="Q6" s="822"/>
      <c r="R6" s="822"/>
      <c r="S6" s="822"/>
      <c r="V6" s="256" t="s">
        <v>270</v>
      </c>
      <c r="W6" s="822"/>
      <c r="X6" s="822"/>
    </row>
    <row r="7" spans="1:24" s="249" customFormat="1" ht="18" customHeight="1" x14ac:dyDescent="0.2">
      <c r="A7" s="257"/>
      <c r="B7" s="257"/>
      <c r="C7" s="257"/>
      <c r="D7" s="257"/>
      <c r="E7" s="257"/>
      <c r="F7" s="257"/>
      <c r="G7" s="257"/>
      <c r="H7" s="257"/>
      <c r="I7" s="257"/>
      <c r="J7" s="257"/>
      <c r="K7" s="257"/>
      <c r="L7" s="257"/>
      <c r="M7" s="258"/>
      <c r="N7" s="259"/>
      <c r="O7" s="258"/>
      <c r="P7" s="258"/>
      <c r="Q7" s="258"/>
      <c r="R7" s="258"/>
      <c r="S7" s="258"/>
      <c r="T7" s="258"/>
      <c r="U7" s="258"/>
      <c r="V7" s="259"/>
      <c r="W7" s="258"/>
      <c r="X7" s="258"/>
    </row>
    <row r="8" spans="1:24" s="249" customFormat="1" ht="9" customHeight="1" x14ac:dyDescent="0.2">
      <c r="A8" s="257"/>
      <c r="B8" s="257"/>
      <c r="C8" s="257"/>
      <c r="D8" s="257"/>
      <c r="E8" s="257"/>
      <c r="F8" s="257"/>
      <c r="G8" s="257"/>
      <c r="H8" s="257"/>
      <c r="I8" s="257"/>
      <c r="J8" s="257"/>
      <c r="K8" s="257"/>
      <c r="L8" s="257"/>
      <c r="M8" s="260"/>
      <c r="N8" s="260"/>
      <c r="O8" s="260"/>
      <c r="P8" s="260"/>
      <c r="Q8" s="257"/>
      <c r="R8" s="257"/>
      <c r="S8" s="257"/>
      <c r="T8" s="257"/>
      <c r="U8" s="257"/>
      <c r="V8" s="261"/>
      <c r="W8" s="260"/>
      <c r="X8" s="260"/>
    </row>
    <row r="9" spans="1:24" ht="9.9" customHeight="1" x14ac:dyDescent="0.2">
      <c r="A9" s="823" t="s">
        <v>269</v>
      </c>
      <c r="B9" s="826" t="s">
        <v>347</v>
      </c>
      <c r="C9" s="827"/>
      <c r="D9" s="827"/>
      <c r="E9" s="828"/>
      <c r="F9" s="832" t="s">
        <v>268</v>
      </c>
      <c r="G9" s="833"/>
      <c r="H9" s="834"/>
      <c r="I9" s="841" t="s">
        <v>267</v>
      </c>
      <c r="J9" s="826" t="s">
        <v>348</v>
      </c>
      <c r="K9" s="827"/>
      <c r="L9" s="828"/>
      <c r="M9" s="847" t="s">
        <v>111</v>
      </c>
      <c r="N9" s="848"/>
      <c r="O9" s="851" t="s">
        <v>266</v>
      </c>
      <c r="P9" s="853" t="s">
        <v>265</v>
      </c>
      <c r="Q9" s="827"/>
      <c r="R9" s="827"/>
      <c r="S9" s="827"/>
      <c r="T9" s="827"/>
      <c r="U9" s="827"/>
      <c r="V9" s="828"/>
      <c r="W9" s="859" t="s">
        <v>264</v>
      </c>
      <c r="X9" s="860"/>
    </row>
    <row r="10" spans="1:24" ht="9.9" customHeight="1" x14ac:dyDescent="0.2">
      <c r="A10" s="824"/>
      <c r="B10" s="829"/>
      <c r="C10" s="830"/>
      <c r="D10" s="830"/>
      <c r="E10" s="831"/>
      <c r="F10" s="835"/>
      <c r="G10" s="836"/>
      <c r="H10" s="837"/>
      <c r="I10" s="842"/>
      <c r="J10" s="829"/>
      <c r="K10" s="830"/>
      <c r="L10" s="831"/>
      <c r="M10" s="849"/>
      <c r="N10" s="850"/>
      <c r="O10" s="852"/>
      <c r="P10" s="854"/>
      <c r="Q10" s="830"/>
      <c r="R10" s="830"/>
      <c r="S10" s="830"/>
      <c r="T10" s="830"/>
      <c r="U10" s="830"/>
      <c r="V10" s="831"/>
      <c r="W10" s="861"/>
      <c r="X10" s="862"/>
    </row>
    <row r="11" spans="1:24" ht="9.9" customHeight="1" x14ac:dyDescent="0.2">
      <c r="A11" s="824"/>
      <c r="B11" s="863" t="s">
        <v>263</v>
      </c>
      <c r="C11" s="864"/>
      <c r="D11" s="864"/>
      <c r="E11" s="865"/>
      <c r="F11" s="835"/>
      <c r="G11" s="836"/>
      <c r="H11" s="837"/>
      <c r="I11" s="842"/>
      <c r="J11" s="844"/>
      <c r="K11" s="845"/>
      <c r="L11" s="846"/>
      <c r="M11" s="866" t="s">
        <v>262</v>
      </c>
      <c r="N11" s="867"/>
      <c r="O11" s="852"/>
      <c r="P11" s="849"/>
      <c r="Q11" s="845"/>
      <c r="R11" s="845"/>
      <c r="S11" s="845"/>
      <c r="T11" s="845"/>
      <c r="U11" s="845"/>
      <c r="V11" s="846"/>
      <c r="W11" s="861"/>
      <c r="X11" s="862"/>
    </row>
    <row r="12" spans="1:24" ht="9.9" customHeight="1" x14ac:dyDescent="0.2">
      <c r="A12" s="824"/>
      <c r="B12" s="844"/>
      <c r="C12" s="845"/>
      <c r="D12" s="845"/>
      <c r="E12" s="846"/>
      <c r="F12" s="835"/>
      <c r="G12" s="836"/>
      <c r="H12" s="837"/>
      <c r="I12" s="842"/>
      <c r="J12" s="863" t="s">
        <v>261</v>
      </c>
      <c r="K12" s="864"/>
      <c r="L12" s="865"/>
      <c r="M12" s="849"/>
      <c r="N12" s="850"/>
      <c r="O12" s="856" t="s">
        <v>260</v>
      </c>
      <c r="P12" s="856" t="s">
        <v>259</v>
      </c>
      <c r="Q12" s="863" t="s">
        <v>258</v>
      </c>
      <c r="R12" s="864"/>
      <c r="S12" s="864"/>
      <c r="T12" s="864"/>
      <c r="U12" s="865"/>
      <c r="V12" s="872" t="s">
        <v>349</v>
      </c>
      <c r="W12" s="873" t="s">
        <v>350</v>
      </c>
      <c r="X12" s="874"/>
    </row>
    <row r="13" spans="1:24" ht="9.9" customHeight="1" x14ac:dyDescent="0.2">
      <c r="A13" s="824"/>
      <c r="B13" s="829" t="s">
        <v>257</v>
      </c>
      <c r="C13" s="830"/>
      <c r="D13" s="830"/>
      <c r="E13" s="831"/>
      <c r="F13" s="835"/>
      <c r="G13" s="836"/>
      <c r="H13" s="837"/>
      <c r="I13" s="842"/>
      <c r="J13" s="829"/>
      <c r="K13" s="830"/>
      <c r="L13" s="831"/>
      <c r="M13" s="855" t="s">
        <v>113</v>
      </c>
      <c r="N13" s="856"/>
      <c r="O13" s="831"/>
      <c r="P13" s="871"/>
      <c r="Q13" s="829"/>
      <c r="R13" s="830"/>
      <c r="S13" s="830"/>
      <c r="T13" s="830"/>
      <c r="U13" s="831"/>
      <c r="V13" s="842"/>
      <c r="W13" s="875"/>
      <c r="X13" s="876"/>
    </row>
    <row r="14" spans="1:24" ht="15.75" customHeight="1" x14ac:dyDescent="0.2">
      <c r="A14" s="825"/>
      <c r="B14" s="868"/>
      <c r="C14" s="869"/>
      <c r="D14" s="869"/>
      <c r="E14" s="870"/>
      <c r="F14" s="838"/>
      <c r="G14" s="839"/>
      <c r="H14" s="840"/>
      <c r="I14" s="843"/>
      <c r="J14" s="868"/>
      <c r="K14" s="869"/>
      <c r="L14" s="870"/>
      <c r="M14" s="857"/>
      <c r="N14" s="858"/>
      <c r="O14" s="870"/>
      <c r="P14" s="858"/>
      <c r="Q14" s="868"/>
      <c r="R14" s="869"/>
      <c r="S14" s="869"/>
      <c r="T14" s="869"/>
      <c r="U14" s="870"/>
      <c r="V14" s="843"/>
      <c r="W14" s="877"/>
      <c r="X14" s="878"/>
    </row>
    <row r="15" spans="1:24" ht="9.9" customHeight="1" x14ac:dyDescent="0.2">
      <c r="A15" s="879"/>
      <c r="B15" s="882"/>
      <c r="C15" s="883"/>
      <c r="D15" s="883"/>
      <c r="E15" s="884"/>
      <c r="F15" s="888"/>
      <c r="G15" s="889"/>
      <c r="H15" s="890"/>
      <c r="I15" s="841"/>
      <c r="J15" s="888" t="s">
        <v>255</v>
      </c>
      <c r="K15" s="889"/>
      <c r="L15" s="890"/>
      <c r="M15" s="933"/>
      <c r="N15" s="959"/>
      <c r="O15" s="902"/>
      <c r="P15" s="900"/>
      <c r="Q15" s="906"/>
      <c r="R15" s="907"/>
      <c r="S15" s="907"/>
      <c r="T15" s="907"/>
      <c r="U15" s="908"/>
      <c r="V15" s="946"/>
      <c r="W15" s="949" t="s">
        <v>255</v>
      </c>
      <c r="X15" s="950"/>
    </row>
    <row r="16" spans="1:24" ht="9.9" customHeight="1" x14ac:dyDescent="0.2">
      <c r="A16" s="880"/>
      <c r="B16" s="885"/>
      <c r="C16" s="886"/>
      <c r="D16" s="886"/>
      <c r="E16" s="887"/>
      <c r="F16" s="891"/>
      <c r="G16" s="892"/>
      <c r="H16" s="893"/>
      <c r="I16" s="842"/>
      <c r="J16" s="891"/>
      <c r="K16" s="892"/>
      <c r="L16" s="893"/>
      <c r="M16" s="922"/>
      <c r="N16" s="960"/>
      <c r="O16" s="903"/>
      <c r="P16" s="904"/>
      <c r="Q16" s="909"/>
      <c r="R16" s="910"/>
      <c r="S16" s="910"/>
      <c r="T16" s="910"/>
      <c r="U16" s="911"/>
      <c r="V16" s="947"/>
      <c r="W16" s="936"/>
      <c r="X16" s="937"/>
    </row>
    <row r="17" spans="1:24" ht="9.9" customHeight="1" x14ac:dyDescent="0.2">
      <c r="A17" s="880"/>
      <c r="B17" s="915"/>
      <c r="C17" s="916"/>
      <c r="D17" s="916"/>
      <c r="E17" s="917"/>
      <c r="F17" s="891"/>
      <c r="G17" s="892"/>
      <c r="H17" s="893"/>
      <c r="I17" s="842"/>
      <c r="J17" s="897"/>
      <c r="K17" s="898"/>
      <c r="L17" s="899"/>
      <c r="M17" s="921"/>
      <c r="N17" s="923"/>
      <c r="O17" s="903"/>
      <c r="P17" s="904"/>
      <c r="Q17" s="909"/>
      <c r="R17" s="910"/>
      <c r="S17" s="910"/>
      <c r="T17" s="910"/>
      <c r="U17" s="911"/>
      <c r="V17" s="947"/>
      <c r="W17" s="936"/>
      <c r="X17" s="937"/>
    </row>
    <row r="18" spans="1:24" ht="9.9" customHeight="1" x14ac:dyDescent="0.2">
      <c r="A18" s="880"/>
      <c r="B18" s="918"/>
      <c r="C18" s="919"/>
      <c r="D18" s="919"/>
      <c r="E18" s="920"/>
      <c r="F18" s="891"/>
      <c r="G18" s="892"/>
      <c r="H18" s="893"/>
      <c r="I18" s="842"/>
      <c r="J18" s="925" t="s">
        <v>256</v>
      </c>
      <c r="K18" s="926"/>
      <c r="L18" s="927"/>
      <c r="M18" s="922"/>
      <c r="N18" s="924"/>
      <c r="O18" s="928"/>
      <c r="P18" s="904"/>
      <c r="Q18" s="909"/>
      <c r="R18" s="910"/>
      <c r="S18" s="910"/>
      <c r="T18" s="910"/>
      <c r="U18" s="911"/>
      <c r="V18" s="947"/>
      <c r="W18" s="934" t="s">
        <v>255</v>
      </c>
      <c r="X18" s="935"/>
    </row>
    <row r="19" spans="1:24" ht="9.9" customHeight="1" x14ac:dyDescent="0.2">
      <c r="A19" s="880"/>
      <c r="B19" s="915"/>
      <c r="C19" s="916"/>
      <c r="D19" s="916"/>
      <c r="E19" s="917"/>
      <c r="F19" s="891"/>
      <c r="G19" s="892"/>
      <c r="H19" s="893"/>
      <c r="I19" s="842"/>
      <c r="J19" s="891"/>
      <c r="K19" s="892"/>
      <c r="L19" s="893"/>
      <c r="M19" s="943"/>
      <c r="N19" s="944"/>
      <c r="O19" s="929"/>
      <c r="P19" s="904"/>
      <c r="Q19" s="909"/>
      <c r="R19" s="910"/>
      <c r="S19" s="910"/>
      <c r="T19" s="910"/>
      <c r="U19" s="911"/>
      <c r="V19" s="947"/>
      <c r="W19" s="936"/>
      <c r="X19" s="937"/>
    </row>
    <row r="20" spans="1:24" ht="9.9" customHeight="1" x14ac:dyDescent="0.2">
      <c r="A20" s="881"/>
      <c r="B20" s="940"/>
      <c r="C20" s="941"/>
      <c r="D20" s="941"/>
      <c r="E20" s="942"/>
      <c r="F20" s="894"/>
      <c r="G20" s="895"/>
      <c r="H20" s="896"/>
      <c r="I20" s="843"/>
      <c r="J20" s="894"/>
      <c r="K20" s="895"/>
      <c r="L20" s="896"/>
      <c r="M20" s="905"/>
      <c r="N20" s="945"/>
      <c r="O20" s="930"/>
      <c r="P20" s="905"/>
      <c r="Q20" s="912"/>
      <c r="R20" s="913"/>
      <c r="S20" s="913"/>
      <c r="T20" s="913"/>
      <c r="U20" s="914"/>
      <c r="V20" s="948"/>
      <c r="W20" s="938"/>
      <c r="X20" s="939"/>
    </row>
    <row r="21" spans="1:24" ht="9.9" customHeight="1" x14ac:dyDescent="0.2">
      <c r="A21" s="879"/>
      <c r="B21" s="882"/>
      <c r="C21" s="883"/>
      <c r="D21" s="883"/>
      <c r="E21" s="884"/>
      <c r="F21" s="888"/>
      <c r="G21" s="889"/>
      <c r="H21" s="890"/>
      <c r="I21" s="841"/>
      <c r="J21" s="888" t="s">
        <v>255</v>
      </c>
      <c r="K21" s="889"/>
      <c r="L21" s="890"/>
      <c r="M21" s="900"/>
      <c r="N21" s="931"/>
      <c r="O21" s="932"/>
      <c r="P21" s="900"/>
      <c r="Q21" s="906"/>
      <c r="R21" s="907"/>
      <c r="S21" s="907"/>
      <c r="T21" s="907"/>
      <c r="U21" s="908"/>
      <c r="V21" s="946"/>
      <c r="W21" s="949" t="s">
        <v>255</v>
      </c>
      <c r="X21" s="950"/>
    </row>
    <row r="22" spans="1:24" ht="9.9" customHeight="1" x14ac:dyDescent="0.2">
      <c r="A22" s="880"/>
      <c r="B22" s="885"/>
      <c r="C22" s="886"/>
      <c r="D22" s="886"/>
      <c r="E22" s="887"/>
      <c r="F22" s="891"/>
      <c r="G22" s="892"/>
      <c r="H22" s="893"/>
      <c r="I22" s="842"/>
      <c r="J22" s="891"/>
      <c r="K22" s="892"/>
      <c r="L22" s="893"/>
      <c r="M22" s="901"/>
      <c r="N22" s="924"/>
      <c r="O22" s="929"/>
      <c r="P22" s="904"/>
      <c r="Q22" s="909"/>
      <c r="R22" s="910"/>
      <c r="S22" s="910"/>
      <c r="T22" s="910"/>
      <c r="U22" s="911"/>
      <c r="V22" s="947"/>
      <c r="W22" s="936"/>
      <c r="X22" s="937"/>
    </row>
    <row r="23" spans="1:24" ht="9.9" customHeight="1" x14ac:dyDescent="0.2">
      <c r="A23" s="880"/>
      <c r="B23" s="951"/>
      <c r="C23" s="952"/>
      <c r="D23" s="952"/>
      <c r="E23" s="953"/>
      <c r="F23" s="891"/>
      <c r="G23" s="892"/>
      <c r="H23" s="893"/>
      <c r="I23" s="842"/>
      <c r="J23" s="897"/>
      <c r="K23" s="898"/>
      <c r="L23" s="899"/>
      <c r="M23" s="943"/>
      <c r="N23" s="923"/>
      <c r="O23" s="929"/>
      <c r="P23" s="904"/>
      <c r="Q23" s="909"/>
      <c r="R23" s="910"/>
      <c r="S23" s="910"/>
      <c r="T23" s="910"/>
      <c r="U23" s="911"/>
      <c r="V23" s="947"/>
      <c r="W23" s="936"/>
      <c r="X23" s="937"/>
    </row>
    <row r="24" spans="1:24" ht="9.9" customHeight="1" x14ac:dyDescent="0.2">
      <c r="A24" s="880"/>
      <c r="B24" s="885"/>
      <c r="C24" s="886"/>
      <c r="D24" s="886"/>
      <c r="E24" s="887"/>
      <c r="F24" s="891"/>
      <c r="G24" s="892"/>
      <c r="H24" s="893"/>
      <c r="I24" s="842"/>
      <c r="J24" s="925" t="s">
        <v>256</v>
      </c>
      <c r="K24" s="926"/>
      <c r="L24" s="927"/>
      <c r="M24" s="901"/>
      <c r="N24" s="924"/>
      <c r="O24" s="928"/>
      <c r="P24" s="904"/>
      <c r="Q24" s="909"/>
      <c r="R24" s="910"/>
      <c r="S24" s="910"/>
      <c r="T24" s="910"/>
      <c r="U24" s="911"/>
      <c r="V24" s="947"/>
      <c r="W24" s="934" t="s">
        <v>255</v>
      </c>
      <c r="X24" s="935"/>
    </row>
    <row r="25" spans="1:24" ht="9.9" customHeight="1" x14ac:dyDescent="0.2">
      <c r="A25" s="880"/>
      <c r="B25" s="951"/>
      <c r="C25" s="952"/>
      <c r="D25" s="952"/>
      <c r="E25" s="953"/>
      <c r="F25" s="891"/>
      <c r="G25" s="892"/>
      <c r="H25" s="893"/>
      <c r="I25" s="842"/>
      <c r="J25" s="891"/>
      <c r="K25" s="892"/>
      <c r="L25" s="893"/>
      <c r="M25" s="943"/>
      <c r="N25" s="957"/>
      <c r="O25" s="929"/>
      <c r="P25" s="904"/>
      <c r="Q25" s="909"/>
      <c r="R25" s="910"/>
      <c r="S25" s="910"/>
      <c r="T25" s="910"/>
      <c r="U25" s="911"/>
      <c r="V25" s="947"/>
      <c r="W25" s="936"/>
      <c r="X25" s="937"/>
    </row>
    <row r="26" spans="1:24" ht="9.9" customHeight="1" x14ac:dyDescent="0.2">
      <c r="A26" s="881"/>
      <c r="B26" s="954"/>
      <c r="C26" s="955"/>
      <c r="D26" s="955"/>
      <c r="E26" s="956"/>
      <c r="F26" s="894"/>
      <c r="G26" s="895"/>
      <c r="H26" s="896"/>
      <c r="I26" s="843"/>
      <c r="J26" s="894"/>
      <c r="K26" s="895"/>
      <c r="L26" s="896"/>
      <c r="M26" s="905"/>
      <c r="N26" s="958"/>
      <c r="O26" s="930"/>
      <c r="P26" s="905"/>
      <c r="Q26" s="912"/>
      <c r="R26" s="913"/>
      <c r="S26" s="913"/>
      <c r="T26" s="913"/>
      <c r="U26" s="914"/>
      <c r="V26" s="948"/>
      <c r="W26" s="938"/>
      <c r="X26" s="939"/>
    </row>
    <row r="27" spans="1:24" ht="9.9" customHeight="1" x14ac:dyDescent="0.2">
      <c r="A27" s="879"/>
      <c r="B27" s="882"/>
      <c r="C27" s="883"/>
      <c r="D27" s="883"/>
      <c r="E27" s="884"/>
      <c r="F27" s="888"/>
      <c r="G27" s="889"/>
      <c r="H27" s="890"/>
      <c r="I27" s="841"/>
      <c r="J27" s="888" t="s">
        <v>255</v>
      </c>
      <c r="K27" s="889"/>
      <c r="L27" s="890"/>
      <c r="M27" s="900"/>
      <c r="N27" s="931"/>
      <c r="O27" s="932"/>
      <c r="P27" s="900"/>
      <c r="Q27" s="906"/>
      <c r="R27" s="907"/>
      <c r="S27" s="907"/>
      <c r="T27" s="907"/>
      <c r="U27" s="908"/>
      <c r="V27" s="946"/>
      <c r="W27" s="949" t="s">
        <v>255</v>
      </c>
      <c r="X27" s="950"/>
    </row>
    <row r="28" spans="1:24" ht="9.9" customHeight="1" x14ac:dyDescent="0.2">
      <c r="A28" s="880"/>
      <c r="B28" s="885"/>
      <c r="C28" s="886"/>
      <c r="D28" s="886"/>
      <c r="E28" s="887"/>
      <c r="F28" s="891"/>
      <c r="G28" s="892"/>
      <c r="H28" s="893"/>
      <c r="I28" s="842"/>
      <c r="J28" s="891"/>
      <c r="K28" s="892"/>
      <c r="L28" s="893"/>
      <c r="M28" s="901"/>
      <c r="N28" s="924"/>
      <c r="O28" s="929"/>
      <c r="P28" s="904"/>
      <c r="Q28" s="909"/>
      <c r="R28" s="910"/>
      <c r="S28" s="910"/>
      <c r="T28" s="910"/>
      <c r="U28" s="911"/>
      <c r="V28" s="947"/>
      <c r="W28" s="936"/>
      <c r="X28" s="937"/>
    </row>
    <row r="29" spans="1:24" ht="9.9" customHeight="1" x14ac:dyDescent="0.2">
      <c r="A29" s="880"/>
      <c r="B29" s="951"/>
      <c r="C29" s="952"/>
      <c r="D29" s="952"/>
      <c r="E29" s="953"/>
      <c r="F29" s="891"/>
      <c r="G29" s="892"/>
      <c r="H29" s="893"/>
      <c r="I29" s="842"/>
      <c r="J29" s="897"/>
      <c r="K29" s="898"/>
      <c r="L29" s="899"/>
      <c r="M29" s="943"/>
      <c r="N29" s="923"/>
      <c r="O29" s="961"/>
      <c r="P29" s="904"/>
      <c r="Q29" s="909"/>
      <c r="R29" s="910"/>
      <c r="S29" s="910"/>
      <c r="T29" s="910"/>
      <c r="U29" s="911"/>
      <c r="V29" s="947"/>
      <c r="W29" s="962"/>
      <c r="X29" s="963"/>
    </row>
    <row r="30" spans="1:24" ht="9.9" customHeight="1" x14ac:dyDescent="0.2">
      <c r="A30" s="880"/>
      <c r="B30" s="885"/>
      <c r="C30" s="886"/>
      <c r="D30" s="886"/>
      <c r="E30" s="887"/>
      <c r="F30" s="891"/>
      <c r="G30" s="892"/>
      <c r="H30" s="893"/>
      <c r="I30" s="842"/>
      <c r="J30" s="925" t="s">
        <v>256</v>
      </c>
      <c r="K30" s="926"/>
      <c r="L30" s="927"/>
      <c r="M30" s="901"/>
      <c r="N30" s="924"/>
      <c r="O30" s="928"/>
      <c r="P30" s="904"/>
      <c r="Q30" s="909"/>
      <c r="R30" s="910"/>
      <c r="S30" s="910"/>
      <c r="T30" s="910"/>
      <c r="U30" s="911"/>
      <c r="V30" s="947"/>
      <c r="W30" s="934" t="s">
        <v>255</v>
      </c>
      <c r="X30" s="935"/>
    </row>
    <row r="31" spans="1:24" ht="9.9" customHeight="1" x14ac:dyDescent="0.2">
      <c r="A31" s="880"/>
      <c r="B31" s="951"/>
      <c r="C31" s="952"/>
      <c r="D31" s="952"/>
      <c r="E31" s="953"/>
      <c r="F31" s="891"/>
      <c r="G31" s="892"/>
      <c r="H31" s="893"/>
      <c r="I31" s="842"/>
      <c r="J31" s="891"/>
      <c r="K31" s="892"/>
      <c r="L31" s="893"/>
      <c r="M31" s="943"/>
      <c r="N31" s="957"/>
      <c r="O31" s="929"/>
      <c r="P31" s="904"/>
      <c r="Q31" s="909"/>
      <c r="R31" s="910"/>
      <c r="S31" s="910"/>
      <c r="T31" s="910"/>
      <c r="U31" s="911"/>
      <c r="V31" s="947"/>
      <c r="W31" s="936"/>
      <c r="X31" s="937"/>
    </row>
    <row r="32" spans="1:24" ht="9.9" customHeight="1" x14ac:dyDescent="0.2">
      <c r="A32" s="881"/>
      <c r="B32" s="954"/>
      <c r="C32" s="955"/>
      <c r="D32" s="955"/>
      <c r="E32" s="956"/>
      <c r="F32" s="894"/>
      <c r="G32" s="895"/>
      <c r="H32" s="896"/>
      <c r="I32" s="843"/>
      <c r="J32" s="894"/>
      <c r="K32" s="895"/>
      <c r="L32" s="896"/>
      <c r="M32" s="905"/>
      <c r="N32" s="958"/>
      <c r="O32" s="930"/>
      <c r="P32" s="905"/>
      <c r="Q32" s="912"/>
      <c r="R32" s="913"/>
      <c r="S32" s="913"/>
      <c r="T32" s="913"/>
      <c r="U32" s="914"/>
      <c r="V32" s="948"/>
      <c r="W32" s="938"/>
      <c r="X32" s="939"/>
    </row>
    <row r="33" spans="1:24" ht="9.9" customHeight="1" x14ac:dyDescent="0.2">
      <c r="A33" s="879"/>
      <c r="B33" s="882"/>
      <c r="C33" s="883"/>
      <c r="D33" s="883"/>
      <c r="E33" s="884"/>
      <c r="F33" s="888"/>
      <c r="G33" s="889"/>
      <c r="H33" s="890"/>
      <c r="I33" s="841"/>
      <c r="J33" s="888" t="s">
        <v>255</v>
      </c>
      <c r="K33" s="889"/>
      <c r="L33" s="890"/>
      <c r="M33" s="900"/>
      <c r="N33" s="931"/>
      <c r="O33" s="932"/>
      <c r="P33" s="900"/>
      <c r="Q33" s="906"/>
      <c r="R33" s="907"/>
      <c r="S33" s="907"/>
      <c r="T33" s="907"/>
      <c r="U33" s="908"/>
      <c r="V33" s="946"/>
      <c r="W33" s="949" t="s">
        <v>255</v>
      </c>
      <c r="X33" s="950"/>
    </row>
    <row r="34" spans="1:24" ht="9.9" customHeight="1" x14ac:dyDescent="0.2">
      <c r="A34" s="880"/>
      <c r="B34" s="885"/>
      <c r="C34" s="886"/>
      <c r="D34" s="886"/>
      <c r="E34" s="887"/>
      <c r="F34" s="891"/>
      <c r="G34" s="892"/>
      <c r="H34" s="893"/>
      <c r="I34" s="842"/>
      <c r="J34" s="891"/>
      <c r="K34" s="892"/>
      <c r="L34" s="893"/>
      <c r="M34" s="901"/>
      <c r="N34" s="924"/>
      <c r="O34" s="929"/>
      <c r="P34" s="904"/>
      <c r="Q34" s="909"/>
      <c r="R34" s="910"/>
      <c r="S34" s="910"/>
      <c r="T34" s="910"/>
      <c r="U34" s="911"/>
      <c r="V34" s="947"/>
      <c r="W34" s="936"/>
      <c r="X34" s="937"/>
    </row>
    <row r="35" spans="1:24" ht="9.9" customHeight="1" x14ac:dyDescent="0.2">
      <c r="A35" s="880"/>
      <c r="B35" s="951"/>
      <c r="C35" s="952"/>
      <c r="D35" s="952"/>
      <c r="E35" s="953"/>
      <c r="F35" s="891"/>
      <c r="G35" s="892"/>
      <c r="H35" s="893"/>
      <c r="I35" s="842"/>
      <c r="J35" s="897"/>
      <c r="K35" s="898"/>
      <c r="L35" s="899"/>
      <c r="M35" s="943"/>
      <c r="N35" s="923"/>
      <c r="O35" s="929"/>
      <c r="P35" s="904"/>
      <c r="Q35" s="909"/>
      <c r="R35" s="910"/>
      <c r="S35" s="910"/>
      <c r="T35" s="910"/>
      <c r="U35" s="911"/>
      <c r="V35" s="947"/>
      <c r="W35" s="936"/>
      <c r="X35" s="937"/>
    </row>
    <row r="36" spans="1:24" ht="9.9" customHeight="1" x14ac:dyDescent="0.2">
      <c r="A36" s="880"/>
      <c r="B36" s="885"/>
      <c r="C36" s="886"/>
      <c r="D36" s="886"/>
      <c r="E36" s="887"/>
      <c r="F36" s="891"/>
      <c r="G36" s="892"/>
      <c r="H36" s="893"/>
      <c r="I36" s="842"/>
      <c r="J36" s="925" t="s">
        <v>256</v>
      </c>
      <c r="K36" s="926"/>
      <c r="L36" s="927"/>
      <c r="M36" s="901"/>
      <c r="N36" s="924"/>
      <c r="O36" s="928"/>
      <c r="P36" s="904"/>
      <c r="Q36" s="909"/>
      <c r="R36" s="910"/>
      <c r="S36" s="910"/>
      <c r="T36" s="910"/>
      <c r="U36" s="911"/>
      <c r="V36" s="947"/>
      <c r="W36" s="934" t="s">
        <v>255</v>
      </c>
      <c r="X36" s="935"/>
    </row>
    <row r="37" spans="1:24" ht="9.9" customHeight="1" x14ac:dyDescent="0.2">
      <c r="A37" s="880"/>
      <c r="B37" s="951"/>
      <c r="C37" s="952"/>
      <c r="D37" s="952"/>
      <c r="E37" s="953"/>
      <c r="F37" s="891"/>
      <c r="G37" s="892"/>
      <c r="H37" s="893"/>
      <c r="I37" s="842"/>
      <c r="J37" s="891"/>
      <c r="K37" s="892"/>
      <c r="L37" s="893"/>
      <c r="M37" s="943"/>
      <c r="N37" s="957"/>
      <c r="O37" s="929"/>
      <c r="P37" s="904"/>
      <c r="Q37" s="909"/>
      <c r="R37" s="910"/>
      <c r="S37" s="910"/>
      <c r="T37" s="910"/>
      <c r="U37" s="911"/>
      <c r="V37" s="947"/>
      <c r="W37" s="936"/>
      <c r="X37" s="937"/>
    </row>
    <row r="38" spans="1:24" ht="9.9" customHeight="1" x14ac:dyDescent="0.2">
      <c r="A38" s="881"/>
      <c r="B38" s="954"/>
      <c r="C38" s="955"/>
      <c r="D38" s="955"/>
      <c r="E38" s="956"/>
      <c r="F38" s="894"/>
      <c r="G38" s="895"/>
      <c r="H38" s="896"/>
      <c r="I38" s="843"/>
      <c r="J38" s="894"/>
      <c r="K38" s="895"/>
      <c r="L38" s="896"/>
      <c r="M38" s="905"/>
      <c r="N38" s="958"/>
      <c r="O38" s="930"/>
      <c r="P38" s="905"/>
      <c r="Q38" s="912"/>
      <c r="R38" s="913"/>
      <c r="S38" s="913"/>
      <c r="T38" s="913"/>
      <c r="U38" s="914"/>
      <c r="V38" s="948"/>
      <c r="W38" s="938"/>
      <c r="X38" s="939"/>
    </row>
    <row r="39" spans="1:24" ht="9.9" customHeight="1" x14ac:dyDescent="0.2">
      <c r="A39" s="879"/>
      <c r="B39" s="882"/>
      <c r="C39" s="883"/>
      <c r="D39" s="883"/>
      <c r="E39" s="884"/>
      <c r="F39" s="888"/>
      <c r="G39" s="889"/>
      <c r="H39" s="890"/>
      <c r="I39" s="841"/>
      <c r="J39" s="888" t="s">
        <v>255</v>
      </c>
      <c r="K39" s="889"/>
      <c r="L39" s="890"/>
      <c r="M39" s="900"/>
      <c r="N39" s="931"/>
      <c r="O39" s="932"/>
      <c r="P39" s="900"/>
      <c r="Q39" s="906"/>
      <c r="R39" s="907"/>
      <c r="S39" s="907"/>
      <c r="T39" s="907"/>
      <c r="U39" s="908"/>
      <c r="V39" s="946"/>
      <c r="W39" s="949" t="s">
        <v>255</v>
      </c>
      <c r="X39" s="950"/>
    </row>
    <row r="40" spans="1:24" ht="9.9" customHeight="1" x14ac:dyDescent="0.2">
      <c r="A40" s="880"/>
      <c r="B40" s="885"/>
      <c r="C40" s="886"/>
      <c r="D40" s="886"/>
      <c r="E40" s="887"/>
      <c r="F40" s="891"/>
      <c r="G40" s="892"/>
      <c r="H40" s="893"/>
      <c r="I40" s="842"/>
      <c r="J40" s="891"/>
      <c r="K40" s="892"/>
      <c r="L40" s="893"/>
      <c r="M40" s="901"/>
      <c r="N40" s="924"/>
      <c r="O40" s="929"/>
      <c r="P40" s="904"/>
      <c r="Q40" s="909"/>
      <c r="R40" s="910"/>
      <c r="S40" s="910"/>
      <c r="T40" s="910"/>
      <c r="U40" s="911"/>
      <c r="V40" s="947"/>
      <c r="W40" s="936"/>
      <c r="X40" s="937"/>
    </row>
    <row r="41" spans="1:24" ht="9.9" customHeight="1" x14ac:dyDescent="0.2">
      <c r="A41" s="880"/>
      <c r="B41" s="951"/>
      <c r="C41" s="952"/>
      <c r="D41" s="952"/>
      <c r="E41" s="953"/>
      <c r="F41" s="891"/>
      <c r="G41" s="892"/>
      <c r="H41" s="893"/>
      <c r="I41" s="842"/>
      <c r="J41" s="897"/>
      <c r="K41" s="898"/>
      <c r="L41" s="899"/>
      <c r="M41" s="943"/>
      <c r="N41" s="923"/>
      <c r="O41" s="961"/>
      <c r="P41" s="904"/>
      <c r="Q41" s="909"/>
      <c r="R41" s="910"/>
      <c r="S41" s="910"/>
      <c r="T41" s="910"/>
      <c r="U41" s="911"/>
      <c r="V41" s="947"/>
      <c r="W41" s="936"/>
      <c r="X41" s="937"/>
    </row>
    <row r="42" spans="1:24" ht="9.9" customHeight="1" x14ac:dyDescent="0.2">
      <c r="A42" s="880"/>
      <c r="B42" s="885"/>
      <c r="C42" s="886"/>
      <c r="D42" s="886"/>
      <c r="E42" s="887"/>
      <c r="F42" s="891"/>
      <c r="G42" s="892"/>
      <c r="H42" s="893"/>
      <c r="I42" s="842"/>
      <c r="J42" s="925" t="s">
        <v>256</v>
      </c>
      <c r="K42" s="926"/>
      <c r="L42" s="927"/>
      <c r="M42" s="901"/>
      <c r="N42" s="924"/>
      <c r="O42" s="928"/>
      <c r="P42" s="904"/>
      <c r="Q42" s="909"/>
      <c r="R42" s="910"/>
      <c r="S42" s="910"/>
      <c r="T42" s="910"/>
      <c r="U42" s="911"/>
      <c r="V42" s="947"/>
      <c r="W42" s="934" t="s">
        <v>255</v>
      </c>
      <c r="X42" s="935"/>
    </row>
    <row r="43" spans="1:24" ht="9.9" customHeight="1" x14ac:dyDescent="0.2">
      <c r="A43" s="880"/>
      <c r="B43" s="951"/>
      <c r="C43" s="952"/>
      <c r="D43" s="952"/>
      <c r="E43" s="953"/>
      <c r="F43" s="891"/>
      <c r="G43" s="892"/>
      <c r="H43" s="893"/>
      <c r="I43" s="842"/>
      <c r="J43" s="891"/>
      <c r="K43" s="892"/>
      <c r="L43" s="893"/>
      <c r="M43" s="943"/>
      <c r="N43" s="957"/>
      <c r="O43" s="929"/>
      <c r="P43" s="904"/>
      <c r="Q43" s="909"/>
      <c r="R43" s="910"/>
      <c r="S43" s="910"/>
      <c r="T43" s="910"/>
      <c r="U43" s="911"/>
      <c r="V43" s="947"/>
      <c r="W43" s="936"/>
      <c r="X43" s="937"/>
    </row>
    <row r="44" spans="1:24" ht="9.9" customHeight="1" x14ac:dyDescent="0.2">
      <c r="A44" s="881"/>
      <c r="B44" s="954"/>
      <c r="C44" s="955"/>
      <c r="D44" s="955"/>
      <c r="E44" s="956"/>
      <c r="F44" s="894"/>
      <c r="G44" s="895"/>
      <c r="H44" s="896"/>
      <c r="I44" s="843"/>
      <c r="J44" s="894"/>
      <c r="K44" s="895"/>
      <c r="L44" s="896"/>
      <c r="M44" s="905"/>
      <c r="N44" s="958"/>
      <c r="O44" s="930"/>
      <c r="P44" s="905"/>
      <c r="Q44" s="912"/>
      <c r="R44" s="913"/>
      <c r="S44" s="913"/>
      <c r="T44" s="913"/>
      <c r="U44" s="914"/>
      <c r="V44" s="948"/>
      <c r="W44" s="938"/>
      <c r="X44" s="939"/>
    </row>
    <row r="45" spans="1:24" ht="9.9" customHeight="1" x14ac:dyDescent="0.2">
      <c r="A45" s="879"/>
      <c r="B45" s="882"/>
      <c r="C45" s="883"/>
      <c r="D45" s="883"/>
      <c r="E45" s="884"/>
      <c r="F45" s="888"/>
      <c r="G45" s="889"/>
      <c r="H45" s="890"/>
      <c r="I45" s="841"/>
      <c r="J45" s="888" t="s">
        <v>255</v>
      </c>
      <c r="K45" s="889"/>
      <c r="L45" s="890"/>
      <c r="M45" s="900"/>
      <c r="N45" s="931"/>
      <c r="O45" s="932"/>
      <c r="P45" s="900"/>
      <c r="Q45" s="906"/>
      <c r="R45" s="907"/>
      <c r="S45" s="907"/>
      <c r="T45" s="907"/>
      <c r="U45" s="908"/>
      <c r="V45" s="946"/>
      <c r="W45" s="949" t="s">
        <v>255</v>
      </c>
      <c r="X45" s="950"/>
    </row>
    <row r="46" spans="1:24" ht="9.9" customHeight="1" x14ac:dyDescent="0.2">
      <c r="A46" s="880"/>
      <c r="B46" s="885"/>
      <c r="C46" s="886"/>
      <c r="D46" s="886"/>
      <c r="E46" s="887"/>
      <c r="F46" s="891"/>
      <c r="G46" s="892"/>
      <c r="H46" s="893"/>
      <c r="I46" s="842"/>
      <c r="J46" s="891"/>
      <c r="K46" s="892"/>
      <c r="L46" s="893"/>
      <c r="M46" s="901"/>
      <c r="N46" s="924"/>
      <c r="O46" s="929"/>
      <c r="P46" s="904"/>
      <c r="Q46" s="909"/>
      <c r="R46" s="910"/>
      <c r="S46" s="910"/>
      <c r="T46" s="910"/>
      <c r="U46" s="911"/>
      <c r="V46" s="947"/>
      <c r="W46" s="936"/>
      <c r="X46" s="937"/>
    </row>
    <row r="47" spans="1:24" ht="9.9" customHeight="1" x14ac:dyDescent="0.2">
      <c r="A47" s="880"/>
      <c r="B47" s="951"/>
      <c r="C47" s="952"/>
      <c r="D47" s="952"/>
      <c r="E47" s="953"/>
      <c r="F47" s="891"/>
      <c r="G47" s="892"/>
      <c r="H47" s="893"/>
      <c r="I47" s="842"/>
      <c r="J47" s="897"/>
      <c r="K47" s="898"/>
      <c r="L47" s="899"/>
      <c r="M47" s="943"/>
      <c r="N47" s="923"/>
      <c r="O47" s="961"/>
      <c r="P47" s="904"/>
      <c r="Q47" s="909"/>
      <c r="R47" s="910"/>
      <c r="S47" s="910"/>
      <c r="T47" s="910"/>
      <c r="U47" s="911"/>
      <c r="V47" s="947"/>
      <c r="W47" s="936"/>
      <c r="X47" s="937"/>
    </row>
    <row r="48" spans="1:24" ht="9.9" customHeight="1" x14ac:dyDescent="0.2">
      <c r="A48" s="880"/>
      <c r="B48" s="885"/>
      <c r="C48" s="886"/>
      <c r="D48" s="886"/>
      <c r="E48" s="887"/>
      <c r="F48" s="891"/>
      <c r="G48" s="892"/>
      <c r="H48" s="893"/>
      <c r="I48" s="842"/>
      <c r="J48" s="925" t="s">
        <v>256</v>
      </c>
      <c r="K48" s="926"/>
      <c r="L48" s="927"/>
      <c r="M48" s="901"/>
      <c r="N48" s="924"/>
      <c r="O48" s="928"/>
      <c r="P48" s="904"/>
      <c r="Q48" s="909"/>
      <c r="R48" s="910"/>
      <c r="S48" s="910"/>
      <c r="T48" s="910"/>
      <c r="U48" s="911"/>
      <c r="V48" s="947"/>
      <c r="W48" s="934" t="s">
        <v>255</v>
      </c>
      <c r="X48" s="935"/>
    </row>
    <row r="49" spans="1:25" ht="9.9" customHeight="1" x14ac:dyDescent="0.2">
      <c r="A49" s="880"/>
      <c r="B49" s="951"/>
      <c r="C49" s="952"/>
      <c r="D49" s="952"/>
      <c r="E49" s="953"/>
      <c r="F49" s="891"/>
      <c r="G49" s="892"/>
      <c r="H49" s="893"/>
      <c r="I49" s="842"/>
      <c r="J49" s="891"/>
      <c r="K49" s="892"/>
      <c r="L49" s="893"/>
      <c r="M49" s="943"/>
      <c r="N49" s="957"/>
      <c r="O49" s="929"/>
      <c r="P49" s="904"/>
      <c r="Q49" s="909"/>
      <c r="R49" s="910"/>
      <c r="S49" s="910"/>
      <c r="T49" s="910"/>
      <c r="U49" s="911"/>
      <c r="V49" s="947"/>
      <c r="W49" s="936"/>
      <c r="X49" s="937"/>
    </row>
    <row r="50" spans="1:25" ht="9.9" customHeight="1" x14ac:dyDescent="0.2">
      <c r="A50" s="881"/>
      <c r="B50" s="954"/>
      <c r="C50" s="955"/>
      <c r="D50" s="955"/>
      <c r="E50" s="956"/>
      <c r="F50" s="894"/>
      <c r="G50" s="895"/>
      <c r="H50" s="896"/>
      <c r="I50" s="843"/>
      <c r="J50" s="894"/>
      <c r="K50" s="895"/>
      <c r="L50" s="896"/>
      <c r="M50" s="905"/>
      <c r="N50" s="958"/>
      <c r="O50" s="930"/>
      <c r="P50" s="905"/>
      <c r="Q50" s="912"/>
      <c r="R50" s="913"/>
      <c r="S50" s="913"/>
      <c r="T50" s="913"/>
      <c r="U50" s="914"/>
      <c r="V50" s="948"/>
      <c r="W50" s="938"/>
      <c r="X50" s="939"/>
    </row>
    <row r="51" spans="1:25" ht="9.9" customHeight="1" x14ac:dyDescent="0.2">
      <c r="A51" s="879"/>
      <c r="B51" s="882"/>
      <c r="C51" s="883"/>
      <c r="D51" s="883"/>
      <c r="E51" s="884"/>
      <c r="F51" s="888"/>
      <c r="G51" s="889"/>
      <c r="H51" s="890"/>
      <c r="I51" s="841"/>
      <c r="J51" s="888" t="s">
        <v>255</v>
      </c>
      <c r="K51" s="889"/>
      <c r="L51" s="890"/>
      <c r="M51" s="900"/>
      <c r="N51" s="931"/>
      <c r="O51" s="932"/>
      <c r="P51" s="900"/>
      <c r="Q51" s="906"/>
      <c r="R51" s="907"/>
      <c r="S51" s="907"/>
      <c r="T51" s="907"/>
      <c r="U51" s="908"/>
      <c r="V51" s="946"/>
      <c r="W51" s="949" t="s">
        <v>255</v>
      </c>
      <c r="X51" s="950"/>
    </row>
    <row r="52" spans="1:25" ht="9.9" customHeight="1" x14ac:dyDescent="0.2">
      <c r="A52" s="880"/>
      <c r="B52" s="885"/>
      <c r="C52" s="886"/>
      <c r="D52" s="886"/>
      <c r="E52" s="887"/>
      <c r="F52" s="891"/>
      <c r="G52" s="892"/>
      <c r="H52" s="893"/>
      <c r="I52" s="842"/>
      <c r="J52" s="891"/>
      <c r="K52" s="892"/>
      <c r="L52" s="893"/>
      <c r="M52" s="901"/>
      <c r="N52" s="924"/>
      <c r="O52" s="929"/>
      <c r="P52" s="904"/>
      <c r="Q52" s="909"/>
      <c r="R52" s="910"/>
      <c r="S52" s="910"/>
      <c r="T52" s="910"/>
      <c r="U52" s="911"/>
      <c r="V52" s="947"/>
      <c r="W52" s="936"/>
      <c r="X52" s="937"/>
    </row>
    <row r="53" spans="1:25" ht="9.9" customHeight="1" x14ac:dyDescent="0.2">
      <c r="A53" s="880"/>
      <c r="B53" s="951"/>
      <c r="C53" s="952"/>
      <c r="D53" s="952"/>
      <c r="E53" s="953"/>
      <c r="F53" s="891"/>
      <c r="G53" s="892"/>
      <c r="H53" s="893"/>
      <c r="I53" s="842"/>
      <c r="J53" s="897"/>
      <c r="K53" s="898"/>
      <c r="L53" s="899"/>
      <c r="M53" s="943"/>
      <c r="N53" s="923"/>
      <c r="O53" s="929"/>
      <c r="P53" s="904"/>
      <c r="Q53" s="909"/>
      <c r="R53" s="910"/>
      <c r="S53" s="910"/>
      <c r="T53" s="910"/>
      <c r="U53" s="911"/>
      <c r="V53" s="947"/>
      <c r="W53" s="936"/>
      <c r="X53" s="937"/>
    </row>
    <row r="54" spans="1:25" ht="9.9" customHeight="1" x14ac:dyDescent="0.2">
      <c r="A54" s="880"/>
      <c r="B54" s="885"/>
      <c r="C54" s="886"/>
      <c r="D54" s="886"/>
      <c r="E54" s="887"/>
      <c r="F54" s="891"/>
      <c r="G54" s="892"/>
      <c r="H54" s="893"/>
      <c r="I54" s="842"/>
      <c r="J54" s="925" t="s">
        <v>256</v>
      </c>
      <c r="K54" s="926"/>
      <c r="L54" s="927"/>
      <c r="M54" s="901"/>
      <c r="N54" s="924"/>
      <c r="O54" s="928"/>
      <c r="P54" s="904"/>
      <c r="Q54" s="909"/>
      <c r="R54" s="910"/>
      <c r="S54" s="910"/>
      <c r="T54" s="910"/>
      <c r="U54" s="911"/>
      <c r="V54" s="947"/>
      <c r="W54" s="934" t="s">
        <v>255</v>
      </c>
      <c r="X54" s="935"/>
    </row>
    <row r="55" spans="1:25" ht="9.9" customHeight="1" x14ac:dyDescent="0.2">
      <c r="A55" s="880"/>
      <c r="B55" s="951"/>
      <c r="C55" s="952"/>
      <c r="D55" s="952"/>
      <c r="E55" s="953"/>
      <c r="F55" s="891"/>
      <c r="G55" s="892"/>
      <c r="H55" s="893"/>
      <c r="I55" s="842"/>
      <c r="J55" s="891"/>
      <c r="K55" s="892"/>
      <c r="L55" s="893"/>
      <c r="M55" s="943"/>
      <c r="N55" s="957"/>
      <c r="O55" s="929"/>
      <c r="P55" s="904"/>
      <c r="Q55" s="909"/>
      <c r="R55" s="910"/>
      <c r="S55" s="910"/>
      <c r="T55" s="910"/>
      <c r="U55" s="911"/>
      <c r="V55" s="947"/>
      <c r="W55" s="936"/>
      <c r="X55" s="937"/>
    </row>
    <row r="56" spans="1:25" ht="9.9" customHeight="1" x14ac:dyDescent="0.2">
      <c r="A56" s="881"/>
      <c r="B56" s="954"/>
      <c r="C56" s="955"/>
      <c r="D56" s="955"/>
      <c r="E56" s="956"/>
      <c r="F56" s="894"/>
      <c r="G56" s="895"/>
      <c r="H56" s="896"/>
      <c r="I56" s="843"/>
      <c r="J56" s="894"/>
      <c r="K56" s="895"/>
      <c r="L56" s="896"/>
      <c r="M56" s="905"/>
      <c r="N56" s="958"/>
      <c r="O56" s="930"/>
      <c r="P56" s="905"/>
      <c r="Q56" s="912"/>
      <c r="R56" s="913"/>
      <c r="S56" s="913"/>
      <c r="T56" s="913"/>
      <c r="U56" s="914"/>
      <c r="V56" s="948"/>
      <c r="W56" s="938"/>
      <c r="X56" s="939"/>
    </row>
    <row r="57" spans="1:25" ht="9.9" customHeight="1" x14ac:dyDescent="0.2">
      <c r="A57" s="879"/>
      <c r="B57" s="882"/>
      <c r="C57" s="883"/>
      <c r="D57" s="883"/>
      <c r="E57" s="884"/>
      <c r="F57" s="888"/>
      <c r="G57" s="889"/>
      <c r="H57" s="890"/>
      <c r="I57" s="841"/>
      <c r="J57" s="888" t="s">
        <v>255</v>
      </c>
      <c r="K57" s="889"/>
      <c r="L57" s="890"/>
      <c r="M57" s="900"/>
      <c r="N57" s="931"/>
      <c r="O57" s="932"/>
      <c r="P57" s="900"/>
      <c r="Q57" s="906"/>
      <c r="R57" s="907"/>
      <c r="S57" s="907"/>
      <c r="T57" s="907"/>
      <c r="U57" s="908"/>
      <c r="V57" s="946"/>
      <c r="W57" s="949" t="s">
        <v>255</v>
      </c>
      <c r="X57" s="950"/>
    </row>
    <row r="58" spans="1:25" ht="9.9" customHeight="1" x14ac:dyDescent="0.2">
      <c r="A58" s="880"/>
      <c r="B58" s="885"/>
      <c r="C58" s="886"/>
      <c r="D58" s="886"/>
      <c r="E58" s="887"/>
      <c r="F58" s="891"/>
      <c r="G58" s="892"/>
      <c r="H58" s="893"/>
      <c r="I58" s="842"/>
      <c r="J58" s="891"/>
      <c r="K58" s="892"/>
      <c r="L58" s="893"/>
      <c r="M58" s="901"/>
      <c r="N58" s="924"/>
      <c r="O58" s="929"/>
      <c r="P58" s="904"/>
      <c r="Q58" s="909"/>
      <c r="R58" s="910"/>
      <c r="S58" s="910"/>
      <c r="T58" s="910"/>
      <c r="U58" s="911"/>
      <c r="V58" s="947"/>
      <c r="W58" s="936"/>
      <c r="X58" s="937"/>
    </row>
    <row r="59" spans="1:25" ht="9.9" customHeight="1" x14ac:dyDescent="0.2">
      <c r="A59" s="880"/>
      <c r="B59" s="951"/>
      <c r="C59" s="952"/>
      <c r="D59" s="952"/>
      <c r="E59" s="953"/>
      <c r="F59" s="891"/>
      <c r="G59" s="892"/>
      <c r="H59" s="893"/>
      <c r="I59" s="842"/>
      <c r="J59" s="897"/>
      <c r="K59" s="898"/>
      <c r="L59" s="899"/>
      <c r="M59" s="943"/>
      <c r="N59" s="923"/>
      <c r="O59" s="929"/>
      <c r="P59" s="904"/>
      <c r="Q59" s="909"/>
      <c r="R59" s="910"/>
      <c r="S59" s="910"/>
      <c r="T59" s="910"/>
      <c r="U59" s="911"/>
      <c r="V59" s="947"/>
      <c r="W59" s="936"/>
      <c r="X59" s="937"/>
    </row>
    <row r="60" spans="1:25" ht="9.9" customHeight="1" x14ac:dyDescent="0.2">
      <c r="A60" s="880"/>
      <c r="B60" s="885"/>
      <c r="C60" s="886"/>
      <c r="D60" s="886"/>
      <c r="E60" s="887"/>
      <c r="F60" s="891"/>
      <c r="G60" s="892"/>
      <c r="H60" s="893"/>
      <c r="I60" s="842"/>
      <c r="J60" s="925" t="s">
        <v>256</v>
      </c>
      <c r="K60" s="926"/>
      <c r="L60" s="927"/>
      <c r="M60" s="901"/>
      <c r="N60" s="924"/>
      <c r="O60" s="928"/>
      <c r="P60" s="904"/>
      <c r="Q60" s="909"/>
      <c r="R60" s="910"/>
      <c r="S60" s="910"/>
      <c r="T60" s="910"/>
      <c r="U60" s="911"/>
      <c r="V60" s="947"/>
      <c r="W60" s="934" t="s">
        <v>255</v>
      </c>
      <c r="X60" s="935"/>
    </row>
    <row r="61" spans="1:25" ht="9.9" customHeight="1" x14ac:dyDescent="0.2">
      <c r="A61" s="880"/>
      <c r="B61" s="951"/>
      <c r="C61" s="952"/>
      <c r="D61" s="952"/>
      <c r="E61" s="953"/>
      <c r="F61" s="891"/>
      <c r="G61" s="892"/>
      <c r="H61" s="893"/>
      <c r="I61" s="842"/>
      <c r="J61" s="891"/>
      <c r="K61" s="892"/>
      <c r="L61" s="893"/>
      <c r="M61" s="943"/>
      <c r="N61" s="957"/>
      <c r="O61" s="929"/>
      <c r="P61" s="904"/>
      <c r="Q61" s="909"/>
      <c r="R61" s="910"/>
      <c r="S61" s="910"/>
      <c r="T61" s="910"/>
      <c r="U61" s="911"/>
      <c r="V61" s="947"/>
      <c r="W61" s="936"/>
      <c r="X61" s="937"/>
    </row>
    <row r="62" spans="1:25" ht="9.9" customHeight="1" x14ac:dyDescent="0.2">
      <c r="A62" s="881"/>
      <c r="B62" s="954"/>
      <c r="C62" s="955"/>
      <c r="D62" s="955"/>
      <c r="E62" s="956"/>
      <c r="F62" s="894"/>
      <c r="G62" s="895"/>
      <c r="H62" s="896"/>
      <c r="I62" s="843"/>
      <c r="J62" s="894"/>
      <c r="K62" s="895"/>
      <c r="L62" s="896"/>
      <c r="M62" s="965"/>
      <c r="N62" s="966"/>
      <c r="O62" s="964"/>
      <c r="P62" s="905"/>
      <c r="Q62" s="912"/>
      <c r="R62" s="913"/>
      <c r="S62" s="913"/>
      <c r="T62" s="913"/>
      <c r="U62" s="914"/>
      <c r="V62" s="948"/>
      <c r="W62" s="938"/>
      <c r="X62" s="939"/>
    </row>
    <row r="63" spans="1:25" s="249" customFormat="1" ht="13.5" customHeight="1" x14ac:dyDescent="0.2">
      <c r="A63" s="257" t="s">
        <v>254</v>
      </c>
      <c r="B63" s="257"/>
      <c r="C63" s="257"/>
      <c r="D63" s="257"/>
      <c r="H63" s="257"/>
      <c r="I63" s="257"/>
      <c r="J63" s="257"/>
      <c r="K63" s="257"/>
      <c r="L63" s="257"/>
      <c r="M63" s="262"/>
      <c r="N63" s="262"/>
      <c r="O63" s="262"/>
      <c r="P63" s="262"/>
      <c r="Q63" s="257" t="s">
        <v>351</v>
      </c>
      <c r="R63" s="263"/>
      <c r="S63" s="263"/>
      <c r="T63" s="263"/>
      <c r="U63" s="263"/>
      <c r="V63" s="263"/>
      <c r="W63" s="263"/>
      <c r="X63" s="263"/>
      <c r="Y63" s="263"/>
    </row>
    <row r="64" spans="1:25" s="249" customFormat="1" ht="13.5" customHeight="1" x14ac:dyDescent="0.2">
      <c r="A64" s="257"/>
      <c r="B64" s="257"/>
      <c r="C64" s="257"/>
      <c r="D64" s="257"/>
      <c r="H64" s="257"/>
      <c r="I64" s="257"/>
      <c r="J64" s="257"/>
      <c r="K64" s="257"/>
      <c r="L64" s="257"/>
      <c r="M64" s="262"/>
      <c r="N64" s="262"/>
      <c r="O64" s="262"/>
      <c r="P64" s="262"/>
      <c r="Q64" s="308" t="s">
        <v>352</v>
      </c>
      <c r="R64" s="262"/>
      <c r="S64" s="262"/>
      <c r="T64" s="262"/>
      <c r="U64" s="262"/>
      <c r="V64" s="262"/>
      <c r="W64" s="262"/>
      <c r="X64" s="262"/>
      <c r="Y64" s="262"/>
    </row>
    <row r="65" spans="1:25" s="249" customFormat="1" ht="3" customHeight="1" x14ac:dyDescent="0.2">
      <c r="A65" s="257"/>
      <c r="B65" s="257"/>
      <c r="C65" s="257"/>
      <c r="D65" s="257"/>
      <c r="H65" s="257"/>
      <c r="I65" s="257"/>
      <c r="J65" s="257"/>
      <c r="K65" s="257"/>
      <c r="L65" s="257"/>
      <c r="N65" s="257"/>
      <c r="O65" s="257"/>
      <c r="P65" s="257"/>
      <c r="Q65" s="257"/>
      <c r="R65" s="257"/>
      <c r="S65" s="257"/>
      <c r="T65" s="257"/>
      <c r="U65" s="257"/>
      <c r="V65" s="257"/>
      <c r="W65" s="257"/>
      <c r="X65" s="257"/>
    </row>
    <row r="66" spans="1:25" s="249" customFormat="1" ht="13.5" customHeight="1" x14ac:dyDescent="0.2">
      <c r="A66" s="264"/>
      <c r="B66" s="264" t="s">
        <v>253</v>
      </c>
      <c r="C66" s="264"/>
      <c r="D66" s="264"/>
      <c r="E66" s="264" t="s">
        <v>252</v>
      </c>
      <c r="F66" s="264"/>
      <c r="G66" s="264"/>
      <c r="H66" s="264"/>
      <c r="I66" s="264"/>
      <c r="J66" s="264"/>
      <c r="K66" s="264" t="s">
        <v>251</v>
      </c>
      <c r="L66" s="264"/>
      <c r="M66" s="969" t="s">
        <v>250</v>
      </c>
      <c r="N66" s="969"/>
      <c r="O66" s="265"/>
      <c r="P66" s="257"/>
      <c r="Q66" s="967" t="s">
        <v>353</v>
      </c>
      <c r="R66" s="967"/>
      <c r="S66" s="967"/>
      <c r="T66" s="967"/>
      <c r="U66" s="967"/>
      <c r="V66" s="967"/>
      <c r="W66" s="967"/>
      <c r="X66" s="967"/>
      <c r="Y66" s="967"/>
    </row>
    <row r="67" spans="1:25" s="249" customFormat="1" ht="3" customHeight="1" x14ac:dyDescent="0.2">
      <c r="A67" s="264"/>
      <c r="B67" s="264"/>
      <c r="C67" s="264"/>
      <c r="D67" s="264"/>
      <c r="E67" s="264"/>
      <c r="F67" s="264"/>
      <c r="G67" s="264"/>
      <c r="H67" s="264"/>
      <c r="I67" s="264"/>
      <c r="J67" s="264"/>
      <c r="K67" s="264"/>
      <c r="L67" s="264"/>
      <c r="N67" s="257"/>
      <c r="O67" s="257"/>
      <c r="P67" s="257"/>
      <c r="Q67" s="967"/>
      <c r="R67" s="967"/>
      <c r="S67" s="967"/>
      <c r="T67" s="967"/>
      <c r="U67" s="967"/>
      <c r="V67" s="967"/>
      <c r="W67" s="967"/>
      <c r="X67" s="967"/>
      <c r="Y67" s="967"/>
    </row>
    <row r="68" spans="1:25" s="249" customFormat="1" ht="11.25" customHeight="1" x14ac:dyDescent="0.2">
      <c r="A68" s="264"/>
      <c r="B68" s="264"/>
      <c r="C68" s="264"/>
      <c r="D68" s="264"/>
      <c r="E68" s="264"/>
      <c r="F68" s="264"/>
      <c r="G68" s="264"/>
      <c r="H68" s="264"/>
      <c r="I68" s="264"/>
      <c r="J68" s="264"/>
      <c r="K68" s="264"/>
      <c r="L68" s="264"/>
      <c r="M68" s="266"/>
      <c r="N68" s="258"/>
      <c r="O68" s="258"/>
      <c r="P68" s="258"/>
      <c r="Q68" s="967"/>
      <c r="R68" s="967"/>
      <c r="S68" s="967"/>
      <c r="T68" s="967"/>
      <c r="U68" s="967"/>
      <c r="V68" s="967"/>
      <c r="W68" s="967"/>
      <c r="X68" s="967"/>
      <c r="Y68" s="967"/>
    </row>
    <row r="69" spans="1:25" s="249" customFormat="1" ht="14.25" customHeight="1" x14ac:dyDescent="0.2">
      <c r="A69" s="264"/>
      <c r="B69" s="264" t="s">
        <v>249</v>
      </c>
      <c r="C69" s="264"/>
      <c r="D69" s="264"/>
      <c r="E69" s="264" t="s">
        <v>248</v>
      </c>
      <c r="F69" s="264"/>
      <c r="G69" s="264"/>
      <c r="H69" s="264"/>
      <c r="I69" s="264" t="s">
        <v>247</v>
      </c>
      <c r="J69" s="264"/>
      <c r="K69" s="264"/>
      <c r="L69" s="264" t="s">
        <v>246</v>
      </c>
      <c r="M69" s="266"/>
      <c r="N69" s="264" t="s">
        <v>245</v>
      </c>
      <c r="O69" s="264"/>
      <c r="P69" s="258"/>
      <c r="Q69" s="967"/>
      <c r="R69" s="967"/>
      <c r="S69" s="967"/>
      <c r="T69" s="967"/>
      <c r="U69" s="967"/>
      <c r="V69" s="967"/>
      <c r="W69" s="967"/>
      <c r="X69" s="967"/>
      <c r="Y69" s="967"/>
    </row>
    <row r="70" spans="1:25" s="249" customFormat="1" ht="13.5" customHeight="1" x14ac:dyDescent="0.2">
      <c r="A70" s="264"/>
      <c r="B70" s="264"/>
      <c r="C70" s="264"/>
      <c r="D70" s="264"/>
      <c r="E70" s="264"/>
      <c r="F70" s="264"/>
      <c r="G70" s="264"/>
      <c r="H70" s="264"/>
      <c r="I70" s="264"/>
      <c r="J70" s="264"/>
      <c r="K70" s="264"/>
      <c r="L70" s="264"/>
      <c r="M70" s="264"/>
      <c r="N70" s="264"/>
      <c r="O70" s="264"/>
      <c r="P70" s="257"/>
      <c r="Q70" s="967"/>
      <c r="R70" s="967"/>
      <c r="S70" s="967"/>
      <c r="T70" s="967"/>
      <c r="U70" s="967"/>
      <c r="V70" s="967"/>
      <c r="W70" s="967"/>
      <c r="X70" s="967"/>
      <c r="Y70" s="967"/>
    </row>
    <row r="71" spans="1:25" s="249" customFormat="1" ht="13.5" customHeight="1" x14ac:dyDescent="0.2">
      <c r="B71" s="970" t="s">
        <v>354</v>
      </c>
      <c r="C71" s="970"/>
      <c r="D71" s="970"/>
      <c r="F71" s="970" t="s">
        <v>244</v>
      </c>
      <c r="G71" s="970"/>
      <c r="H71" s="970"/>
      <c r="I71" s="970"/>
      <c r="J71" s="970"/>
      <c r="K71" s="257"/>
      <c r="L71" s="971" t="s">
        <v>243</v>
      </c>
      <c r="M71" s="971"/>
      <c r="N71" s="257"/>
      <c r="O71" s="257"/>
      <c r="P71" s="257"/>
      <c r="Q71" s="967" t="s">
        <v>355</v>
      </c>
      <c r="R71" s="967"/>
      <c r="S71" s="967"/>
      <c r="T71" s="967"/>
      <c r="U71" s="967"/>
      <c r="V71" s="967"/>
      <c r="W71" s="967"/>
      <c r="X71" s="967"/>
      <c r="Y71" s="967"/>
    </row>
    <row r="72" spans="1:25" s="249" customFormat="1" ht="13.5" customHeight="1" x14ac:dyDescent="0.2">
      <c r="A72" s="267"/>
      <c r="B72" s="970"/>
      <c r="C72" s="970"/>
      <c r="D72" s="970"/>
      <c r="E72" s="268"/>
      <c r="F72" s="970"/>
      <c r="G72" s="970"/>
      <c r="H72" s="970"/>
      <c r="I72" s="970"/>
      <c r="J72" s="970"/>
      <c r="K72" s="269"/>
      <c r="L72" s="971"/>
      <c r="M72" s="971"/>
      <c r="N72" s="269"/>
      <c r="O72" s="269"/>
      <c r="P72" s="257"/>
      <c r="Q72" s="967"/>
      <c r="R72" s="967"/>
      <c r="S72" s="967"/>
      <c r="T72" s="967"/>
      <c r="U72" s="967"/>
      <c r="V72" s="967"/>
      <c r="W72" s="967"/>
      <c r="X72" s="967"/>
      <c r="Y72" s="967"/>
    </row>
    <row r="73" spans="1:25" s="249" customFormat="1" ht="13.5" customHeight="1" x14ac:dyDescent="0.2">
      <c r="A73" s="967" t="s">
        <v>242</v>
      </c>
      <c r="B73" s="967"/>
      <c r="C73" s="967"/>
      <c r="D73" s="967"/>
      <c r="E73" s="967"/>
      <c r="F73" s="967"/>
      <c r="G73" s="967"/>
      <c r="H73" s="967"/>
      <c r="I73" s="967"/>
      <c r="J73" s="967"/>
      <c r="K73" s="967"/>
      <c r="L73" s="967"/>
      <c r="M73" s="967"/>
      <c r="N73" s="967"/>
      <c r="O73" s="967"/>
      <c r="P73" s="967"/>
      <c r="Q73" s="967" t="s">
        <v>356</v>
      </c>
      <c r="R73" s="967"/>
      <c r="S73" s="967"/>
      <c r="T73" s="967"/>
      <c r="U73" s="967"/>
      <c r="V73" s="967"/>
      <c r="W73" s="967"/>
      <c r="X73" s="967"/>
      <c r="Y73" s="967"/>
    </row>
    <row r="74" spans="1:25" s="249" customFormat="1" ht="13.5" customHeight="1" x14ac:dyDescent="0.2">
      <c r="A74" s="967"/>
      <c r="B74" s="967"/>
      <c r="C74" s="967"/>
      <c r="D74" s="967"/>
      <c r="E74" s="967"/>
      <c r="F74" s="967"/>
      <c r="G74" s="967"/>
      <c r="H74" s="967"/>
      <c r="I74" s="967"/>
      <c r="J74" s="967"/>
      <c r="K74" s="967"/>
      <c r="L74" s="967"/>
      <c r="M74" s="967"/>
      <c r="N74" s="967"/>
      <c r="O74" s="967"/>
      <c r="P74" s="967"/>
      <c r="Q74" s="967"/>
      <c r="R74" s="967"/>
      <c r="S74" s="967"/>
      <c r="T74" s="967"/>
      <c r="U74" s="967"/>
      <c r="V74" s="967"/>
      <c r="W74" s="967"/>
      <c r="X74" s="967"/>
      <c r="Y74" s="967"/>
    </row>
    <row r="75" spans="1:25" ht="13.5" customHeight="1" x14ac:dyDescent="0.2">
      <c r="A75" s="263"/>
      <c r="B75" s="263"/>
      <c r="C75" s="263"/>
      <c r="D75" s="263"/>
      <c r="E75" s="263"/>
      <c r="F75" s="263"/>
      <c r="G75" s="263"/>
      <c r="H75" s="263"/>
      <c r="I75" s="263"/>
      <c r="J75" s="263"/>
      <c r="K75" s="263"/>
      <c r="L75" s="263"/>
      <c r="M75" s="263"/>
      <c r="N75" s="263"/>
      <c r="O75" s="263"/>
      <c r="P75" s="263"/>
      <c r="Q75" s="967"/>
      <c r="R75" s="967"/>
      <c r="S75" s="967"/>
      <c r="T75" s="967"/>
      <c r="U75" s="967"/>
      <c r="V75" s="967"/>
      <c r="W75" s="967"/>
      <c r="X75" s="967"/>
      <c r="Y75" s="967"/>
    </row>
    <row r="76" spans="1:25" ht="13.5" customHeight="1" x14ac:dyDescent="0.2">
      <c r="M76" s="262"/>
      <c r="N76" s="262"/>
      <c r="O76" s="262"/>
      <c r="P76" s="262"/>
      <c r="Q76" s="967" t="s">
        <v>357</v>
      </c>
      <c r="R76" s="967"/>
      <c r="S76" s="967"/>
      <c r="T76" s="967"/>
      <c r="U76" s="967"/>
      <c r="V76" s="967"/>
      <c r="W76" s="967"/>
      <c r="X76" s="967"/>
      <c r="Y76" s="967"/>
    </row>
    <row r="77" spans="1:25" ht="13.5" customHeight="1" x14ac:dyDescent="0.2">
      <c r="M77" s="262"/>
      <c r="N77" s="262"/>
      <c r="O77" s="262"/>
      <c r="P77" s="262"/>
      <c r="Q77" s="967"/>
      <c r="R77" s="967"/>
      <c r="S77" s="967"/>
      <c r="T77" s="967"/>
      <c r="U77" s="967"/>
      <c r="V77" s="967"/>
      <c r="W77" s="967"/>
      <c r="X77" s="967"/>
      <c r="Y77" s="967"/>
    </row>
    <row r="78" spans="1:25" ht="13.5" customHeight="1" x14ac:dyDescent="0.2">
      <c r="A78" s="263"/>
      <c r="B78" s="263"/>
      <c r="C78" s="263"/>
      <c r="D78" s="263"/>
      <c r="E78" s="263"/>
      <c r="F78" s="263"/>
      <c r="G78" s="263"/>
      <c r="H78" s="263"/>
      <c r="I78" s="263"/>
      <c r="J78" s="263"/>
      <c r="K78" s="263"/>
      <c r="L78" s="263"/>
      <c r="M78" s="263"/>
      <c r="N78" s="263"/>
      <c r="P78" s="263"/>
      <c r="Q78" s="967" t="s">
        <v>358</v>
      </c>
      <c r="R78" s="967"/>
      <c r="S78" s="967"/>
      <c r="T78" s="967"/>
      <c r="U78" s="967"/>
      <c r="V78" s="967"/>
      <c r="W78" s="967"/>
      <c r="X78" s="967"/>
      <c r="Y78" s="967"/>
    </row>
    <row r="79" spans="1:25" ht="13.5" customHeight="1" x14ac:dyDescent="0.2">
      <c r="M79" s="262"/>
      <c r="N79" s="262"/>
      <c r="P79" s="262"/>
      <c r="Q79" s="967"/>
      <c r="R79" s="967"/>
      <c r="S79" s="967"/>
      <c r="T79" s="967"/>
      <c r="U79" s="967"/>
      <c r="V79" s="967"/>
      <c r="W79" s="967"/>
      <c r="X79" s="967"/>
      <c r="Y79" s="967"/>
    </row>
    <row r="80" spans="1:25" ht="13.5" customHeight="1" x14ac:dyDescent="0.2">
      <c r="M80" s="262"/>
      <c r="N80" s="262"/>
      <c r="P80" s="262"/>
      <c r="Q80" s="967" t="s">
        <v>359</v>
      </c>
      <c r="R80" s="967"/>
      <c r="S80" s="967"/>
      <c r="T80" s="967"/>
      <c r="U80" s="967"/>
      <c r="V80" s="967"/>
      <c r="W80" s="967"/>
      <c r="X80" s="967"/>
      <c r="Y80" s="967"/>
    </row>
    <row r="81" spans="13:25" x14ac:dyDescent="0.2">
      <c r="M81" s="266"/>
      <c r="N81" s="258"/>
      <c r="P81" s="258"/>
      <c r="Q81" s="967"/>
      <c r="R81" s="967"/>
      <c r="S81" s="967"/>
      <c r="T81" s="967"/>
      <c r="U81" s="967"/>
      <c r="V81" s="967"/>
      <c r="W81" s="967"/>
      <c r="X81" s="967"/>
      <c r="Y81" s="967"/>
    </row>
    <row r="82" spans="13:25" x14ac:dyDescent="0.2">
      <c r="Q82" s="257" t="s">
        <v>360</v>
      </c>
    </row>
    <row r="86" spans="13:25" x14ac:dyDescent="0.2">
      <c r="M86" s="968"/>
      <c r="N86" s="968"/>
      <c r="O86" s="968"/>
      <c r="P86" s="968"/>
      <c r="Q86" s="968"/>
      <c r="R86" s="968"/>
      <c r="S86" s="968"/>
      <c r="T86" s="968"/>
      <c r="U86" s="968"/>
      <c r="V86" s="968"/>
      <c r="W86" s="968"/>
      <c r="X86" s="968"/>
      <c r="Y86" s="968"/>
    </row>
    <row r="87" spans="13:25" x14ac:dyDescent="0.2">
      <c r="M87" s="968"/>
      <c r="N87" s="968"/>
      <c r="O87" s="968"/>
      <c r="P87" s="968"/>
      <c r="Q87" s="968"/>
      <c r="R87" s="968"/>
      <c r="S87" s="968"/>
      <c r="T87" s="968"/>
      <c r="U87" s="968"/>
      <c r="V87" s="968"/>
      <c r="W87" s="968"/>
      <c r="X87" s="968"/>
      <c r="Y87" s="968"/>
    </row>
  </sheetData>
  <mergeCells count="214">
    <mergeCell ref="A73:P74"/>
    <mergeCell ref="Q73:Y75"/>
    <mergeCell ref="Q76:Y77"/>
    <mergeCell ref="Q78:Y79"/>
    <mergeCell ref="Q80:Y81"/>
    <mergeCell ref="M86:Y87"/>
    <mergeCell ref="M66:N66"/>
    <mergeCell ref="Q66:Y70"/>
    <mergeCell ref="B71:D71"/>
    <mergeCell ref="F71:J71"/>
    <mergeCell ref="L71:M71"/>
    <mergeCell ref="Q71:Y72"/>
    <mergeCell ref="B72:D72"/>
    <mergeCell ref="F72:J72"/>
    <mergeCell ref="L72:M72"/>
    <mergeCell ref="V57:V62"/>
    <mergeCell ref="W57:X59"/>
    <mergeCell ref="W54:X56"/>
    <mergeCell ref="B55:E56"/>
    <mergeCell ref="M55:M56"/>
    <mergeCell ref="N55:N56"/>
    <mergeCell ref="V51:V56"/>
    <mergeCell ref="W51:X53"/>
    <mergeCell ref="B59:E60"/>
    <mergeCell ref="M59:M60"/>
    <mergeCell ref="N59:N60"/>
    <mergeCell ref="J60:L62"/>
    <mergeCell ref="O60:O62"/>
    <mergeCell ref="W60:X62"/>
    <mergeCell ref="B61:E62"/>
    <mergeCell ref="M61:M62"/>
    <mergeCell ref="N61:N62"/>
    <mergeCell ref="A57:A62"/>
    <mergeCell ref="B57:E58"/>
    <mergeCell ref="F57:H62"/>
    <mergeCell ref="I57:I62"/>
    <mergeCell ref="J57:L59"/>
    <mergeCell ref="M57:M58"/>
    <mergeCell ref="O51:O53"/>
    <mergeCell ref="P51:P56"/>
    <mergeCell ref="Q51:U56"/>
    <mergeCell ref="B53:E54"/>
    <mergeCell ref="M53:M54"/>
    <mergeCell ref="N53:N54"/>
    <mergeCell ref="J54:L56"/>
    <mergeCell ref="O54:O56"/>
    <mergeCell ref="N57:N58"/>
    <mergeCell ref="O57:O59"/>
    <mergeCell ref="P57:P62"/>
    <mergeCell ref="Q57:U62"/>
    <mergeCell ref="M49:M50"/>
    <mergeCell ref="N49:N50"/>
    <mergeCell ref="A51:A56"/>
    <mergeCell ref="B51:E52"/>
    <mergeCell ref="F51:H56"/>
    <mergeCell ref="I51:I56"/>
    <mergeCell ref="J51:L53"/>
    <mergeCell ref="M51:M52"/>
    <mergeCell ref="N51:N52"/>
    <mergeCell ref="A45:A50"/>
    <mergeCell ref="B45:E46"/>
    <mergeCell ref="F45:H50"/>
    <mergeCell ref="I45:I50"/>
    <mergeCell ref="J45:L47"/>
    <mergeCell ref="M45:M46"/>
    <mergeCell ref="B47:E48"/>
    <mergeCell ref="M47:M48"/>
    <mergeCell ref="J48:L50"/>
    <mergeCell ref="B49:E50"/>
    <mergeCell ref="N45:N46"/>
    <mergeCell ref="O45:O47"/>
    <mergeCell ref="P45:P50"/>
    <mergeCell ref="Q45:U50"/>
    <mergeCell ref="V45:V50"/>
    <mergeCell ref="W45:X47"/>
    <mergeCell ref="N47:N48"/>
    <mergeCell ref="O48:O50"/>
    <mergeCell ref="W48:X50"/>
    <mergeCell ref="V39:V44"/>
    <mergeCell ref="W39:X41"/>
    <mergeCell ref="W36:X38"/>
    <mergeCell ref="B37:E38"/>
    <mergeCell ref="M37:M38"/>
    <mergeCell ref="N37:N38"/>
    <mergeCell ref="V33:V38"/>
    <mergeCell ref="W33:X35"/>
    <mergeCell ref="B41:E42"/>
    <mergeCell ref="M41:M42"/>
    <mergeCell ref="N41:N42"/>
    <mergeCell ref="J42:L44"/>
    <mergeCell ref="O42:O44"/>
    <mergeCell ref="W42:X44"/>
    <mergeCell ref="B43:E44"/>
    <mergeCell ref="M43:M44"/>
    <mergeCell ref="N43:N44"/>
    <mergeCell ref="A39:A44"/>
    <mergeCell ref="B39:E40"/>
    <mergeCell ref="F39:H44"/>
    <mergeCell ref="I39:I44"/>
    <mergeCell ref="J39:L41"/>
    <mergeCell ref="M39:M40"/>
    <mergeCell ref="O33:O35"/>
    <mergeCell ref="P33:P38"/>
    <mergeCell ref="Q33:U38"/>
    <mergeCell ref="B35:E36"/>
    <mergeCell ref="M35:M36"/>
    <mergeCell ref="N35:N36"/>
    <mergeCell ref="J36:L38"/>
    <mergeCell ref="O36:O38"/>
    <mergeCell ref="N39:N40"/>
    <mergeCell ref="O39:O41"/>
    <mergeCell ref="P39:P44"/>
    <mergeCell ref="Q39:U44"/>
    <mergeCell ref="M31:M32"/>
    <mergeCell ref="N31:N32"/>
    <mergeCell ref="A33:A38"/>
    <mergeCell ref="B33:E34"/>
    <mergeCell ref="F33:H38"/>
    <mergeCell ref="I33:I38"/>
    <mergeCell ref="J33:L35"/>
    <mergeCell ref="M33:M34"/>
    <mergeCell ref="N33:N34"/>
    <mergeCell ref="A27:A32"/>
    <mergeCell ref="B27:E28"/>
    <mergeCell ref="F27:H32"/>
    <mergeCell ref="I27:I32"/>
    <mergeCell ref="J27:L29"/>
    <mergeCell ref="M27:M28"/>
    <mergeCell ref="B29:E30"/>
    <mergeCell ref="M29:M30"/>
    <mergeCell ref="J30:L32"/>
    <mergeCell ref="B31:E32"/>
    <mergeCell ref="N27:N28"/>
    <mergeCell ref="O27:O29"/>
    <mergeCell ref="P27:P32"/>
    <mergeCell ref="Q27:U32"/>
    <mergeCell ref="V27:V32"/>
    <mergeCell ref="W27:X29"/>
    <mergeCell ref="N29:N30"/>
    <mergeCell ref="O30:O32"/>
    <mergeCell ref="W30:X32"/>
    <mergeCell ref="V21:V26"/>
    <mergeCell ref="W21:X23"/>
    <mergeCell ref="W18:X20"/>
    <mergeCell ref="B19:E20"/>
    <mergeCell ref="M19:M20"/>
    <mergeCell ref="N19:N20"/>
    <mergeCell ref="V15:V20"/>
    <mergeCell ref="W15:X17"/>
    <mergeCell ref="B23:E24"/>
    <mergeCell ref="M23:M24"/>
    <mergeCell ref="N23:N24"/>
    <mergeCell ref="J24:L26"/>
    <mergeCell ref="O24:O26"/>
    <mergeCell ref="W24:X26"/>
    <mergeCell ref="B25:E26"/>
    <mergeCell ref="M25:M26"/>
    <mergeCell ref="N25:N26"/>
    <mergeCell ref="N15:N16"/>
    <mergeCell ref="A21:A26"/>
    <mergeCell ref="B21:E22"/>
    <mergeCell ref="F21:H26"/>
    <mergeCell ref="I21:I26"/>
    <mergeCell ref="J21:L23"/>
    <mergeCell ref="M21:M22"/>
    <mergeCell ref="O15:O17"/>
    <mergeCell ref="P15:P20"/>
    <mergeCell ref="Q15:U20"/>
    <mergeCell ref="B17:E18"/>
    <mergeCell ref="M17:M18"/>
    <mergeCell ref="N17:N18"/>
    <mergeCell ref="J18:L20"/>
    <mergeCell ref="O18:O20"/>
    <mergeCell ref="N21:N22"/>
    <mergeCell ref="O21:O23"/>
    <mergeCell ref="P21:P26"/>
    <mergeCell ref="Q21:U26"/>
    <mergeCell ref="A15:A20"/>
    <mergeCell ref="B15:E16"/>
    <mergeCell ref="F15:H20"/>
    <mergeCell ref="I15:I20"/>
    <mergeCell ref="J15:L17"/>
    <mergeCell ref="M15:M16"/>
    <mergeCell ref="W9:X11"/>
    <mergeCell ref="B11:E12"/>
    <mergeCell ref="M11:N12"/>
    <mergeCell ref="J12:L14"/>
    <mergeCell ref="O12:O14"/>
    <mergeCell ref="P12:P14"/>
    <mergeCell ref="Q12:U14"/>
    <mergeCell ref="V12:V14"/>
    <mergeCell ref="W12:X14"/>
    <mergeCell ref="B13:E14"/>
    <mergeCell ref="A9:A14"/>
    <mergeCell ref="B9:E10"/>
    <mergeCell ref="F9:H14"/>
    <mergeCell ref="I9:I14"/>
    <mergeCell ref="J9:L11"/>
    <mergeCell ref="M9:N10"/>
    <mergeCell ref="O9:O11"/>
    <mergeCell ref="P9:V11"/>
    <mergeCell ref="M13:N14"/>
    <mergeCell ref="M1:S1"/>
    <mergeCell ref="M2:S2"/>
    <mergeCell ref="V2:V3"/>
    <mergeCell ref="W2:X3"/>
    <mergeCell ref="A3:C3"/>
    <mergeCell ref="D3:I3"/>
    <mergeCell ref="K3:M6"/>
    <mergeCell ref="A4:C4"/>
    <mergeCell ref="D4:I4"/>
    <mergeCell ref="V4:X4"/>
    <mergeCell ref="P6:S6"/>
    <mergeCell ref="W6:X6"/>
  </mergeCells>
  <phoneticPr fontId="2"/>
  <printOptions horizontalCentered="1" verticalCentered="1"/>
  <pageMargins left="0.43307086614173229" right="0.19685039370078741" top="0.51181102362204722" bottom="0.19685039370078741" header="0.19685039370078741" footer="0.19685039370078741"/>
  <pageSetup paperSize="8" scale="90" orientation="landscape" r:id="rId1"/>
  <headerFooter alignWithMargins="0"/>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CG1818"/>
  <sheetViews>
    <sheetView view="pageBreakPreview" zoomScale="80" zoomScaleNormal="100" zoomScaleSheetLayoutView="80" workbookViewId="0">
      <selection activeCell="CS38" sqref="CS38"/>
    </sheetView>
  </sheetViews>
  <sheetFormatPr defaultColWidth="1.81640625" defaultRowHeight="13" x14ac:dyDescent="0.2"/>
  <cols>
    <col min="1" max="1" width="1.81640625" style="193" customWidth="1"/>
    <col min="2" max="2" width="3.1796875" style="193" customWidth="1"/>
    <col min="3" max="7" width="2.81640625" style="193" customWidth="1"/>
    <col min="8" max="13" width="2.1796875" style="193" customWidth="1"/>
    <col min="14" max="15" width="2.81640625" style="193" customWidth="1"/>
    <col min="16" max="16" width="3.90625" style="193" customWidth="1"/>
    <col min="17" max="21" width="2.1796875" style="193" customWidth="1"/>
    <col min="22" max="22" width="3.90625" style="193" customWidth="1"/>
    <col min="23" max="27" width="2.1796875" style="193" customWidth="1"/>
    <col min="28" max="33" width="2.90625" style="193" customWidth="1"/>
    <col min="34" max="34" width="2.1796875" style="193" customWidth="1"/>
    <col min="35" max="37" width="3" style="193" customWidth="1"/>
    <col min="38" max="38" width="2.1796875" style="193" customWidth="1"/>
    <col min="39" max="39" width="3.90625" style="193" customWidth="1"/>
    <col min="40" max="45" width="2.1796875" style="193" customWidth="1"/>
    <col min="46" max="46" width="3.90625" style="193" customWidth="1"/>
    <col min="47" max="59" width="2.1796875" style="193" customWidth="1"/>
    <col min="60" max="67" width="1.1796875" style="193" customWidth="1"/>
    <col min="68" max="79" width="2.1796875" style="193" customWidth="1"/>
    <col min="80" max="80" width="3.90625" style="193" customWidth="1"/>
    <col min="81" max="85" width="2.1796875" style="193" customWidth="1"/>
    <col min="86" max="256" width="1.81640625" style="193"/>
    <col min="257" max="257" width="1.81640625" style="193" customWidth="1"/>
    <col min="258" max="258" width="3.1796875" style="193" customWidth="1"/>
    <col min="259" max="263" width="2.81640625" style="193" customWidth="1"/>
    <col min="264" max="269" width="2.1796875" style="193" customWidth="1"/>
    <col min="270" max="271" width="2.81640625" style="193" customWidth="1"/>
    <col min="272" max="272" width="3.90625" style="193" customWidth="1"/>
    <col min="273" max="277" width="2.1796875" style="193" customWidth="1"/>
    <col min="278" max="278" width="3.90625" style="193" customWidth="1"/>
    <col min="279" max="283" width="2.1796875" style="193" customWidth="1"/>
    <col min="284" max="289" width="2.90625" style="193" customWidth="1"/>
    <col min="290" max="290" width="2.1796875" style="193" customWidth="1"/>
    <col min="291" max="293" width="3" style="193" customWidth="1"/>
    <col min="294" max="294" width="2.1796875" style="193" customWidth="1"/>
    <col min="295" max="295" width="3.90625" style="193" customWidth="1"/>
    <col min="296" max="301" width="2.1796875" style="193" customWidth="1"/>
    <col min="302" max="302" width="3.90625" style="193" customWidth="1"/>
    <col min="303" max="315" width="2.1796875" style="193" customWidth="1"/>
    <col min="316" max="323" width="1.1796875" style="193" customWidth="1"/>
    <col min="324" max="335" width="2.1796875" style="193" customWidth="1"/>
    <col min="336" max="336" width="3.90625" style="193" customWidth="1"/>
    <col min="337" max="341" width="2.1796875" style="193" customWidth="1"/>
    <col min="342" max="512" width="1.81640625" style="193"/>
    <col min="513" max="513" width="1.81640625" style="193" customWidth="1"/>
    <col min="514" max="514" width="3.1796875" style="193" customWidth="1"/>
    <col min="515" max="519" width="2.81640625" style="193" customWidth="1"/>
    <col min="520" max="525" width="2.1796875" style="193" customWidth="1"/>
    <col min="526" max="527" width="2.81640625" style="193" customWidth="1"/>
    <col min="528" max="528" width="3.90625" style="193" customWidth="1"/>
    <col min="529" max="533" width="2.1796875" style="193" customWidth="1"/>
    <col min="534" max="534" width="3.90625" style="193" customWidth="1"/>
    <col min="535" max="539" width="2.1796875" style="193" customWidth="1"/>
    <col min="540" max="545" width="2.90625" style="193" customWidth="1"/>
    <col min="546" max="546" width="2.1796875" style="193" customWidth="1"/>
    <col min="547" max="549" width="3" style="193" customWidth="1"/>
    <col min="550" max="550" width="2.1796875" style="193" customWidth="1"/>
    <col min="551" max="551" width="3.90625" style="193" customWidth="1"/>
    <col min="552" max="557" width="2.1796875" style="193" customWidth="1"/>
    <col min="558" max="558" width="3.90625" style="193" customWidth="1"/>
    <col min="559" max="571" width="2.1796875" style="193" customWidth="1"/>
    <col min="572" max="579" width="1.1796875" style="193" customWidth="1"/>
    <col min="580" max="591" width="2.1796875" style="193" customWidth="1"/>
    <col min="592" max="592" width="3.90625" style="193" customWidth="1"/>
    <col min="593" max="597" width="2.1796875" style="193" customWidth="1"/>
    <col min="598" max="768" width="1.81640625" style="193"/>
    <col min="769" max="769" width="1.81640625" style="193" customWidth="1"/>
    <col min="770" max="770" width="3.1796875" style="193" customWidth="1"/>
    <col min="771" max="775" width="2.81640625" style="193" customWidth="1"/>
    <col min="776" max="781" width="2.1796875" style="193" customWidth="1"/>
    <col min="782" max="783" width="2.81640625" style="193" customWidth="1"/>
    <col min="784" max="784" width="3.90625" style="193" customWidth="1"/>
    <col min="785" max="789" width="2.1796875" style="193" customWidth="1"/>
    <col min="790" max="790" width="3.90625" style="193" customWidth="1"/>
    <col min="791" max="795" width="2.1796875" style="193" customWidth="1"/>
    <col min="796" max="801" width="2.90625" style="193" customWidth="1"/>
    <col min="802" max="802" width="2.1796875" style="193" customWidth="1"/>
    <col min="803" max="805" width="3" style="193" customWidth="1"/>
    <col min="806" max="806" width="2.1796875" style="193" customWidth="1"/>
    <col min="807" max="807" width="3.90625" style="193" customWidth="1"/>
    <col min="808" max="813" width="2.1796875" style="193" customWidth="1"/>
    <col min="814" max="814" width="3.90625" style="193" customWidth="1"/>
    <col min="815" max="827" width="2.1796875" style="193" customWidth="1"/>
    <col min="828" max="835" width="1.1796875" style="193" customWidth="1"/>
    <col min="836" max="847" width="2.1796875" style="193" customWidth="1"/>
    <col min="848" max="848" width="3.90625" style="193" customWidth="1"/>
    <col min="849" max="853" width="2.1796875" style="193" customWidth="1"/>
    <col min="854" max="1024" width="1.81640625" style="193"/>
    <col min="1025" max="1025" width="1.81640625" style="193" customWidth="1"/>
    <col min="1026" max="1026" width="3.1796875" style="193" customWidth="1"/>
    <col min="1027" max="1031" width="2.81640625" style="193" customWidth="1"/>
    <col min="1032" max="1037" width="2.1796875" style="193" customWidth="1"/>
    <col min="1038" max="1039" width="2.81640625" style="193" customWidth="1"/>
    <col min="1040" max="1040" width="3.90625" style="193" customWidth="1"/>
    <col min="1041" max="1045" width="2.1796875" style="193" customWidth="1"/>
    <col min="1046" max="1046" width="3.90625" style="193" customWidth="1"/>
    <col min="1047" max="1051" width="2.1796875" style="193" customWidth="1"/>
    <col min="1052" max="1057" width="2.90625" style="193" customWidth="1"/>
    <col min="1058" max="1058" width="2.1796875" style="193" customWidth="1"/>
    <col min="1059" max="1061" width="3" style="193" customWidth="1"/>
    <col min="1062" max="1062" width="2.1796875" style="193" customWidth="1"/>
    <col min="1063" max="1063" width="3.90625" style="193" customWidth="1"/>
    <col min="1064" max="1069" width="2.1796875" style="193" customWidth="1"/>
    <col min="1070" max="1070" width="3.90625" style="193" customWidth="1"/>
    <col min="1071" max="1083" width="2.1796875" style="193" customWidth="1"/>
    <col min="1084" max="1091" width="1.1796875" style="193" customWidth="1"/>
    <col min="1092" max="1103" width="2.1796875" style="193" customWidth="1"/>
    <col min="1104" max="1104" width="3.90625" style="193" customWidth="1"/>
    <col min="1105" max="1109" width="2.1796875" style="193" customWidth="1"/>
    <col min="1110" max="1280" width="1.81640625" style="193"/>
    <col min="1281" max="1281" width="1.81640625" style="193" customWidth="1"/>
    <col min="1282" max="1282" width="3.1796875" style="193" customWidth="1"/>
    <col min="1283" max="1287" width="2.81640625" style="193" customWidth="1"/>
    <col min="1288" max="1293" width="2.1796875" style="193" customWidth="1"/>
    <col min="1294" max="1295" width="2.81640625" style="193" customWidth="1"/>
    <col min="1296" max="1296" width="3.90625" style="193" customWidth="1"/>
    <col min="1297" max="1301" width="2.1796875" style="193" customWidth="1"/>
    <col min="1302" max="1302" width="3.90625" style="193" customWidth="1"/>
    <col min="1303" max="1307" width="2.1796875" style="193" customWidth="1"/>
    <col min="1308" max="1313" width="2.90625" style="193" customWidth="1"/>
    <col min="1314" max="1314" width="2.1796875" style="193" customWidth="1"/>
    <col min="1315" max="1317" width="3" style="193" customWidth="1"/>
    <col min="1318" max="1318" width="2.1796875" style="193" customWidth="1"/>
    <col min="1319" max="1319" width="3.90625" style="193" customWidth="1"/>
    <col min="1320" max="1325" width="2.1796875" style="193" customWidth="1"/>
    <col min="1326" max="1326" width="3.90625" style="193" customWidth="1"/>
    <col min="1327" max="1339" width="2.1796875" style="193" customWidth="1"/>
    <col min="1340" max="1347" width="1.1796875" style="193" customWidth="1"/>
    <col min="1348" max="1359" width="2.1796875" style="193" customWidth="1"/>
    <col min="1360" max="1360" width="3.90625" style="193" customWidth="1"/>
    <col min="1361" max="1365" width="2.1796875" style="193" customWidth="1"/>
    <col min="1366" max="1536" width="1.81640625" style="193"/>
    <col min="1537" max="1537" width="1.81640625" style="193" customWidth="1"/>
    <col min="1538" max="1538" width="3.1796875" style="193" customWidth="1"/>
    <col min="1539" max="1543" width="2.81640625" style="193" customWidth="1"/>
    <col min="1544" max="1549" width="2.1796875" style="193" customWidth="1"/>
    <col min="1550" max="1551" width="2.81640625" style="193" customWidth="1"/>
    <col min="1552" max="1552" width="3.90625" style="193" customWidth="1"/>
    <col min="1553" max="1557" width="2.1796875" style="193" customWidth="1"/>
    <col min="1558" max="1558" width="3.90625" style="193" customWidth="1"/>
    <col min="1559" max="1563" width="2.1796875" style="193" customWidth="1"/>
    <col min="1564" max="1569" width="2.90625" style="193" customWidth="1"/>
    <col min="1570" max="1570" width="2.1796875" style="193" customWidth="1"/>
    <col min="1571" max="1573" width="3" style="193" customWidth="1"/>
    <col min="1574" max="1574" width="2.1796875" style="193" customWidth="1"/>
    <col min="1575" max="1575" width="3.90625" style="193" customWidth="1"/>
    <col min="1576" max="1581" width="2.1796875" style="193" customWidth="1"/>
    <col min="1582" max="1582" width="3.90625" style="193" customWidth="1"/>
    <col min="1583" max="1595" width="2.1796875" style="193" customWidth="1"/>
    <col min="1596" max="1603" width="1.1796875" style="193" customWidth="1"/>
    <col min="1604" max="1615" width="2.1796875" style="193" customWidth="1"/>
    <col min="1616" max="1616" width="3.90625" style="193" customWidth="1"/>
    <col min="1617" max="1621" width="2.1796875" style="193" customWidth="1"/>
    <col min="1622" max="1792" width="1.81640625" style="193"/>
    <col min="1793" max="1793" width="1.81640625" style="193" customWidth="1"/>
    <col min="1794" max="1794" width="3.1796875" style="193" customWidth="1"/>
    <col min="1795" max="1799" width="2.81640625" style="193" customWidth="1"/>
    <col min="1800" max="1805" width="2.1796875" style="193" customWidth="1"/>
    <col min="1806" max="1807" width="2.81640625" style="193" customWidth="1"/>
    <col min="1808" max="1808" width="3.90625" style="193" customWidth="1"/>
    <col min="1809" max="1813" width="2.1796875" style="193" customWidth="1"/>
    <col min="1814" max="1814" width="3.90625" style="193" customWidth="1"/>
    <col min="1815" max="1819" width="2.1796875" style="193" customWidth="1"/>
    <col min="1820" max="1825" width="2.90625" style="193" customWidth="1"/>
    <col min="1826" max="1826" width="2.1796875" style="193" customWidth="1"/>
    <col min="1827" max="1829" width="3" style="193" customWidth="1"/>
    <col min="1830" max="1830" width="2.1796875" style="193" customWidth="1"/>
    <col min="1831" max="1831" width="3.90625" style="193" customWidth="1"/>
    <col min="1832" max="1837" width="2.1796875" style="193" customWidth="1"/>
    <col min="1838" max="1838" width="3.90625" style="193" customWidth="1"/>
    <col min="1839" max="1851" width="2.1796875" style="193" customWidth="1"/>
    <col min="1852" max="1859" width="1.1796875" style="193" customWidth="1"/>
    <col min="1860" max="1871" width="2.1796875" style="193" customWidth="1"/>
    <col min="1872" max="1872" width="3.90625" style="193" customWidth="1"/>
    <col min="1873" max="1877" width="2.1796875" style="193" customWidth="1"/>
    <col min="1878" max="2048" width="1.81640625" style="193"/>
    <col min="2049" max="2049" width="1.81640625" style="193" customWidth="1"/>
    <col min="2050" max="2050" width="3.1796875" style="193" customWidth="1"/>
    <col min="2051" max="2055" width="2.81640625" style="193" customWidth="1"/>
    <col min="2056" max="2061" width="2.1796875" style="193" customWidth="1"/>
    <col min="2062" max="2063" width="2.81640625" style="193" customWidth="1"/>
    <col min="2064" max="2064" width="3.90625" style="193" customWidth="1"/>
    <col min="2065" max="2069" width="2.1796875" style="193" customWidth="1"/>
    <col min="2070" max="2070" width="3.90625" style="193" customWidth="1"/>
    <col min="2071" max="2075" width="2.1796875" style="193" customWidth="1"/>
    <col min="2076" max="2081" width="2.90625" style="193" customWidth="1"/>
    <col min="2082" max="2082" width="2.1796875" style="193" customWidth="1"/>
    <col min="2083" max="2085" width="3" style="193" customWidth="1"/>
    <col min="2086" max="2086" width="2.1796875" style="193" customWidth="1"/>
    <col min="2087" max="2087" width="3.90625" style="193" customWidth="1"/>
    <col min="2088" max="2093" width="2.1796875" style="193" customWidth="1"/>
    <col min="2094" max="2094" width="3.90625" style="193" customWidth="1"/>
    <col min="2095" max="2107" width="2.1796875" style="193" customWidth="1"/>
    <col min="2108" max="2115" width="1.1796875" style="193" customWidth="1"/>
    <col min="2116" max="2127" width="2.1796875" style="193" customWidth="1"/>
    <col min="2128" max="2128" width="3.90625" style="193" customWidth="1"/>
    <col min="2129" max="2133" width="2.1796875" style="193" customWidth="1"/>
    <col min="2134" max="2304" width="1.81640625" style="193"/>
    <col min="2305" max="2305" width="1.81640625" style="193" customWidth="1"/>
    <col min="2306" max="2306" width="3.1796875" style="193" customWidth="1"/>
    <col min="2307" max="2311" width="2.81640625" style="193" customWidth="1"/>
    <col min="2312" max="2317" width="2.1796875" style="193" customWidth="1"/>
    <col min="2318" max="2319" width="2.81640625" style="193" customWidth="1"/>
    <col min="2320" max="2320" width="3.90625" style="193" customWidth="1"/>
    <col min="2321" max="2325" width="2.1796875" style="193" customWidth="1"/>
    <col min="2326" max="2326" width="3.90625" style="193" customWidth="1"/>
    <col min="2327" max="2331" width="2.1796875" style="193" customWidth="1"/>
    <col min="2332" max="2337" width="2.90625" style="193" customWidth="1"/>
    <col min="2338" max="2338" width="2.1796875" style="193" customWidth="1"/>
    <col min="2339" max="2341" width="3" style="193" customWidth="1"/>
    <col min="2342" max="2342" width="2.1796875" style="193" customWidth="1"/>
    <col min="2343" max="2343" width="3.90625" style="193" customWidth="1"/>
    <col min="2344" max="2349" width="2.1796875" style="193" customWidth="1"/>
    <col min="2350" max="2350" width="3.90625" style="193" customWidth="1"/>
    <col min="2351" max="2363" width="2.1796875" style="193" customWidth="1"/>
    <col min="2364" max="2371" width="1.1796875" style="193" customWidth="1"/>
    <col min="2372" max="2383" width="2.1796875" style="193" customWidth="1"/>
    <col min="2384" max="2384" width="3.90625" style="193" customWidth="1"/>
    <col min="2385" max="2389" width="2.1796875" style="193" customWidth="1"/>
    <col min="2390" max="2560" width="1.81640625" style="193"/>
    <col min="2561" max="2561" width="1.81640625" style="193" customWidth="1"/>
    <col min="2562" max="2562" width="3.1796875" style="193" customWidth="1"/>
    <col min="2563" max="2567" width="2.81640625" style="193" customWidth="1"/>
    <col min="2568" max="2573" width="2.1796875" style="193" customWidth="1"/>
    <col min="2574" max="2575" width="2.81640625" style="193" customWidth="1"/>
    <col min="2576" max="2576" width="3.90625" style="193" customWidth="1"/>
    <col min="2577" max="2581" width="2.1796875" style="193" customWidth="1"/>
    <col min="2582" max="2582" width="3.90625" style="193" customWidth="1"/>
    <col min="2583" max="2587" width="2.1796875" style="193" customWidth="1"/>
    <col min="2588" max="2593" width="2.90625" style="193" customWidth="1"/>
    <col min="2594" max="2594" width="2.1796875" style="193" customWidth="1"/>
    <col min="2595" max="2597" width="3" style="193" customWidth="1"/>
    <col min="2598" max="2598" width="2.1796875" style="193" customWidth="1"/>
    <col min="2599" max="2599" width="3.90625" style="193" customWidth="1"/>
    <col min="2600" max="2605" width="2.1796875" style="193" customWidth="1"/>
    <col min="2606" max="2606" width="3.90625" style="193" customWidth="1"/>
    <col min="2607" max="2619" width="2.1796875" style="193" customWidth="1"/>
    <col min="2620" max="2627" width="1.1796875" style="193" customWidth="1"/>
    <col min="2628" max="2639" width="2.1796875" style="193" customWidth="1"/>
    <col min="2640" max="2640" width="3.90625" style="193" customWidth="1"/>
    <col min="2641" max="2645" width="2.1796875" style="193" customWidth="1"/>
    <col min="2646" max="2816" width="1.81640625" style="193"/>
    <col min="2817" max="2817" width="1.81640625" style="193" customWidth="1"/>
    <col min="2818" max="2818" width="3.1796875" style="193" customWidth="1"/>
    <col min="2819" max="2823" width="2.81640625" style="193" customWidth="1"/>
    <col min="2824" max="2829" width="2.1796875" style="193" customWidth="1"/>
    <col min="2830" max="2831" width="2.81640625" style="193" customWidth="1"/>
    <col min="2832" max="2832" width="3.90625" style="193" customWidth="1"/>
    <col min="2833" max="2837" width="2.1796875" style="193" customWidth="1"/>
    <col min="2838" max="2838" width="3.90625" style="193" customWidth="1"/>
    <col min="2839" max="2843" width="2.1796875" style="193" customWidth="1"/>
    <col min="2844" max="2849" width="2.90625" style="193" customWidth="1"/>
    <col min="2850" max="2850" width="2.1796875" style="193" customWidth="1"/>
    <col min="2851" max="2853" width="3" style="193" customWidth="1"/>
    <col min="2854" max="2854" width="2.1796875" style="193" customWidth="1"/>
    <col min="2855" max="2855" width="3.90625" style="193" customWidth="1"/>
    <col min="2856" max="2861" width="2.1796875" style="193" customWidth="1"/>
    <col min="2862" max="2862" width="3.90625" style="193" customWidth="1"/>
    <col min="2863" max="2875" width="2.1796875" style="193" customWidth="1"/>
    <col min="2876" max="2883" width="1.1796875" style="193" customWidth="1"/>
    <col min="2884" max="2895" width="2.1796875" style="193" customWidth="1"/>
    <col min="2896" max="2896" width="3.90625" style="193" customWidth="1"/>
    <col min="2897" max="2901" width="2.1796875" style="193" customWidth="1"/>
    <col min="2902" max="3072" width="1.81640625" style="193"/>
    <col min="3073" max="3073" width="1.81640625" style="193" customWidth="1"/>
    <col min="3074" max="3074" width="3.1796875" style="193" customWidth="1"/>
    <col min="3075" max="3079" width="2.81640625" style="193" customWidth="1"/>
    <col min="3080" max="3085" width="2.1796875" style="193" customWidth="1"/>
    <col min="3086" max="3087" width="2.81640625" style="193" customWidth="1"/>
    <col min="3088" max="3088" width="3.90625" style="193" customWidth="1"/>
    <col min="3089" max="3093" width="2.1796875" style="193" customWidth="1"/>
    <col min="3094" max="3094" width="3.90625" style="193" customWidth="1"/>
    <col min="3095" max="3099" width="2.1796875" style="193" customWidth="1"/>
    <col min="3100" max="3105" width="2.90625" style="193" customWidth="1"/>
    <col min="3106" max="3106" width="2.1796875" style="193" customWidth="1"/>
    <col min="3107" max="3109" width="3" style="193" customWidth="1"/>
    <col min="3110" max="3110" width="2.1796875" style="193" customWidth="1"/>
    <col min="3111" max="3111" width="3.90625" style="193" customWidth="1"/>
    <col min="3112" max="3117" width="2.1796875" style="193" customWidth="1"/>
    <col min="3118" max="3118" width="3.90625" style="193" customWidth="1"/>
    <col min="3119" max="3131" width="2.1796875" style="193" customWidth="1"/>
    <col min="3132" max="3139" width="1.1796875" style="193" customWidth="1"/>
    <col min="3140" max="3151" width="2.1796875" style="193" customWidth="1"/>
    <col min="3152" max="3152" width="3.90625" style="193" customWidth="1"/>
    <col min="3153" max="3157" width="2.1796875" style="193" customWidth="1"/>
    <col min="3158" max="3328" width="1.81640625" style="193"/>
    <col min="3329" max="3329" width="1.81640625" style="193" customWidth="1"/>
    <col min="3330" max="3330" width="3.1796875" style="193" customWidth="1"/>
    <col min="3331" max="3335" width="2.81640625" style="193" customWidth="1"/>
    <col min="3336" max="3341" width="2.1796875" style="193" customWidth="1"/>
    <col min="3342" max="3343" width="2.81640625" style="193" customWidth="1"/>
    <col min="3344" max="3344" width="3.90625" style="193" customWidth="1"/>
    <col min="3345" max="3349" width="2.1796875" style="193" customWidth="1"/>
    <col min="3350" max="3350" width="3.90625" style="193" customWidth="1"/>
    <col min="3351" max="3355" width="2.1796875" style="193" customWidth="1"/>
    <col min="3356" max="3361" width="2.90625" style="193" customWidth="1"/>
    <col min="3362" max="3362" width="2.1796875" style="193" customWidth="1"/>
    <col min="3363" max="3365" width="3" style="193" customWidth="1"/>
    <col min="3366" max="3366" width="2.1796875" style="193" customWidth="1"/>
    <col min="3367" max="3367" width="3.90625" style="193" customWidth="1"/>
    <col min="3368" max="3373" width="2.1796875" style="193" customWidth="1"/>
    <col min="3374" max="3374" width="3.90625" style="193" customWidth="1"/>
    <col min="3375" max="3387" width="2.1796875" style="193" customWidth="1"/>
    <col min="3388" max="3395" width="1.1796875" style="193" customWidth="1"/>
    <col min="3396" max="3407" width="2.1796875" style="193" customWidth="1"/>
    <col min="3408" max="3408" width="3.90625" style="193" customWidth="1"/>
    <col min="3409" max="3413" width="2.1796875" style="193" customWidth="1"/>
    <col min="3414" max="3584" width="1.81640625" style="193"/>
    <col min="3585" max="3585" width="1.81640625" style="193" customWidth="1"/>
    <col min="3586" max="3586" width="3.1796875" style="193" customWidth="1"/>
    <col min="3587" max="3591" width="2.81640625" style="193" customWidth="1"/>
    <col min="3592" max="3597" width="2.1796875" style="193" customWidth="1"/>
    <col min="3598" max="3599" width="2.81640625" style="193" customWidth="1"/>
    <col min="3600" max="3600" width="3.90625" style="193" customWidth="1"/>
    <col min="3601" max="3605" width="2.1796875" style="193" customWidth="1"/>
    <col min="3606" max="3606" width="3.90625" style="193" customWidth="1"/>
    <col min="3607" max="3611" width="2.1796875" style="193" customWidth="1"/>
    <col min="3612" max="3617" width="2.90625" style="193" customWidth="1"/>
    <col min="3618" max="3618" width="2.1796875" style="193" customWidth="1"/>
    <col min="3619" max="3621" width="3" style="193" customWidth="1"/>
    <col min="3622" max="3622" width="2.1796875" style="193" customWidth="1"/>
    <col min="3623" max="3623" width="3.90625" style="193" customWidth="1"/>
    <col min="3624" max="3629" width="2.1796875" style="193" customWidth="1"/>
    <col min="3630" max="3630" width="3.90625" style="193" customWidth="1"/>
    <col min="3631" max="3643" width="2.1796875" style="193" customWidth="1"/>
    <col min="3644" max="3651" width="1.1796875" style="193" customWidth="1"/>
    <col min="3652" max="3663" width="2.1796875" style="193" customWidth="1"/>
    <col min="3664" max="3664" width="3.90625" style="193" customWidth="1"/>
    <col min="3665" max="3669" width="2.1796875" style="193" customWidth="1"/>
    <col min="3670" max="3840" width="1.81640625" style="193"/>
    <col min="3841" max="3841" width="1.81640625" style="193" customWidth="1"/>
    <col min="3842" max="3842" width="3.1796875" style="193" customWidth="1"/>
    <col min="3843" max="3847" width="2.81640625" style="193" customWidth="1"/>
    <col min="3848" max="3853" width="2.1796875" style="193" customWidth="1"/>
    <col min="3854" max="3855" width="2.81640625" style="193" customWidth="1"/>
    <col min="3856" max="3856" width="3.90625" style="193" customWidth="1"/>
    <col min="3857" max="3861" width="2.1796875" style="193" customWidth="1"/>
    <col min="3862" max="3862" width="3.90625" style="193" customWidth="1"/>
    <col min="3863" max="3867" width="2.1796875" style="193" customWidth="1"/>
    <col min="3868" max="3873" width="2.90625" style="193" customWidth="1"/>
    <col min="3874" max="3874" width="2.1796875" style="193" customWidth="1"/>
    <col min="3875" max="3877" width="3" style="193" customWidth="1"/>
    <col min="3878" max="3878" width="2.1796875" style="193" customWidth="1"/>
    <col min="3879" max="3879" width="3.90625" style="193" customWidth="1"/>
    <col min="3880" max="3885" width="2.1796875" style="193" customWidth="1"/>
    <col min="3886" max="3886" width="3.90625" style="193" customWidth="1"/>
    <col min="3887" max="3899" width="2.1796875" style="193" customWidth="1"/>
    <col min="3900" max="3907" width="1.1796875" style="193" customWidth="1"/>
    <col min="3908" max="3919" width="2.1796875" style="193" customWidth="1"/>
    <col min="3920" max="3920" width="3.90625" style="193" customWidth="1"/>
    <col min="3921" max="3925" width="2.1796875" style="193" customWidth="1"/>
    <col min="3926" max="4096" width="1.81640625" style="193"/>
    <col min="4097" max="4097" width="1.81640625" style="193" customWidth="1"/>
    <col min="4098" max="4098" width="3.1796875" style="193" customWidth="1"/>
    <col min="4099" max="4103" width="2.81640625" style="193" customWidth="1"/>
    <col min="4104" max="4109" width="2.1796875" style="193" customWidth="1"/>
    <col min="4110" max="4111" width="2.81640625" style="193" customWidth="1"/>
    <col min="4112" max="4112" width="3.90625" style="193" customWidth="1"/>
    <col min="4113" max="4117" width="2.1796875" style="193" customWidth="1"/>
    <col min="4118" max="4118" width="3.90625" style="193" customWidth="1"/>
    <col min="4119" max="4123" width="2.1796875" style="193" customWidth="1"/>
    <col min="4124" max="4129" width="2.90625" style="193" customWidth="1"/>
    <col min="4130" max="4130" width="2.1796875" style="193" customWidth="1"/>
    <col min="4131" max="4133" width="3" style="193" customWidth="1"/>
    <col min="4134" max="4134" width="2.1796875" style="193" customWidth="1"/>
    <col min="4135" max="4135" width="3.90625" style="193" customWidth="1"/>
    <col min="4136" max="4141" width="2.1796875" style="193" customWidth="1"/>
    <col min="4142" max="4142" width="3.90625" style="193" customWidth="1"/>
    <col min="4143" max="4155" width="2.1796875" style="193" customWidth="1"/>
    <col min="4156" max="4163" width="1.1796875" style="193" customWidth="1"/>
    <col min="4164" max="4175" width="2.1796875" style="193" customWidth="1"/>
    <col min="4176" max="4176" width="3.90625" style="193" customWidth="1"/>
    <col min="4177" max="4181" width="2.1796875" style="193" customWidth="1"/>
    <col min="4182" max="4352" width="1.81640625" style="193"/>
    <col min="4353" max="4353" width="1.81640625" style="193" customWidth="1"/>
    <col min="4354" max="4354" width="3.1796875" style="193" customWidth="1"/>
    <col min="4355" max="4359" width="2.81640625" style="193" customWidth="1"/>
    <col min="4360" max="4365" width="2.1796875" style="193" customWidth="1"/>
    <col min="4366" max="4367" width="2.81640625" style="193" customWidth="1"/>
    <col min="4368" max="4368" width="3.90625" style="193" customWidth="1"/>
    <col min="4369" max="4373" width="2.1796875" style="193" customWidth="1"/>
    <col min="4374" max="4374" width="3.90625" style="193" customWidth="1"/>
    <col min="4375" max="4379" width="2.1796875" style="193" customWidth="1"/>
    <col min="4380" max="4385" width="2.90625" style="193" customWidth="1"/>
    <col min="4386" max="4386" width="2.1796875" style="193" customWidth="1"/>
    <col min="4387" max="4389" width="3" style="193" customWidth="1"/>
    <col min="4390" max="4390" width="2.1796875" style="193" customWidth="1"/>
    <col min="4391" max="4391" width="3.90625" style="193" customWidth="1"/>
    <col min="4392" max="4397" width="2.1796875" style="193" customWidth="1"/>
    <col min="4398" max="4398" width="3.90625" style="193" customWidth="1"/>
    <col min="4399" max="4411" width="2.1796875" style="193" customWidth="1"/>
    <col min="4412" max="4419" width="1.1796875" style="193" customWidth="1"/>
    <col min="4420" max="4431" width="2.1796875" style="193" customWidth="1"/>
    <col min="4432" max="4432" width="3.90625" style="193" customWidth="1"/>
    <col min="4433" max="4437" width="2.1796875" style="193" customWidth="1"/>
    <col min="4438" max="4608" width="1.81640625" style="193"/>
    <col min="4609" max="4609" width="1.81640625" style="193" customWidth="1"/>
    <col min="4610" max="4610" width="3.1796875" style="193" customWidth="1"/>
    <col min="4611" max="4615" width="2.81640625" style="193" customWidth="1"/>
    <col min="4616" max="4621" width="2.1796875" style="193" customWidth="1"/>
    <col min="4622" max="4623" width="2.81640625" style="193" customWidth="1"/>
    <col min="4624" max="4624" width="3.90625" style="193" customWidth="1"/>
    <col min="4625" max="4629" width="2.1796875" style="193" customWidth="1"/>
    <col min="4630" max="4630" width="3.90625" style="193" customWidth="1"/>
    <col min="4631" max="4635" width="2.1796875" style="193" customWidth="1"/>
    <col min="4636" max="4641" width="2.90625" style="193" customWidth="1"/>
    <col min="4642" max="4642" width="2.1796875" style="193" customWidth="1"/>
    <col min="4643" max="4645" width="3" style="193" customWidth="1"/>
    <col min="4646" max="4646" width="2.1796875" style="193" customWidth="1"/>
    <col min="4647" max="4647" width="3.90625" style="193" customWidth="1"/>
    <col min="4648" max="4653" width="2.1796875" style="193" customWidth="1"/>
    <col min="4654" max="4654" width="3.90625" style="193" customWidth="1"/>
    <col min="4655" max="4667" width="2.1796875" style="193" customWidth="1"/>
    <col min="4668" max="4675" width="1.1796875" style="193" customWidth="1"/>
    <col min="4676" max="4687" width="2.1796875" style="193" customWidth="1"/>
    <col min="4688" max="4688" width="3.90625" style="193" customWidth="1"/>
    <col min="4689" max="4693" width="2.1796875" style="193" customWidth="1"/>
    <col min="4694" max="4864" width="1.81640625" style="193"/>
    <col min="4865" max="4865" width="1.81640625" style="193" customWidth="1"/>
    <col min="4866" max="4866" width="3.1796875" style="193" customWidth="1"/>
    <col min="4867" max="4871" width="2.81640625" style="193" customWidth="1"/>
    <col min="4872" max="4877" width="2.1796875" style="193" customWidth="1"/>
    <col min="4878" max="4879" width="2.81640625" style="193" customWidth="1"/>
    <col min="4880" max="4880" width="3.90625" style="193" customWidth="1"/>
    <col min="4881" max="4885" width="2.1796875" style="193" customWidth="1"/>
    <col min="4886" max="4886" width="3.90625" style="193" customWidth="1"/>
    <col min="4887" max="4891" width="2.1796875" style="193" customWidth="1"/>
    <col min="4892" max="4897" width="2.90625" style="193" customWidth="1"/>
    <col min="4898" max="4898" width="2.1796875" style="193" customWidth="1"/>
    <col min="4899" max="4901" width="3" style="193" customWidth="1"/>
    <col min="4902" max="4902" width="2.1796875" style="193" customWidth="1"/>
    <col min="4903" max="4903" width="3.90625" style="193" customWidth="1"/>
    <col min="4904" max="4909" width="2.1796875" style="193" customWidth="1"/>
    <col min="4910" max="4910" width="3.90625" style="193" customWidth="1"/>
    <col min="4911" max="4923" width="2.1796875" style="193" customWidth="1"/>
    <col min="4924" max="4931" width="1.1796875" style="193" customWidth="1"/>
    <col min="4932" max="4943" width="2.1796875" style="193" customWidth="1"/>
    <col min="4944" max="4944" width="3.90625" style="193" customWidth="1"/>
    <col min="4945" max="4949" width="2.1796875" style="193" customWidth="1"/>
    <col min="4950" max="5120" width="1.81640625" style="193"/>
    <col min="5121" max="5121" width="1.81640625" style="193" customWidth="1"/>
    <col min="5122" max="5122" width="3.1796875" style="193" customWidth="1"/>
    <col min="5123" max="5127" width="2.81640625" style="193" customWidth="1"/>
    <col min="5128" max="5133" width="2.1796875" style="193" customWidth="1"/>
    <col min="5134" max="5135" width="2.81640625" style="193" customWidth="1"/>
    <col min="5136" max="5136" width="3.90625" style="193" customWidth="1"/>
    <col min="5137" max="5141" width="2.1796875" style="193" customWidth="1"/>
    <col min="5142" max="5142" width="3.90625" style="193" customWidth="1"/>
    <col min="5143" max="5147" width="2.1796875" style="193" customWidth="1"/>
    <col min="5148" max="5153" width="2.90625" style="193" customWidth="1"/>
    <col min="5154" max="5154" width="2.1796875" style="193" customWidth="1"/>
    <col min="5155" max="5157" width="3" style="193" customWidth="1"/>
    <col min="5158" max="5158" width="2.1796875" style="193" customWidth="1"/>
    <col min="5159" max="5159" width="3.90625" style="193" customWidth="1"/>
    <col min="5160" max="5165" width="2.1796875" style="193" customWidth="1"/>
    <col min="5166" max="5166" width="3.90625" style="193" customWidth="1"/>
    <col min="5167" max="5179" width="2.1796875" style="193" customWidth="1"/>
    <col min="5180" max="5187" width="1.1796875" style="193" customWidth="1"/>
    <col min="5188" max="5199" width="2.1796875" style="193" customWidth="1"/>
    <col min="5200" max="5200" width="3.90625" style="193" customWidth="1"/>
    <col min="5201" max="5205" width="2.1796875" style="193" customWidth="1"/>
    <col min="5206" max="5376" width="1.81640625" style="193"/>
    <col min="5377" max="5377" width="1.81640625" style="193" customWidth="1"/>
    <col min="5378" max="5378" width="3.1796875" style="193" customWidth="1"/>
    <col min="5379" max="5383" width="2.81640625" style="193" customWidth="1"/>
    <col min="5384" max="5389" width="2.1796875" style="193" customWidth="1"/>
    <col min="5390" max="5391" width="2.81640625" style="193" customWidth="1"/>
    <col min="5392" max="5392" width="3.90625" style="193" customWidth="1"/>
    <col min="5393" max="5397" width="2.1796875" style="193" customWidth="1"/>
    <col min="5398" max="5398" width="3.90625" style="193" customWidth="1"/>
    <col min="5399" max="5403" width="2.1796875" style="193" customWidth="1"/>
    <col min="5404" max="5409" width="2.90625" style="193" customWidth="1"/>
    <col min="5410" max="5410" width="2.1796875" style="193" customWidth="1"/>
    <col min="5411" max="5413" width="3" style="193" customWidth="1"/>
    <col min="5414" max="5414" width="2.1796875" style="193" customWidth="1"/>
    <col min="5415" max="5415" width="3.90625" style="193" customWidth="1"/>
    <col min="5416" max="5421" width="2.1796875" style="193" customWidth="1"/>
    <col min="5422" max="5422" width="3.90625" style="193" customWidth="1"/>
    <col min="5423" max="5435" width="2.1796875" style="193" customWidth="1"/>
    <col min="5436" max="5443" width="1.1796875" style="193" customWidth="1"/>
    <col min="5444" max="5455" width="2.1796875" style="193" customWidth="1"/>
    <col min="5456" max="5456" width="3.90625" style="193" customWidth="1"/>
    <col min="5457" max="5461" width="2.1796875" style="193" customWidth="1"/>
    <col min="5462" max="5632" width="1.81640625" style="193"/>
    <col min="5633" max="5633" width="1.81640625" style="193" customWidth="1"/>
    <col min="5634" max="5634" width="3.1796875" style="193" customWidth="1"/>
    <col min="5635" max="5639" width="2.81640625" style="193" customWidth="1"/>
    <col min="5640" max="5645" width="2.1796875" style="193" customWidth="1"/>
    <col min="5646" max="5647" width="2.81640625" style="193" customWidth="1"/>
    <col min="5648" max="5648" width="3.90625" style="193" customWidth="1"/>
    <col min="5649" max="5653" width="2.1796875" style="193" customWidth="1"/>
    <col min="5654" max="5654" width="3.90625" style="193" customWidth="1"/>
    <col min="5655" max="5659" width="2.1796875" style="193" customWidth="1"/>
    <col min="5660" max="5665" width="2.90625" style="193" customWidth="1"/>
    <col min="5666" max="5666" width="2.1796875" style="193" customWidth="1"/>
    <col min="5667" max="5669" width="3" style="193" customWidth="1"/>
    <col min="5670" max="5670" width="2.1796875" style="193" customWidth="1"/>
    <col min="5671" max="5671" width="3.90625" style="193" customWidth="1"/>
    <col min="5672" max="5677" width="2.1796875" style="193" customWidth="1"/>
    <col min="5678" max="5678" width="3.90625" style="193" customWidth="1"/>
    <col min="5679" max="5691" width="2.1796875" style="193" customWidth="1"/>
    <col min="5692" max="5699" width="1.1796875" style="193" customWidth="1"/>
    <col min="5700" max="5711" width="2.1796875" style="193" customWidth="1"/>
    <col min="5712" max="5712" width="3.90625" style="193" customWidth="1"/>
    <col min="5713" max="5717" width="2.1796875" style="193" customWidth="1"/>
    <col min="5718" max="5888" width="1.81640625" style="193"/>
    <col min="5889" max="5889" width="1.81640625" style="193" customWidth="1"/>
    <col min="5890" max="5890" width="3.1796875" style="193" customWidth="1"/>
    <col min="5891" max="5895" width="2.81640625" style="193" customWidth="1"/>
    <col min="5896" max="5901" width="2.1796875" style="193" customWidth="1"/>
    <col min="5902" max="5903" width="2.81640625" style="193" customWidth="1"/>
    <col min="5904" max="5904" width="3.90625" style="193" customWidth="1"/>
    <col min="5905" max="5909" width="2.1796875" style="193" customWidth="1"/>
    <col min="5910" max="5910" width="3.90625" style="193" customWidth="1"/>
    <col min="5911" max="5915" width="2.1796875" style="193" customWidth="1"/>
    <col min="5916" max="5921" width="2.90625" style="193" customWidth="1"/>
    <col min="5922" max="5922" width="2.1796875" style="193" customWidth="1"/>
    <col min="5923" max="5925" width="3" style="193" customWidth="1"/>
    <col min="5926" max="5926" width="2.1796875" style="193" customWidth="1"/>
    <col min="5927" max="5927" width="3.90625" style="193" customWidth="1"/>
    <col min="5928" max="5933" width="2.1796875" style="193" customWidth="1"/>
    <col min="5934" max="5934" width="3.90625" style="193" customWidth="1"/>
    <col min="5935" max="5947" width="2.1796875" style="193" customWidth="1"/>
    <col min="5948" max="5955" width="1.1796875" style="193" customWidth="1"/>
    <col min="5956" max="5967" width="2.1796875" style="193" customWidth="1"/>
    <col min="5968" max="5968" width="3.90625" style="193" customWidth="1"/>
    <col min="5969" max="5973" width="2.1796875" style="193" customWidth="1"/>
    <col min="5974" max="6144" width="1.81640625" style="193"/>
    <col min="6145" max="6145" width="1.81640625" style="193" customWidth="1"/>
    <col min="6146" max="6146" width="3.1796875" style="193" customWidth="1"/>
    <col min="6147" max="6151" width="2.81640625" style="193" customWidth="1"/>
    <col min="6152" max="6157" width="2.1796875" style="193" customWidth="1"/>
    <col min="6158" max="6159" width="2.81640625" style="193" customWidth="1"/>
    <col min="6160" max="6160" width="3.90625" style="193" customWidth="1"/>
    <col min="6161" max="6165" width="2.1796875" style="193" customWidth="1"/>
    <col min="6166" max="6166" width="3.90625" style="193" customWidth="1"/>
    <col min="6167" max="6171" width="2.1796875" style="193" customWidth="1"/>
    <col min="6172" max="6177" width="2.90625" style="193" customWidth="1"/>
    <col min="6178" max="6178" width="2.1796875" style="193" customWidth="1"/>
    <col min="6179" max="6181" width="3" style="193" customWidth="1"/>
    <col min="6182" max="6182" width="2.1796875" style="193" customWidth="1"/>
    <col min="6183" max="6183" width="3.90625" style="193" customWidth="1"/>
    <col min="6184" max="6189" width="2.1796875" style="193" customWidth="1"/>
    <col min="6190" max="6190" width="3.90625" style="193" customWidth="1"/>
    <col min="6191" max="6203" width="2.1796875" style="193" customWidth="1"/>
    <col min="6204" max="6211" width="1.1796875" style="193" customWidth="1"/>
    <col min="6212" max="6223" width="2.1796875" style="193" customWidth="1"/>
    <col min="6224" max="6224" width="3.90625" style="193" customWidth="1"/>
    <col min="6225" max="6229" width="2.1796875" style="193" customWidth="1"/>
    <col min="6230" max="6400" width="1.81640625" style="193"/>
    <col min="6401" max="6401" width="1.81640625" style="193" customWidth="1"/>
    <col min="6402" max="6402" width="3.1796875" style="193" customWidth="1"/>
    <col min="6403" max="6407" width="2.81640625" style="193" customWidth="1"/>
    <col min="6408" max="6413" width="2.1796875" style="193" customWidth="1"/>
    <col min="6414" max="6415" width="2.81640625" style="193" customWidth="1"/>
    <col min="6416" max="6416" width="3.90625" style="193" customWidth="1"/>
    <col min="6417" max="6421" width="2.1796875" style="193" customWidth="1"/>
    <col min="6422" max="6422" width="3.90625" style="193" customWidth="1"/>
    <col min="6423" max="6427" width="2.1796875" style="193" customWidth="1"/>
    <col min="6428" max="6433" width="2.90625" style="193" customWidth="1"/>
    <col min="6434" max="6434" width="2.1796875" style="193" customWidth="1"/>
    <col min="6435" max="6437" width="3" style="193" customWidth="1"/>
    <col min="6438" max="6438" width="2.1796875" style="193" customWidth="1"/>
    <col min="6439" max="6439" width="3.90625" style="193" customWidth="1"/>
    <col min="6440" max="6445" width="2.1796875" style="193" customWidth="1"/>
    <col min="6446" max="6446" width="3.90625" style="193" customWidth="1"/>
    <col min="6447" max="6459" width="2.1796875" style="193" customWidth="1"/>
    <col min="6460" max="6467" width="1.1796875" style="193" customWidth="1"/>
    <col min="6468" max="6479" width="2.1796875" style="193" customWidth="1"/>
    <col min="6480" max="6480" width="3.90625" style="193" customWidth="1"/>
    <col min="6481" max="6485" width="2.1796875" style="193" customWidth="1"/>
    <col min="6486" max="6656" width="1.81640625" style="193"/>
    <col min="6657" max="6657" width="1.81640625" style="193" customWidth="1"/>
    <col min="6658" max="6658" width="3.1796875" style="193" customWidth="1"/>
    <col min="6659" max="6663" width="2.81640625" style="193" customWidth="1"/>
    <col min="6664" max="6669" width="2.1796875" style="193" customWidth="1"/>
    <col min="6670" max="6671" width="2.81640625" style="193" customWidth="1"/>
    <col min="6672" max="6672" width="3.90625" style="193" customWidth="1"/>
    <col min="6673" max="6677" width="2.1796875" style="193" customWidth="1"/>
    <col min="6678" max="6678" width="3.90625" style="193" customWidth="1"/>
    <col min="6679" max="6683" width="2.1796875" style="193" customWidth="1"/>
    <col min="6684" max="6689" width="2.90625" style="193" customWidth="1"/>
    <col min="6690" max="6690" width="2.1796875" style="193" customWidth="1"/>
    <col min="6691" max="6693" width="3" style="193" customWidth="1"/>
    <col min="6694" max="6694" width="2.1796875" style="193" customWidth="1"/>
    <col min="6695" max="6695" width="3.90625" style="193" customWidth="1"/>
    <col min="6696" max="6701" width="2.1796875" style="193" customWidth="1"/>
    <col min="6702" max="6702" width="3.90625" style="193" customWidth="1"/>
    <col min="6703" max="6715" width="2.1796875" style="193" customWidth="1"/>
    <col min="6716" max="6723" width="1.1796875" style="193" customWidth="1"/>
    <col min="6724" max="6735" width="2.1796875" style="193" customWidth="1"/>
    <col min="6736" max="6736" width="3.90625" style="193" customWidth="1"/>
    <col min="6737" max="6741" width="2.1796875" style="193" customWidth="1"/>
    <col min="6742" max="6912" width="1.81640625" style="193"/>
    <col min="6913" max="6913" width="1.81640625" style="193" customWidth="1"/>
    <col min="6914" max="6914" width="3.1796875" style="193" customWidth="1"/>
    <col min="6915" max="6919" width="2.81640625" style="193" customWidth="1"/>
    <col min="6920" max="6925" width="2.1796875" style="193" customWidth="1"/>
    <col min="6926" max="6927" width="2.81640625" style="193" customWidth="1"/>
    <col min="6928" max="6928" width="3.90625" style="193" customWidth="1"/>
    <col min="6929" max="6933" width="2.1796875" style="193" customWidth="1"/>
    <col min="6934" max="6934" width="3.90625" style="193" customWidth="1"/>
    <col min="6935" max="6939" width="2.1796875" style="193" customWidth="1"/>
    <col min="6940" max="6945" width="2.90625" style="193" customWidth="1"/>
    <col min="6946" max="6946" width="2.1796875" style="193" customWidth="1"/>
    <col min="6947" max="6949" width="3" style="193" customWidth="1"/>
    <col min="6950" max="6950" width="2.1796875" style="193" customWidth="1"/>
    <col min="6951" max="6951" width="3.90625" style="193" customWidth="1"/>
    <col min="6952" max="6957" width="2.1796875" style="193" customWidth="1"/>
    <col min="6958" max="6958" width="3.90625" style="193" customWidth="1"/>
    <col min="6959" max="6971" width="2.1796875" style="193" customWidth="1"/>
    <col min="6972" max="6979" width="1.1796875" style="193" customWidth="1"/>
    <col min="6980" max="6991" width="2.1796875" style="193" customWidth="1"/>
    <col min="6992" max="6992" width="3.90625" style="193" customWidth="1"/>
    <col min="6993" max="6997" width="2.1796875" style="193" customWidth="1"/>
    <col min="6998" max="7168" width="1.81640625" style="193"/>
    <col min="7169" max="7169" width="1.81640625" style="193" customWidth="1"/>
    <col min="7170" max="7170" width="3.1796875" style="193" customWidth="1"/>
    <col min="7171" max="7175" width="2.81640625" style="193" customWidth="1"/>
    <col min="7176" max="7181" width="2.1796875" style="193" customWidth="1"/>
    <col min="7182" max="7183" width="2.81640625" style="193" customWidth="1"/>
    <col min="7184" max="7184" width="3.90625" style="193" customWidth="1"/>
    <col min="7185" max="7189" width="2.1796875" style="193" customWidth="1"/>
    <col min="7190" max="7190" width="3.90625" style="193" customWidth="1"/>
    <col min="7191" max="7195" width="2.1796875" style="193" customWidth="1"/>
    <col min="7196" max="7201" width="2.90625" style="193" customWidth="1"/>
    <col min="7202" max="7202" width="2.1796875" style="193" customWidth="1"/>
    <col min="7203" max="7205" width="3" style="193" customWidth="1"/>
    <col min="7206" max="7206" width="2.1796875" style="193" customWidth="1"/>
    <col min="7207" max="7207" width="3.90625" style="193" customWidth="1"/>
    <col min="7208" max="7213" width="2.1796875" style="193" customWidth="1"/>
    <col min="7214" max="7214" width="3.90625" style="193" customWidth="1"/>
    <col min="7215" max="7227" width="2.1796875" style="193" customWidth="1"/>
    <col min="7228" max="7235" width="1.1796875" style="193" customWidth="1"/>
    <col min="7236" max="7247" width="2.1796875" style="193" customWidth="1"/>
    <col min="7248" max="7248" width="3.90625" style="193" customWidth="1"/>
    <col min="7249" max="7253" width="2.1796875" style="193" customWidth="1"/>
    <col min="7254" max="7424" width="1.81640625" style="193"/>
    <col min="7425" max="7425" width="1.81640625" style="193" customWidth="1"/>
    <col min="7426" max="7426" width="3.1796875" style="193" customWidth="1"/>
    <col min="7427" max="7431" width="2.81640625" style="193" customWidth="1"/>
    <col min="7432" max="7437" width="2.1796875" style="193" customWidth="1"/>
    <col min="7438" max="7439" width="2.81640625" style="193" customWidth="1"/>
    <col min="7440" max="7440" width="3.90625" style="193" customWidth="1"/>
    <col min="7441" max="7445" width="2.1796875" style="193" customWidth="1"/>
    <col min="7446" max="7446" width="3.90625" style="193" customWidth="1"/>
    <col min="7447" max="7451" width="2.1796875" style="193" customWidth="1"/>
    <col min="7452" max="7457" width="2.90625" style="193" customWidth="1"/>
    <col min="7458" max="7458" width="2.1796875" style="193" customWidth="1"/>
    <col min="7459" max="7461" width="3" style="193" customWidth="1"/>
    <col min="7462" max="7462" width="2.1796875" style="193" customWidth="1"/>
    <col min="7463" max="7463" width="3.90625" style="193" customWidth="1"/>
    <col min="7464" max="7469" width="2.1796875" style="193" customWidth="1"/>
    <col min="7470" max="7470" width="3.90625" style="193" customWidth="1"/>
    <col min="7471" max="7483" width="2.1796875" style="193" customWidth="1"/>
    <col min="7484" max="7491" width="1.1796875" style="193" customWidth="1"/>
    <col min="7492" max="7503" width="2.1796875" style="193" customWidth="1"/>
    <col min="7504" max="7504" width="3.90625" style="193" customWidth="1"/>
    <col min="7505" max="7509" width="2.1796875" style="193" customWidth="1"/>
    <col min="7510" max="7680" width="1.81640625" style="193"/>
    <col min="7681" max="7681" width="1.81640625" style="193" customWidth="1"/>
    <col min="7682" max="7682" width="3.1796875" style="193" customWidth="1"/>
    <col min="7683" max="7687" width="2.81640625" style="193" customWidth="1"/>
    <col min="7688" max="7693" width="2.1796875" style="193" customWidth="1"/>
    <col min="7694" max="7695" width="2.81640625" style="193" customWidth="1"/>
    <col min="7696" max="7696" width="3.90625" style="193" customWidth="1"/>
    <col min="7697" max="7701" width="2.1796875" style="193" customWidth="1"/>
    <col min="7702" max="7702" width="3.90625" style="193" customWidth="1"/>
    <col min="7703" max="7707" width="2.1796875" style="193" customWidth="1"/>
    <col min="7708" max="7713" width="2.90625" style="193" customWidth="1"/>
    <col min="7714" max="7714" width="2.1796875" style="193" customWidth="1"/>
    <col min="7715" max="7717" width="3" style="193" customWidth="1"/>
    <col min="7718" max="7718" width="2.1796875" style="193" customWidth="1"/>
    <col min="7719" max="7719" width="3.90625" style="193" customWidth="1"/>
    <col min="7720" max="7725" width="2.1796875" style="193" customWidth="1"/>
    <col min="7726" max="7726" width="3.90625" style="193" customWidth="1"/>
    <col min="7727" max="7739" width="2.1796875" style="193" customWidth="1"/>
    <col min="7740" max="7747" width="1.1796875" style="193" customWidth="1"/>
    <col min="7748" max="7759" width="2.1796875" style="193" customWidth="1"/>
    <col min="7760" max="7760" width="3.90625" style="193" customWidth="1"/>
    <col min="7761" max="7765" width="2.1796875" style="193" customWidth="1"/>
    <col min="7766" max="7936" width="1.81640625" style="193"/>
    <col min="7937" max="7937" width="1.81640625" style="193" customWidth="1"/>
    <col min="7938" max="7938" width="3.1796875" style="193" customWidth="1"/>
    <col min="7939" max="7943" width="2.81640625" style="193" customWidth="1"/>
    <col min="7944" max="7949" width="2.1796875" style="193" customWidth="1"/>
    <col min="7950" max="7951" width="2.81640625" style="193" customWidth="1"/>
    <col min="7952" max="7952" width="3.90625" style="193" customWidth="1"/>
    <col min="7953" max="7957" width="2.1796875" style="193" customWidth="1"/>
    <col min="7958" max="7958" width="3.90625" style="193" customWidth="1"/>
    <col min="7959" max="7963" width="2.1796875" style="193" customWidth="1"/>
    <col min="7964" max="7969" width="2.90625" style="193" customWidth="1"/>
    <col min="7970" max="7970" width="2.1796875" style="193" customWidth="1"/>
    <col min="7971" max="7973" width="3" style="193" customWidth="1"/>
    <col min="7974" max="7974" width="2.1796875" style="193" customWidth="1"/>
    <col min="7975" max="7975" width="3.90625" style="193" customWidth="1"/>
    <col min="7976" max="7981" width="2.1796875" style="193" customWidth="1"/>
    <col min="7982" max="7982" width="3.90625" style="193" customWidth="1"/>
    <col min="7983" max="7995" width="2.1796875" style="193" customWidth="1"/>
    <col min="7996" max="8003" width="1.1796875" style="193" customWidth="1"/>
    <col min="8004" max="8015" width="2.1796875" style="193" customWidth="1"/>
    <col min="8016" max="8016" width="3.90625" style="193" customWidth="1"/>
    <col min="8017" max="8021" width="2.1796875" style="193" customWidth="1"/>
    <col min="8022" max="8192" width="1.81640625" style="193"/>
    <col min="8193" max="8193" width="1.81640625" style="193" customWidth="1"/>
    <col min="8194" max="8194" width="3.1796875" style="193" customWidth="1"/>
    <col min="8195" max="8199" width="2.81640625" style="193" customWidth="1"/>
    <col min="8200" max="8205" width="2.1796875" style="193" customWidth="1"/>
    <col min="8206" max="8207" width="2.81640625" style="193" customWidth="1"/>
    <col min="8208" max="8208" width="3.90625" style="193" customWidth="1"/>
    <col min="8209" max="8213" width="2.1796875" style="193" customWidth="1"/>
    <col min="8214" max="8214" width="3.90625" style="193" customWidth="1"/>
    <col min="8215" max="8219" width="2.1796875" style="193" customWidth="1"/>
    <col min="8220" max="8225" width="2.90625" style="193" customWidth="1"/>
    <col min="8226" max="8226" width="2.1796875" style="193" customWidth="1"/>
    <col min="8227" max="8229" width="3" style="193" customWidth="1"/>
    <col min="8230" max="8230" width="2.1796875" style="193" customWidth="1"/>
    <col min="8231" max="8231" width="3.90625" style="193" customWidth="1"/>
    <col min="8232" max="8237" width="2.1796875" style="193" customWidth="1"/>
    <col min="8238" max="8238" width="3.90625" style="193" customWidth="1"/>
    <col min="8239" max="8251" width="2.1796875" style="193" customWidth="1"/>
    <col min="8252" max="8259" width="1.1796875" style="193" customWidth="1"/>
    <col min="8260" max="8271" width="2.1796875" style="193" customWidth="1"/>
    <col min="8272" max="8272" width="3.90625" style="193" customWidth="1"/>
    <col min="8273" max="8277" width="2.1796875" style="193" customWidth="1"/>
    <col min="8278" max="8448" width="1.81640625" style="193"/>
    <col min="8449" max="8449" width="1.81640625" style="193" customWidth="1"/>
    <col min="8450" max="8450" width="3.1796875" style="193" customWidth="1"/>
    <col min="8451" max="8455" width="2.81640625" style="193" customWidth="1"/>
    <col min="8456" max="8461" width="2.1796875" style="193" customWidth="1"/>
    <col min="8462" max="8463" width="2.81640625" style="193" customWidth="1"/>
    <col min="8464" max="8464" width="3.90625" style="193" customWidth="1"/>
    <col min="8465" max="8469" width="2.1796875" style="193" customWidth="1"/>
    <col min="8470" max="8470" width="3.90625" style="193" customWidth="1"/>
    <col min="8471" max="8475" width="2.1796875" style="193" customWidth="1"/>
    <col min="8476" max="8481" width="2.90625" style="193" customWidth="1"/>
    <col min="8482" max="8482" width="2.1796875" style="193" customWidth="1"/>
    <col min="8483" max="8485" width="3" style="193" customWidth="1"/>
    <col min="8486" max="8486" width="2.1796875" style="193" customWidth="1"/>
    <col min="8487" max="8487" width="3.90625" style="193" customWidth="1"/>
    <col min="8488" max="8493" width="2.1796875" style="193" customWidth="1"/>
    <col min="8494" max="8494" width="3.90625" style="193" customWidth="1"/>
    <col min="8495" max="8507" width="2.1796875" style="193" customWidth="1"/>
    <col min="8508" max="8515" width="1.1796875" style="193" customWidth="1"/>
    <col min="8516" max="8527" width="2.1796875" style="193" customWidth="1"/>
    <col min="8528" max="8528" width="3.90625" style="193" customWidth="1"/>
    <col min="8529" max="8533" width="2.1796875" style="193" customWidth="1"/>
    <col min="8534" max="8704" width="1.81640625" style="193"/>
    <col min="8705" max="8705" width="1.81640625" style="193" customWidth="1"/>
    <col min="8706" max="8706" width="3.1796875" style="193" customWidth="1"/>
    <col min="8707" max="8711" width="2.81640625" style="193" customWidth="1"/>
    <col min="8712" max="8717" width="2.1796875" style="193" customWidth="1"/>
    <col min="8718" max="8719" width="2.81640625" style="193" customWidth="1"/>
    <col min="8720" max="8720" width="3.90625" style="193" customWidth="1"/>
    <col min="8721" max="8725" width="2.1796875" style="193" customWidth="1"/>
    <col min="8726" max="8726" width="3.90625" style="193" customWidth="1"/>
    <col min="8727" max="8731" width="2.1796875" style="193" customWidth="1"/>
    <col min="8732" max="8737" width="2.90625" style="193" customWidth="1"/>
    <col min="8738" max="8738" width="2.1796875" style="193" customWidth="1"/>
    <col min="8739" max="8741" width="3" style="193" customWidth="1"/>
    <col min="8742" max="8742" width="2.1796875" style="193" customWidth="1"/>
    <col min="8743" max="8743" width="3.90625" style="193" customWidth="1"/>
    <col min="8744" max="8749" width="2.1796875" style="193" customWidth="1"/>
    <col min="8750" max="8750" width="3.90625" style="193" customWidth="1"/>
    <col min="8751" max="8763" width="2.1796875" style="193" customWidth="1"/>
    <col min="8764" max="8771" width="1.1796875" style="193" customWidth="1"/>
    <col min="8772" max="8783" width="2.1796875" style="193" customWidth="1"/>
    <col min="8784" max="8784" width="3.90625" style="193" customWidth="1"/>
    <col min="8785" max="8789" width="2.1796875" style="193" customWidth="1"/>
    <col min="8790" max="8960" width="1.81640625" style="193"/>
    <col min="8961" max="8961" width="1.81640625" style="193" customWidth="1"/>
    <col min="8962" max="8962" width="3.1796875" style="193" customWidth="1"/>
    <col min="8963" max="8967" width="2.81640625" style="193" customWidth="1"/>
    <col min="8968" max="8973" width="2.1796875" style="193" customWidth="1"/>
    <col min="8974" max="8975" width="2.81640625" style="193" customWidth="1"/>
    <col min="8976" max="8976" width="3.90625" style="193" customWidth="1"/>
    <col min="8977" max="8981" width="2.1796875" style="193" customWidth="1"/>
    <col min="8982" max="8982" width="3.90625" style="193" customWidth="1"/>
    <col min="8983" max="8987" width="2.1796875" style="193" customWidth="1"/>
    <col min="8988" max="8993" width="2.90625" style="193" customWidth="1"/>
    <col min="8994" max="8994" width="2.1796875" style="193" customWidth="1"/>
    <col min="8995" max="8997" width="3" style="193" customWidth="1"/>
    <col min="8998" max="8998" width="2.1796875" style="193" customWidth="1"/>
    <col min="8999" max="8999" width="3.90625" style="193" customWidth="1"/>
    <col min="9000" max="9005" width="2.1796875" style="193" customWidth="1"/>
    <col min="9006" max="9006" width="3.90625" style="193" customWidth="1"/>
    <col min="9007" max="9019" width="2.1796875" style="193" customWidth="1"/>
    <col min="9020" max="9027" width="1.1796875" style="193" customWidth="1"/>
    <col min="9028" max="9039" width="2.1796875" style="193" customWidth="1"/>
    <col min="9040" max="9040" width="3.90625" style="193" customWidth="1"/>
    <col min="9041" max="9045" width="2.1796875" style="193" customWidth="1"/>
    <col min="9046" max="9216" width="1.81640625" style="193"/>
    <col min="9217" max="9217" width="1.81640625" style="193" customWidth="1"/>
    <col min="9218" max="9218" width="3.1796875" style="193" customWidth="1"/>
    <col min="9219" max="9223" width="2.81640625" style="193" customWidth="1"/>
    <col min="9224" max="9229" width="2.1796875" style="193" customWidth="1"/>
    <col min="9230" max="9231" width="2.81640625" style="193" customWidth="1"/>
    <col min="9232" max="9232" width="3.90625" style="193" customWidth="1"/>
    <col min="9233" max="9237" width="2.1796875" style="193" customWidth="1"/>
    <col min="9238" max="9238" width="3.90625" style="193" customWidth="1"/>
    <col min="9239" max="9243" width="2.1796875" style="193" customWidth="1"/>
    <col min="9244" max="9249" width="2.90625" style="193" customWidth="1"/>
    <col min="9250" max="9250" width="2.1796875" style="193" customWidth="1"/>
    <col min="9251" max="9253" width="3" style="193" customWidth="1"/>
    <col min="9254" max="9254" width="2.1796875" style="193" customWidth="1"/>
    <col min="9255" max="9255" width="3.90625" style="193" customWidth="1"/>
    <col min="9256" max="9261" width="2.1796875" style="193" customWidth="1"/>
    <col min="9262" max="9262" width="3.90625" style="193" customWidth="1"/>
    <col min="9263" max="9275" width="2.1796875" style="193" customWidth="1"/>
    <col min="9276" max="9283" width="1.1796875" style="193" customWidth="1"/>
    <col min="9284" max="9295" width="2.1796875" style="193" customWidth="1"/>
    <col min="9296" max="9296" width="3.90625" style="193" customWidth="1"/>
    <col min="9297" max="9301" width="2.1796875" style="193" customWidth="1"/>
    <col min="9302" max="9472" width="1.81640625" style="193"/>
    <col min="9473" max="9473" width="1.81640625" style="193" customWidth="1"/>
    <col min="9474" max="9474" width="3.1796875" style="193" customWidth="1"/>
    <col min="9475" max="9479" width="2.81640625" style="193" customWidth="1"/>
    <col min="9480" max="9485" width="2.1796875" style="193" customWidth="1"/>
    <col min="9486" max="9487" width="2.81640625" style="193" customWidth="1"/>
    <col min="9488" max="9488" width="3.90625" style="193" customWidth="1"/>
    <col min="9489" max="9493" width="2.1796875" style="193" customWidth="1"/>
    <col min="9494" max="9494" width="3.90625" style="193" customWidth="1"/>
    <col min="9495" max="9499" width="2.1796875" style="193" customWidth="1"/>
    <col min="9500" max="9505" width="2.90625" style="193" customWidth="1"/>
    <col min="9506" max="9506" width="2.1796875" style="193" customWidth="1"/>
    <col min="9507" max="9509" width="3" style="193" customWidth="1"/>
    <col min="9510" max="9510" width="2.1796875" style="193" customWidth="1"/>
    <col min="9511" max="9511" width="3.90625" style="193" customWidth="1"/>
    <col min="9512" max="9517" width="2.1796875" style="193" customWidth="1"/>
    <col min="9518" max="9518" width="3.90625" style="193" customWidth="1"/>
    <col min="9519" max="9531" width="2.1796875" style="193" customWidth="1"/>
    <col min="9532" max="9539" width="1.1796875" style="193" customWidth="1"/>
    <col min="9540" max="9551" width="2.1796875" style="193" customWidth="1"/>
    <col min="9552" max="9552" width="3.90625" style="193" customWidth="1"/>
    <col min="9553" max="9557" width="2.1796875" style="193" customWidth="1"/>
    <col min="9558" max="9728" width="1.81640625" style="193"/>
    <col min="9729" max="9729" width="1.81640625" style="193" customWidth="1"/>
    <col min="9730" max="9730" width="3.1796875" style="193" customWidth="1"/>
    <col min="9731" max="9735" width="2.81640625" style="193" customWidth="1"/>
    <col min="9736" max="9741" width="2.1796875" style="193" customWidth="1"/>
    <col min="9742" max="9743" width="2.81640625" style="193" customWidth="1"/>
    <col min="9744" max="9744" width="3.90625" style="193" customWidth="1"/>
    <col min="9745" max="9749" width="2.1796875" style="193" customWidth="1"/>
    <col min="9750" max="9750" width="3.90625" style="193" customWidth="1"/>
    <col min="9751" max="9755" width="2.1796875" style="193" customWidth="1"/>
    <col min="9756" max="9761" width="2.90625" style="193" customWidth="1"/>
    <col min="9762" max="9762" width="2.1796875" style="193" customWidth="1"/>
    <col min="9763" max="9765" width="3" style="193" customWidth="1"/>
    <col min="9766" max="9766" width="2.1796875" style="193" customWidth="1"/>
    <col min="9767" max="9767" width="3.90625" style="193" customWidth="1"/>
    <col min="9768" max="9773" width="2.1796875" style="193" customWidth="1"/>
    <col min="9774" max="9774" width="3.90625" style="193" customWidth="1"/>
    <col min="9775" max="9787" width="2.1796875" style="193" customWidth="1"/>
    <col min="9788" max="9795" width="1.1796875" style="193" customWidth="1"/>
    <col min="9796" max="9807" width="2.1796875" style="193" customWidth="1"/>
    <col min="9808" max="9808" width="3.90625" style="193" customWidth="1"/>
    <col min="9809" max="9813" width="2.1796875" style="193" customWidth="1"/>
    <col min="9814" max="9984" width="1.81640625" style="193"/>
    <col min="9985" max="9985" width="1.81640625" style="193" customWidth="1"/>
    <col min="9986" max="9986" width="3.1796875" style="193" customWidth="1"/>
    <col min="9987" max="9991" width="2.81640625" style="193" customWidth="1"/>
    <col min="9992" max="9997" width="2.1796875" style="193" customWidth="1"/>
    <col min="9998" max="9999" width="2.81640625" style="193" customWidth="1"/>
    <col min="10000" max="10000" width="3.90625" style="193" customWidth="1"/>
    <col min="10001" max="10005" width="2.1796875" style="193" customWidth="1"/>
    <col min="10006" max="10006" width="3.90625" style="193" customWidth="1"/>
    <col min="10007" max="10011" width="2.1796875" style="193" customWidth="1"/>
    <col min="10012" max="10017" width="2.90625" style="193" customWidth="1"/>
    <col min="10018" max="10018" width="2.1796875" style="193" customWidth="1"/>
    <col min="10019" max="10021" width="3" style="193" customWidth="1"/>
    <col min="10022" max="10022" width="2.1796875" style="193" customWidth="1"/>
    <col min="10023" max="10023" width="3.90625" style="193" customWidth="1"/>
    <col min="10024" max="10029" width="2.1796875" style="193" customWidth="1"/>
    <col min="10030" max="10030" width="3.90625" style="193" customWidth="1"/>
    <col min="10031" max="10043" width="2.1796875" style="193" customWidth="1"/>
    <col min="10044" max="10051" width="1.1796875" style="193" customWidth="1"/>
    <col min="10052" max="10063" width="2.1796875" style="193" customWidth="1"/>
    <col min="10064" max="10064" width="3.90625" style="193" customWidth="1"/>
    <col min="10065" max="10069" width="2.1796875" style="193" customWidth="1"/>
    <col min="10070" max="10240" width="1.81640625" style="193"/>
    <col min="10241" max="10241" width="1.81640625" style="193" customWidth="1"/>
    <col min="10242" max="10242" width="3.1796875" style="193" customWidth="1"/>
    <col min="10243" max="10247" width="2.81640625" style="193" customWidth="1"/>
    <col min="10248" max="10253" width="2.1796875" style="193" customWidth="1"/>
    <col min="10254" max="10255" width="2.81640625" style="193" customWidth="1"/>
    <col min="10256" max="10256" width="3.90625" style="193" customWidth="1"/>
    <col min="10257" max="10261" width="2.1796875" style="193" customWidth="1"/>
    <col min="10262" max="10262" width="3.90625" style="193" customWidth="1"/>
    <col min="10263" max="10267" width="2.1796875" style="193" customWidth="1"/>
    <col min="10268" max="10273" width="2.90625" style="193" customWidth="1"/>
    <col min="10274" max="10274" width="2.1796875" style="193" customWidth="1"/>
    <col min="10275" max="10277" width="3" style="193" customWidth="1"/>
    <col min="10278" max="10278" width="2.1796875" style="193" customWidth="1"/>
    <col min="10279" max="10279" width="3.90625" style="193" customWidth="1"/>
    <col min="10280" max="10285" width="2.1796875" style="193" customWidth="1"/>
    <col min="10286" max="10286" width="3.90625" style="193" customWidth="1"/>
    <col min="10287" max="10299" width="2.1796875" style="193" customWidth="1"/>
    <col min="10300" max="10307" width="1.1796875" style="193" customWidth="1"/>
    <col min="10308" max="10319" width="2.1796875" style="193" customWidth="1"/>
    <col min="10320" max="10320" width="3.90625" style="193" customWidth="1"/>
    <col min="10321" max="10325" width="2.1796875" style="193" customWidth="1"/>
    <col min="10326" max="10496" width="1.81640625" style="193"/>
    <col min="10497" max="10497" width="1.81640625" style="193" customWidth="1"/>
    <col min="10498" max="10498" width="3.1796875" style="193" customWidth="1"/>
    <col min="10499" max="10503" width="2.81640625" style="193" customWidth="1"/>
    <col min="10504" max="10509" width="2.1796875" style="193" customWidth="1"/>
    <col min="10510" max="10511" width="2.81640625" style="193" customWidth="1"/>
    <col min="10512" max="10512" width="3.90625" style="193" customWidth="1"/>
    <col min="10513" max="10517" width="2.1796875" style="193" customWidth="1"/>
    <col min="10518" max="10518" width="3.90625" style="193" customWidth="1"/>
    <col min="10519" max="10523" width="2.1796875" style="193" customWidth="1"/>
    <col min="10524" max="10529" width="2.90625" style="193" customWidth="1"/>
    <col min="10530" max="10530" width="2.1796875" style="193" customWidth="1"/>
    <col min="10531" max="10533" width="3" style="193" customWidth="1"/>
    <col min="10534" max="10534" width="2.1796875" style="193" customWidth="1"/>
    <col min="10535" max="10535" width="3.90625" style="193" customWidth="1"/>
    <col min="10536" max="10541" width="2.1796875" style="193" customWidth="1"/>
    <col min="10542" max="10542" width="3.90625" style="193" customWidth="1"/>
    <col min="10543" max="10555" width="2.1796875" style="193" customWidth="1"/>
    <col min="10556" max="10563" width="1.1796875" style="193" customWidth="1"/>
    <col min="10564" max="10575" width="2.1796875" style="193" customWidth="1"/>
    <col min="10576" max="10576" width="3.90625" style="193" customWidth="1"/>
    <col min="10577" max="10581" width="2.1796875" style="193" customWidth="1"/>
    <col min="10582" max="10752" width="1.81640625" style="193"/>
    <col min="10753" max="10753" width="1.81640625" style="193" customWidth="1"/>
    <col min="10754" max="10754" width="3.1796875" style="193" customWidth="1"/>
    <col min="10755" max="10759" width="2.81640625" style="193" customWidth="1"/>
    <col min="10760" max="10765" width="2.1796875" style="193" customWidth="1"/>
    <col min="10766" max="10767" width="2.81640625" style="193" customWidth="1"/>
    <col min="10768" max="10768" width="3.90625" style="193" customWidth="1"/>
    <col min="10769" max="10773" width="2.1796875" style="193" customWidth="1"/>
    <col min="10774" max="10774" width="3.90625" style="193" customWidth="1"/>
    <col min="10775" max="10779" width="2.1796875" style="193" customWidth="1"/>
    <col min="10780" max="10785" width="2.90625" style="193" customWidth="1"/>
    <col min="10786" max="10786" width="2.1796875" style="193" customWidth="1"/>
    <col min="10787" max="10789" width="3" style="193" customWidth="1"/>
    <col min="10790" max="10790" width="2.1796875" style="193" customWidth="1"/>
    <col min="10791" max="10791" width="3.90625" style="193" customWidth="1"/>
    <col min="10792" max="10797" width="2.1796875" style="193" customWidth="1"/>
    <col min="10798" max="10798" width="3.90625" style="193" customWidth="1"/>
    <col min="10799" max="10811" width="2.1796875" style="193" customWidth="1"/>
    <col min="10812" max="10819" width="1.1796875" style="193" customWidth="1"/>
    <col min="10820" max="10831" width="2.1796875" style="193" customWidth="1"/>
    <col min="10832" max="10832" width="3.90625" style="193" customWidth="1"/>
    <col min="10833" max="10837" width="2.1796875" style="193" customWidth="1"/>
    <col min="10838" max="11008" width="1.81640625" style="193"/>
    <col min="11009" max="11009" width="1.81640625" style="193" customWidth="1"/>
    <col min="11010" max="11010" width="3.1796875" style="193" customWidth="1"/>
    <col min="11011" max="11015" width="2.81640625" style="193" customWidth="1"/>
    <col min="11016" max="11021" width="2.1796875" style="193" customWidth="1"/>
    <col min="11022" max="11023" width="2.81640625" style="193" customWidth="1"/>
    <col min="11024" max="11024" width="3.90625" style="193" customWidth="1"/>
    <col min="11025" max="11029" width="2.1796875" style="193" customWidth="1"/>
    <col min="11030" max="11030" width="3.90625" style="193" customWidth="1"/>
    <col min="11031" max="11035" width="2.1796875" style="193" customWidth="1"/>
    <col min="11036" max="11041" width="2.90625" style="193" customWidth="1"/>
    <col min="11042" max="11042" width="2.1796875" style="193" customWidth="1"/>
    <col min="11043" max="11045" width="3" style="193" customWidth="1"/>
    <col min="11046" max="11046" width="2.1796875" style="193" customWidth="1"/>
    <col min="11047" max="11047" width="3.90625" style="193" customWidth="1"/>
    <col min="11048" max="11053" width="2.1796875" style="193" customWidth="1"/>
    <col min="11054" max="11054" width="3.90625" style="193" customWidth="1"/>
    <col min="11055" max="11067" width="2.1796875" style="193" customWidth="1"/>
    <col min="11068" max="11075" width="1.1796875" style="193" customWidth="1"/>
    <col min="11076" max="11087" width="2.1796875" style="193" customWidth="1"/>
    <col min="11088" max="11088" width="3.90625" style="193" customWidth="1"/>
    <col min="11089" max="11093" width="2.1796875" style="193" customWidth="1"/>
    <col min="11094" max="11264" width="1.81640625" style="193"/>
    <col min="11265" max="11265" width="1.81640625" style="193" customWidth="1"/>
    <col min="11266" max="11266" width="3.1796875" style="193" customWidth="1"/>
    <col min="11267" max="11271" width="2.81640625" style="193" customWidth="1"/>
    <col min="11272" max="11277" width="2.1796875" style="193" customWidth="1"/>
    <col min="11278" max="11279" width="2.81640625" style="193" customWidth="1"/>
    <col min="11280" max="11280" width="3.90625" style="193" customWidth="1"/>
    <col min="11281" max="11285" width="2.1796875" style="193" customWidth="1"/>
    <col min="11286" max="11286" width="3.90625" style="193" customWidth="1"/>
    <col min="11287" max="11291" width="2.1796875" style="193" customWidth="1"/>
    <col min="11292" max="11297" width="2.90625" style="193" customWidth="1"/>
    <col min="11298" max="11298" width="2.1796875" style="193" customWidth="1"/>
    <col min="11299" max="11301" width="3" style="193" customWidth="1"/>
    <col min="11302" max="11302" width="2.1796875" style="193" customWidth="1"/>
    <col min="11303" max="11303" width="3.90625" style="193" customWidth="1"/>
    <col min="11304" max="11309" width="2.1796875" style="193" customWidth="1"/>
    <col min="11310" max="11310" width="3.90625" style="193" customWidth="1"/>
    <col min="11311" max="11323" width="2.1796875" style="193" customWidth="1"/>
    <col min="11324" max="11331" width="1.1796875" style="193" customWidth="1"/>
    <col min="11332" max="11343" width="2.1796875" style="193" customWidth="1"/>
    <col min="11344" max="11344" width="3.90625" style="193" customWidth="1"/>
    <col min="11345" max="11349" width="2.1796875" style="193" customWidth="1"/>
    <col min="11350" max="11520" width="1.81640625" style="193"/>
    <col min="11521" max="11521" width="1.81640625" style="193" customWidth="1"/>
    <col min="11522" max="11522" width="3.1796875" style="193" customWidth="1"/>
    <col min="11523" max="11527" width="2.81640625" style="193" customWidth="1"/>
    <col min="11528" max="11533" width="2.1796875" style="193" customWidth="1"/>
    <col min="11534" max="11535" width="2.81640625" style="193" customWidth="1"/>
    <col min="11536" max="11536" width="3.90625" style="193" customWidth="1"/>
    <col min="11537" max="11541" width="2.1796875" style="193" customWidth="1"/>
    <col min="11542" max="11542" width="3.90625" style="193" customWidth="1"/>
    <col min="11543" max="11547" width="2.1796875" style="193" customWidth="1"/>
    <col min="11548" max="11553" width="2.90625" style="193" customWidth="1"/>
    <col min="11554" max="11554" width="2.1796875" style="193" customWidth="1"/>
    <col min="11555" max="11557" width="3" style="193" customWidth="1"/>
    <col min="11558" max="11558" width="2.1796875" style="193" customWidth="1"/>
    <col min="11559" max="11559" width="3.90625" style="193" customWidth="1"/>
    <col min="11560" max="11565" width="2.1796875" style="193" customWidth="1"/>
    <col min="11566" max="11566" width="3.90625" style="193" customWidth="1"/>
    <col min="11567" max="11579" width="2.1796875" style="193" customWidth="1"/>
    <col min="11580" max="11587" width="1.1796875" style="193" customWidth="1"/>
    <col min="11588" max="11599" width="2.1796875" style="193" customWidth="1"/>
    <col min="11600" max="11600" width="3.90625" style="193" customWidth="1"/>
    <col min="11601" max="11605" width="2.1796875" style="193" customWidth="1"/>
    <col min="11606" max="11776" width="1.81640625" style="193"/>
    <col min="11777" max="11777" width="1.81640625" style="193" customWidth="1"/>
    <col min="11778" max="11778" width="3.1796875" style="193" customWidth="1"/>
    <col min="11779" max="11783" width="2.81640625" style="193" customWidth="1"/>
    <col min="11784" max="11789" width="2.1796875" style="193" customWidth="1"/>
    <col min="11790" max="11791" width="2.81640625" style="193" customWidth="1"/>
    <col min="11792" max="11792" width="3.90625" style="193" customWidth="1"/>
    <col min="11793" max="11797" width="2.1796875" style="193" customWidth="1"/>
    <col min="11798" max="11798" width="3.90625" style="193" customWidth="1"/>
    <col min="11799" max="11803" width="2.1796875" style="193" customWidth="1"/>
    <col min="11804" max="11809" width="2.90625" style="193" customWidth="1"/>
    <col min="11810" max="11810" width="2.1796875" style="193" customWidth="1"/>
    <col min="11811" max="11813" width="3" style="193" customWidth="1"/>
    <col min="11814" max="11814" width="2.1796875" style="193" customWidth="1"/>
    <col min="11815" max="11815" width="3.90625" style="193" customWidth="1"/>
    <col min="11816" max="11821" width="2.1796875" style="193" customWidth="1"/>
    <col min="11822" max="11822" width="3.90625" style="193" customWidth="1"/>
    <col min="11823" max="11835" width="2.1796875" style="193" customWidth="1"/>
    <col min="11836" max="11843" width="1.1796875" style="193" customWidth="1"/>
    <col min="11844" max="11855" width="2.1796875" style="193" customWidth="1"/>
    <col min="11856" max="11856" width="3.90625" style="193" customWidth="1"/>
    <col min="11857" max="11861" width="2.1796875" style="193" customWidth="1"/>
    <col min="11862" max="12032" width="1.81640625" style="193"/>
    <col min="12033" max="12033" width="1.81640625" style="193" customWidth="1"/>
    <col min="12034" max="12034" width="3.1796875" style="193" customWidth="1"/>
    <col min="12035" max="12039" width="2.81640625" style="193" customWidth="1"/>
    <col min="12040" max="12045" width="2.1796875" style="193" customWidth="1"/>
    <col min="12046" max="12047" width="2.81640625" style="193" customWidth="1"/>
    <col min="12048" max="12048" width="3.90625" style="193" customWidth="1"/>
    <col min="12049" max="12053" width="2.1796875" style="193" customWidth="1"/>
    <col min="12054" max="12054" width="3.90625" style="193" customWidth="1"/>
    <col min="12055" max="12059" width="2.1796875" style="193" customWidth="1"/>
    <col min="12060" max="12065" width="2.90625" style="193" customWidth="1"/>
    <col min="12066" max="12066" width="2.1796875" style="193" customWidth="1"/>
    <col min="12067" max="12069" width="3" style="193" customWidth="1"/>
    <col min="12070" max="12070" width="2.1796875" style="193" customWidth="1"/>
    <col min="12071" max="12071" width="3.90625" style="193" customWidth="1"/>
    <col min="12072" max="12077" width="2.1796875" style="193" customWidth="1"/>
    <col min="12078" max="12078" width="3.90625" style="193" customWidth="1"/>
    <col min="12079" max="12091" width="2.1796875" style="193" customWidth="1"/>
    <col min="12092" max="12099" width="1.1796875" style="193" customWidth="1"/>
    <col min="12100" max="12111" width="2.1796875" style="193" customWidth="1"/>
    <col min="12112" max="12112" width="3.90625" style="193" customWidth="1"/>
    <col min="12113" max="12117" width="2.1796875" style="193" customWidth="1"/>
    <col min="12118" max="12288" width="1.81640625" style="193"/>
    <col min="12289" max="12289" width="1.81640625" style="193" customWidth="1"/>
    <col min="12290" max="12290" width="3.1796875" style="193" customWidth="1"/>
    <col min="12291" max="12295" width="2.81640625" style="193" customWidth="1"/>
    <col min="12296" max="12301" width="2.1796875" style="193" customWidth="1"/>
    <col min="12302" max="12303" width="2.81640625" style="193" customWidth="1"/>
    <col min="12304" max="12304" width="3.90625" style="193" customWidth="1"/>
    <col min="12305" max="12309" width="2.1796875" style="193" customWidth="1"/>
    <col min="12310" max="12310" width="3.90625" style="193" customWidth="1"/>
    <col min="12311" max="12315" width="2.1796875" style="193" customWidth="1"/>
    <col min="12316" max="12321" width="2.90625" style="193" customWidth="1"/>
    <col min="12322" max="12322" width="2.1796875" style="193" customWidth="1"/>
    <col min="12323" max="12325" width="3" style="193" customWidth="1"/>
    <col min="12326" max="12326" width="2.1796875" style="193" customWidth="1"/>
    <col min="12327" max="12327" width="3.90625" style="193" customWidth="1"/>
    <col min="12328" max="12333" width="2.1796875" style="193" customWidth="1"/>
    <col min="12334" max="12334" width="3.90625" style="193" customWidth="1"/>
    <col min="12335" max="12347" width="2.1796875" style="193" customWidth="1"/>
    <col min="12348" max="12355" width="1.1796875" style="193" customWidth="1"/>
    <col min="12356" max="12367" width="2.1796875" style="193" customWidth="1"/>
    <col min="12368" max="12368" width="3.90625" style="193" customWidth="1"/>
    <col min="12369" max="12373" width="2.1796875" style="193" customWidth="1"/>
    <col min="12374" max="12544" width="1.81640625" style="193"/>
    <col min="12545" max="12545" width="1.81640625" style="193" customWidth="1"/>
    <col min="12546" max="12546" width="3.1796875" style="193" customWidth="1"/>
    <col min="12547" max="12551" width="2.81640625" style="193" customWidth="1"/>
    <col min="12552" max="12557" width="2.1796875" style="193" customWidth="1"/>
    <col min="12558" max="12559" width="2.81640625" style="193" customWidth="1"/>
    <col min="12560" max="12560" width="3.90625" style="193" customWidth="1"/>
    <col min="12561" max="12565" width="2.1796875" style="193" customWidth="1"/>
    <col min="12566" max="12566" width="3.90625" style="193" customWidth="1"/>
    <col min="12567" max="12571" width="2.1796875" style="193" customWidth="1"/>
    <col min="12572" max="12577" width="2.90625" style="193" customWidth="1"/>
    <col min="12578" max="12578" width="2.1796875" style="193" customWidth="1"/>
    <col min="12579" max="12581" width="3" style="193" customWidth="1"/>
    <col min="12582" max="12582" width="2.1796875" style="193" customWidth="1"/>
    <col min="12583" max="12583" width="3.90625" style="193" customWidth="1"/>
    <col min="12584" max="12589" width="2.1796875" style="193" customWidth="1"/>
    <col min="12590" max="12590" width="3.90625" style="193" customWidth="1"/>
    <col min="12591" max="12603" width="2.1796875" style="193" customWidth="1"/>
    <col min="12604" max="12611" width="1.1796875" style="193" customWidth="1"/>
    <col min="12612" max="12623" width="2.1796875" style="193" customWidth="1"/>
    <col min="12624" max="12624" width="3.90625" style="193" customWidth="1"/>
    <col min="12625" max="12629" width="2.1796875" style="193" customWidth="1"/>
    <col min="12630" max="12800" width="1.81640625" style="193"/>
    <col min="12801" max="12801" width="1.81640625" style="193" customWidth="1"/>
    <col min="12802" max="12802" width="3.1796875" style="193" customWidth="1"/>
    <col min="12803" max="12807" width="2.81640625" style="193" customWidth="1"/>
    <col min="12808" max="12813" width="2.1796875" style="193" customWidth="1"/>
    <col min="12814" max="12815" width="2.81640625" style="193" customWidth="1"/>
    <col min="12816" max="12816" width="3.90625" style="193" customWidth="1"/>
    <col min="12817" max="12821" width="2.1796875" style="193" customWidth="1"/>
    <col min="12822" max="12822" width="3.90625" style="193" customWidth="1"/>
    <col min="12823" max="12827" width="2.1796875" style="193" customWidth="1"/>
    <col min="12828" max="12833" width="2.90625" style="193" customWidth="1"/>
    <col min="12834" max="12834" width="2.1796875" style="193" customWidth="1"/>
    <col min="12835" max="12837" width="3" style="193" customWidth="1"/>
    <col min="12838" max="12838" width="2.1796875" style="193" customWidth="1"/>
    <col min="12839" max="12839" width="3.90625" style="193" customWidth="1"/>
    <col min="12840" max="12845" width="2.1796875" style="193" customWidth="1"/>
    <col min="12846" max="12846" width="3.90625" style="193" customWidth="1"/>
    <col min="12847" max="12859" width="2.1796875" style="193" customWidth="1"/>
    <col min="12860" max="12867" width="1.1796875" style="193" customWidth="1"/>
    <col min="12868" max="12879" width="2.1796875" style="193" customWidth="1"/>
    <col min="12880" max="12880" width="3.90625" style="193" customWidth="1"/>
    <col min="12881" max="12885" width="2.1796875" style="193" customWidth="1"/>
    <col min="12886" max="13056" width="1.81640625" style="193"/>
    <col min="13057" max="13057" width="1.81640625" style="193" customWidth="1"/>
    <col min="13058" max="13058" width="3.1796875" style="193" customWidth="1"/>
    <col min="13059" max="13063" width="2.81640625" style="193" customWidth="1"/>
    <col min="13064" max="13069" width="2.1796875" style="193" customWidth="1"/>
    <col min="13070" max="13071" width="2.81640625" style="193" customWidth="1"/>
    <col min="13072" max="13072" width="3.90625" style="193" customWidth="1"/>
    <col min="13073" max="13077" width="2.1796875" style="193" customWidth="1"/>
    <col min="13078" max="13078" width="3.90625" style="193" customWidth="1"/>
    <col min="13079" max="13083" width="2.1796875" style="193" customWidth="1"/>
    <col min="13084" max="13089" width="2.90625" style="193" customWidth="1"/>
    <col min="13090" max="13090" width="2.1796875" style="193" customWidth="1"/>
    <col min="13091" max="13093" width="3" style="193" customWidth="1"/>
    <col min="13094" max="13094" width="2.1796875" style="193" customWidth="1"/>
    <col min="13095" max="13095" width="3.90625" style="193" customWidth="1"/>
    <col min="13096" max="13101" width="2.1796875" style="193" customWidth="1"/>
    <col min="13102" max="13102" width="3.90625" style="193" customWidth="1"/>
    <col min="13103" max="13115" width="2.1796875" style="193" customWidth="1"/>
    <col min="13116" max="13123" width="1.1796875" style="193" customWidth="1"/>
    <col min="13124" max="13135" width="2.1796875" style="193" customWidth="1"/>
    <col min="13136" max="13136" width="3.90625" style="193" customWidth="1"/>
    <col min="13137" max="13141" width="2.1796875" style="193" customWidth="1"/>
    <col min="13142" max="13312" width="1.81640625" style="193"/>
    <col min="13313" max="13313" width="1.81640625" style="193" customWidth="1"/>
    <col min="13314" max="13314" width="3.1796875" style="193" customWidth="1"/>
    <col min="13315" max="13319" width="2.81640625" style="193" customWidth="1"/>
    <col min="13320" max="13325" width="2.1796875" style="193" customWidth="1"/>
    <col min="13326" max="13327" width="2.81640625" style="193" customWidth="1"/>
    <col min="13328" max="13328" width="3.90625" style="193" customWidth="1"/>
    <col min="13329" max="13333" width="2.1796875" style="193" customWidth="1"/>
    <col min="13334" max="13334" width="3.90625" style="193" customWidth="1"/>
    <col min="13335" max="13339" width="2.1796875" style="193" customWidth="1"/>
    <col min="13340" max="13345" width="2.90625" style="193" customWidth="1"/>
    <col min="13346" max="13346" width="2.1796875" style="193" customWidth="1"/>
    <col min="13347" max="13349" width="3" style="193" customWidth="1"/>
    <col min="13350" max="13350" width="2.1796875" style="193" customWidth="1"/>
    <col min="13351" max="13351" width="3.90625" style="193" customWidth="1"/>
    <col min="13352" max="13357" width="2.1796875" style="193" customWidth="1"/>
    <col min="13358" max="13358" width="3.90625" style="193" customWidth="1"/>
    <col min="13359" max="13371" width="2.1796875" style="193" customWidth="1"/>
    <col min="13372" max="13379" width="1.1796875" style="193" customWidth="1"/>
    <col min="13380" max="13391" width="2.1796875" style="193" customWidth="1"/>
    <col min="13392" max="13392" width="3.90625" style="193" customWidth="1"/>
    <col min="13393" max="13397" width="2.1796875" style="193" customWidth="1"/>
    <col min="13398" max="13568" width="1.81640625" style="193"/>
    <col min="13569" max="13569" width="1.81640625" style="193" customWidth="1"/>
    <col min="13570" max="13570" width="3.1796875" style="193" customWidth="1"/>
    <col min="13571" max="13575" width="2.81640625" style="193" customWidth="1"/>
    <col min="13576" max="13581" width="2.1796875" style="193" customWidth="1"/>
    <col min="13582" max="13583" width="2.81640625" style="193" customWidth="1"/>
    <col min="13584" max="13584" width="3.90625" style="193" customWidth="1"/>
    <col min="13585" max="13589" width="2.1796875" style="193" customWidth="1"/>
    <col min="13590" max="13590" width="3.90625" style="193" customWidth="1"/>
    <col min="13591" max="13595" width="2.1796875" style="193" customWidth="1"/>
    <col min="13596" max="13601" width="2.90625" style="193" customWidth="1"/>
    <col min="13602" max="13602" width="2.1796875" style="193" customWidth="1"/>
    <col min="13603" max="13605" width="3" style="193" customWidth="1"/>
    <col min="13606" max="13606" width="2.1796875" style="193" customWidth="1"/>
    <col min="13607" max="13607" width="3.90625" style="193" customWidth="1"/>
    <col min="13608" max="13613" width="2.1796875" style="193" customWidth="1"/>
    <col min="13614" max="13614" width="3.90625" style="193" customWidth="1"/>
    <col min="13615" max="13627" width="2.1796875" style="193" customWidth="1"/>
    <col min="13628" max="13635" width="1.1796875" style="193" customWidth="1"/>
    <col min="13636" max="13647" width="2.1796875" style="193" customWidth="1"/>
    <col min="13648" max="13648" width="3.90625" style="193" customWidth="1"/>
    <col min="13649" max="13653" width="2.1796875" style="193" customWidth="1"/>
    <col min="13654" max="13824" width="1.81640625" style="193"/>
    <col min="13825" max="13825" width="1.81640625" style="193" customWidth="1"/>
    <col min="13826" max="13826" width="3.1796875" style="193" customWidth="1"/>
    <col min="13827" max="13831" width="2.81640625" style="193" customWidth="1"/>
    <col min="13832" max="13837" width="2.1796875" style="193" customWidth="1"/>
    <col min="13838" max="13839" width="2.81640625" style="193" customWidth="1"/>
    <col min="13840" max="13840" width="3.90625" style="193" customWidth="1"/>
    <col min="13841" max="13845" width="2.1796875" style="193" customWidth="1"/>
    <col min="13846" max="13846" width="3.90625" style="193" customWidth="1"/>
    <col min="13847" max="13851" width="2.1796875" style="193" customWidth="1"/>
    <col min="13852" max="13857" width="2.90625" style="193" customWidth="1"/>
    <col min="13858" max="13858" width="2.1796875" style="193" customWidth="1"/>
    <col min="13859" max="13861" width="3" style="193" customWidth="1"/>
    <col min="13862" max="13862" width="2.1796875" style="193" customWidth="1"/>
    <col min="13863" max="13863" width="3.90625" style="193" customWidth="1"/>
    <col min="13864" max="13869" width="2.1796875" style="193" customWidth="1"/>
    <col min="13870" max="13870" width="3.90625" style="193" customWidth="1"/>
    <col min="13871" max="13883" width="2.1796875" style="193" customWidth="1"/>
    <col min="13884" max="13891" width="1.1796875" style="193" customWidth="1"/>
    <col min="13892" max="13903" width="2.1796875" style="193" customWidth="1"/>
    <col min="13904" max="13904" width="3.90625" style="193" customWidth="1"/>
    <col min="13905" max="13909" width="2.1796875" style="193" customWidth="1"/>
    <col min="13910" max="14080" width="1.81640625" style="193"/>
    <col min="14081" max="14081" width="1.81640625" style="193" customWidth="1"/>
    <col min="14082" max="14082" width="3.1796875" style="193" customWidth="1"/>
    <col min="14083" max="14087" width="2.81640625" style="193" customWidth="1"/>
    <col min="14088" max="14093" width="2.1796875" style="193" customWidth="1"/>
    <col min="14094" max="14095" width="2.81640625" style="193" customWidth="1"/>
    <col min="14096" max="14096" width="3.90625" style="193" customWidth="1"/>
    <col min="14097" max="14101" width="2.1796875" style="193" customWidth="1"/>
    <col min="14102" max="14102" width="3.90625" style="193" customWidth="1"/>
    <col min="14103" max="14107" width="2.1796875" style="193" customWidth="1"/>
    <col min="14108" max="14113" width="2.90625" style="193" customWidth="1"/>
    <col min="14114" max="14114" width="2.1796875" style="193" customWidth="1"/>
    <col min="14115" max="14117" width="3" style="193" customWidth="1"/>
    <col min="14118" max="14118" width="2.1796875" style="193" customWidth="1"/>
    <col min="14119" max="14119" width="3.90625" style="193" customWidth="1"/>
    <col min="14120" max="14125" width="2.1796875" style="193" customWidth="1"/>
    <col min="14126" max="14126" width="3.90625" style="193" customWidth="1"/>
    <col min="14127" max="14139" width="2.1796875" style="193" customWidth="1"/>
    <col min="14140" max="14147" width="1.1796875" style="193" customWidth="1"/>
    <col min="14148" max="14159" width="2.1796875" style="193" customWidth="1"/>
    <col min="14160" max="14160" width="3.90625" style="193" customWidth="1"/>
    <col min="14161" max="14165" width="2.1796875" style="193" customWidth="1"/>
    <col min="14166" max="14336" width="1.81640625" style="193"/>
    <col min="14337" max="14337" width="1.81640625" style="193" customWidth="1"/>
    <col min="14338" max="14338" width="3.1796875" style="193" customWidth="1"/>
    <col min="14339" max="14343" width="2.81640625" style="193" customWidth="1"/>
    <col min="14344" max="14349" width="2.1796875" style="193" customWidth="1"/>
    <col min="14350" max="14351" width="2.81640625" style="193" customWidth="1"/>
    <col min="14352" max="14352" width="3.90625" style="193" customWidth="1"/>
    <col min="14353" max="14357" width="2.1796875" style="193" customWidth="1"/>
    <col min="14358" max="14358" width="3.90625" style="193" customWidth="1"/>
    <col min="14359" max="14363" width="2.1796875" style="193" customWidth="1"/>
    <col min="14364" max="14369" width="2.90625" style="193" customWidth="1"/>
    <col min="14370" max="14370" width="2.1796875" style="193" customWidth="1"/>
    <col min="14371" max="14373" width="3" style="193" customWidth="1"/>
    <col min="14374" max="14374" width="2.1796875" style="193" customWidth="1"/>
    <col min="14375" max="14375" width="3.90625" style="193" customWidth="1"/>
    <col min="14376" max="14381" width="2.1796875" style="193" customWidth="1"/>
    <col min="14382" max="14382" width="3.90625" style="193" customWidth="1"/>
    <col min="14383" max="14395" width="2.1796875" style="193" customWidth="1"/>
    <col min="14396" max="14403" width="1.1796875" style="193" customWidth="1"/>
    <col min="14404" max="14415" width="2.1796875" style="193" customWidth="1"/>
    <col min="14416" max="14416" width="3.90625" style="193" customWidth="1"/>
    <col min="14417" max="14421" width="2.1796875" style="193" customWidth="1"/>
    <col min="14422" max="14592" width="1.81640625" style="193"/>
    <col min="14593" max="14593" width="1.81640625" style="193" customWidth="1"/>
    <col min="14594" max="14594" width="3.1796875" style="193" customWidth="1"/>
    <col min="14595" max="14599" width="2.81640625" style="193" customWidth="1"/>
    <col min="14600" max="14605" width="2.1796875" style="193" customWidth="1"/>
    <col min="14606" max="14607" width="2.81640625" style="193" customWidth="1"/>
    <col min="14608" max="14608" width="3.90625" style="193" customWidth="1"/>
    <col min="14609" max="14613" width="2.1796875" style="193" customWidth="1"/>
    <col min="14614" max="14614" width="3.90625" style="193" customWidth="1"/>
    <col min="14615" max="14619" width="2.1796875" style="193" customWidth="1"/>
    <col min="14620" max="14625" width="2.90625" style="193" customWidth="1"/>
    <col min="14626" max="14626" width="2.1796875" style="193" customWidth="1"/>
    <col min="14627" max="14629" width="3" style="193" customWidth="1"/>
    <col min="14630" max="14630" width="2.1796875" style="193" customWidth="1"/>
    <col min="14631" max="14631" width="3.90625" style="193" customWidth="1"/>
    <col min="14632" max="14637" width="2.1796875" style="193" customWidth="1"/>
    <col min="14638" max="14638" width="3.90625" style="193" customWidth="1"/>
    <col min="14639" max="14651" width="2.1796875" style="193" customWidth="1"/>
    <col min="14652" max="14659" width="1.1796875" style="193" customWidth="1"/>
    <col min="14660" max="14671" width="2.1796875" style="193" customWidth="1"/>
    <col min="14672" max="14672" width="3.90625" style="193" customWidth="1"/>
    <col min="14673" max="14677" width="2.1796875" style="193" customWidth="1"/>
    <col min="14678" max="14848" width="1.81640625" style="193"/>
    <col min="14849" max="14849" width="1.81640625" style="193" customWidth="1"/>
    <col min="14850" max="14850" width="3.1796875" style="193" customWidth="1"/>
    <col min="14851" max="14855" width="2.81640625" style="193" customWidth="1"/>
    <col min="14856" max="14861" width="2.1796875" style="193" customWidth="1"/>
    <col min="14862" max="14863" width="2.81640625" style="193" customWidth="1"/>
    <col min="14864" max="14864" width="3.90625" style="193" customWidth="1"/>
    <col min="14865" max="14869" width="2.1796875" style="193" customWidth="1"/>
    <col min="14870" max="14870" width="3.90625" style="193" customWidth="1"/>
    <col min="14871" max="14875" width="2.1796875" style="193" customWidth="1"/>
    <col min="14876" max="14881" width="2.90625" style="193" customWidth="1"/>
    <col min="14882" max="14882" width="2.1796875" style="193" customWidth="1"/>
    <col min="14883" max="14885" width="3" style="193" customWidth="1"/>
    <col min="14886" max="14886" width="2.1796875" style="193" customWidth="1"/>
    <col min="14887" max="14887" width="3.90625" style="193" customWidth="1"/>
    <col min="14888" max="14893" width="2.1796875" style="193" customWidth="1"/>
    <col min="14894" max="14894" width="3.90625" style="193" customWidth="1"/>
    <col min="14895" max="14907" width="2.1796875" style="193" customWidth="1"/>
    <col min="14908" max="14915" width="1.1796875" style="193" customWidth="1"/>
    <col min="14916" max="14927" width="2.1796875" style="193" customWidth="1"/>
    <col min="14928" max="14928" width="3.90625" style="193" customWidth="1"/>
    <col min="14929" max="14933" width="2.1796875" style="193" customWidth="1"/>
    <col min="14934" max="15104" width="1.81640625" style="193"/>
    <col min="15105" max="15105" width="1.81640625" style="193" customWidth="1"/>
    <col min="15106" max="15106" width="3.1796875" style="193" customWidth="1"/>
    <col min="15107" max="15111" width="2.81640625" style="193" customWidth="1"/>
    <col min="15112" max="15117" width="2.1796875" style="193" customWidth="1"/>
    <col min="15118" max="15119" width="2.81640625" style="193" customWidth="1"/>
    <col min="15120" max="15120" width="3.90625" style="193" customWidth="1"/>
    <col min="15121" max="15125" width="2.1796875" style="193" customWidth="1"/>
    <col min="15126" max="15126" width="3.90625" style="193" customWidth="1"/>
    <col min="15127" max="15131" width="2.1796875" style="193" customWidth="1"/>
    <col min="15132" max="15137" width="2.90625" style="193" customWidth="1"/>
    <col min="15138" max="15138" width="2.1796875" style="193" customWidth="1"/>
    <col min="15139" max="15141" width="3" style="193" customWidth="1"/>
    <col min="15142" max="15142" width="2.1796875" style="193" customWidth="1"/>
    <col min="15143" max="15143" width="3.90625" style="193" customWidth="1"/>
    <col min="15144" max="15149" width="2.1796875" style="193" customWidth="1"/>
    <col min="15150" max="15150" width="3.90625" style="193" customWidth="1"/>
    <col min="15151" max="15163" width="2.1796875" style="193" customWidth="1"/>
    <col min="15164" max="15171" width="1.1796875" style="193" customWidth="1"/>
    <col min="15172" max="15183" width="2.1796875" style="193" customWidth="1"/>
    <col min="15184" max="15184" width="3.90625" style="193" customWidth="1"/>
    <col min="15185" max="15189" width="2.1796875" style="193" customWidth="1"/>
    <col min="15190" max="15360" width="1.81640625" style="193"/>
    <col min="15361" max="15361" width="1.81640625" style="193" customWidth="1"/>
    <col min="15362" max="15362" width="3.1796875" style="193" customWidth="1"/>
    <col min="15363" max="15367" width="2.81640625" style="193" customWidth="1"/>
    <col min="15368" max="15373" width="2.1796875" style="193" customWidth="1"/>
    <col min="15374" max="15375" width="2.81640625" style="193" customWidth="1"/>
    <col min="15376" max="15376" width="3.90625" style="193" customWidth="1"/>
    <col min="15377" max="15381" width="2.1796875" style="193" customWidth="1"/>
    <col min="15382" max="15382" width="3.90625" style="193" customWidth="1"/>
    <col min="15383" max="15387" width="2.1796875" style="193" customWidth="1"/>
    <col min="15388" max="15393" width="2.90625" style="193" customWidth="1"/>
    <col min="15394" max="15394" width="2.1796875" style="193" customWidth="1"/>
    <col min="15395" max="15397" width="3" style="193" customWidth="1"/>
    <col min="15398" max="15398" width="2.1796875" style="193" customWidth="1"/>
    <col min="15399" max="15399" width="3.90625" style="193" customWidth="1"/>
    <col min="15400" max="15405" width="2.1796875" style="193" customWidth="1"/>
    <col min="15406" max="15406" width="3.90625" style="193" customWidth="1"/>
    <col min="15407" max="15419" width="2.1796875" style="193" customWidth="1"/>
    <col min="15420" max="15427" width="1.1796875" style="193" customWidth="1"/>
    <col min="15428" max="15439" width="2.1796875" style="193" customWidth="1"/>
    <col min="15440" max="15440" width="3.90625" style="193" customWidth="1"/>
    <col min="15441" max="15445" width="2.1796875" style="193" customWidth="1"/>
    <col min="15446" max="15616" width="1.81640625" style="193"/>
    <col min="15617" max="15617" width="1.81640625" style="193" customWidth="1"/>
    <col min="15618" max="15618" width="3.1796875" style="193" customWidth="1"/>
    <col min="15619" max="15623" width="2.81640625" style="193" customWidth="1"/>
    <col min="15624" max="15629" width="2.1796875" style="193" customWidth="1"/>
    <col min="15630" max="15631" width="2.81640625" style="193" customWidth="1"/>
    <col min="15632" max="15632" width="3.90625" style="193" customWidth="1"/>
    <col min="15633" max="15637" width="2.1796875" style="193" customWidth="1"/>
    <col min="15638" max="15638" width="3.90625" style="193" customWidth="1"/>
    <col min="15639" max="15643" width="2.1796875" style="193" customWidth="1"/>
    <col min="15644" max="15649" width="2.90625" style="193" customWidth="1"/>
    <col min="15650" max="15650" width="2.1796875" style="193" customWidth="1"/>
    <col min="15651" max="15653" width="3" style="193" customWidth="1"/>
    <col min="15654" max="15654" width="2.1796875" style="193" customWidth="1"/>
    <col min="15655" max="15655" width="3.90625" style="193" customWidth="1"/>
    <col min="15656" max="15661" width="2.1796875" style="193" customWidth="1"/>
    <col min="15662" max="15662" width="3.90625" style="193" customWidth="1"/>
    <col min="15663" max="15675" width="2.1796875" style="193" customWidth="1"/>
    <col min="15676" max="15683" width="1.1796875" style="193" customWidth="1"/>
    <col min="15684" max="15695" width="2.1796875" style="193" customWidth="1"/>
    <col min="15696" max="15696" width="3.90625" style="193" customWidth="1"/>
    <col min="15697" max="15701" width="2.1796875" style="193" customWidth="1"/>
    <col min="15702" max="15872" width="1.81640625" style="193"/>
    <col min="15873" max="15873" width="1.81640625" style="193" customWidth="1"/>
    <col min="15874" max="15874" width="3.1796875" style="193" customWidth="1"/>
    <col min="15875" max="15879" width="2.81640625" style="193" customWidth="1"/>
    <col min="15880" max="15885" width="2.1796875" style="193" customWidth="1"/>
    <col min="15886" max="15887" width="2.81640625" style="193" customWidth="1"/>
    <col min="15888" max="15888" width="3.90625" style="193" customWidth="1"/>
    <col min="15889" max="15893" width="2.1796875" style="193" customWidth="1"/>
    <col min="15894" max="15894" width="3.90625" style="193" customWidth="1"/>
    <col min="15895" max="15899" width="2.1796875" style="193" customWidth="1"/>
    <col min="15900" max="15905" width="2.90625" style="193" customWidth="1"/>
    <col min="15906" max="15906" width="2.1796875" style="193" customWidth="1"/>
    <col min="15907" max="15909" width="3" style="193" customWidth="1"/>
    <col min="15910" max="15910" width="2.1796875" style="193" customWidth="1"/>
    <col min="15911" max="15911" width="3.90625" style="193" customWidth="1"/>
    <col min="15912" max="15917" width="2.1796875" style="193" customWidth="1"/>
    <col min="15918" max="15918" width="3.90625" style="193" customWidth="1"/>
    <col min="15919" max="15931" width="2.1796875" style="193" customWidth="1"/>
    <col min="15932" max="15939" width="1.1796875" style="193" customWidth="1"/>
    <col min="15940" max="15951" width="2.1796875" style="193" customWidth="1"/>
    <col min="15952" max="15952" width="3.90625" style="193" customWidth="1"/>
    <col min="15953" max="15957" width="2.1796875" style="193" customWidth="1"/>
    <col min="15958" max="16128" width="1.81640625" style="193"/>
    <col min="16129" max="16129" width="1.81640625" style="193" customWidth="1"/>
    <col min="16130" max="16130" width="3.1796875" style="193" customWidth="1"/>
    <col min="16131" max="16135" width="2.81640625" style="193" customWidth="1"/>
    <col min="16136" max="16141" width="2.1796875" style="193" customWidth="1"/>
    <col min="16142" max="16143" width="2.81640625" style="193" customWidth="1"/>
    <col min="16144" max="16144" width="3.90625" style="193" customWidth="1"/>
    <col min="16145" max="16149" width="2.1796875" style="193" customWidth="1"/>
    <col min="16150" max="16150" width="3.90625" style="193" customWidth="1"/>
    <col min="16151" max="16155" width="2.1796875" style="193" customWidth="1"/>
    <col min="16156" max="16161" width="2.90625" style="193" customWidth="1"/>
    <col min="16162" max="16162" width="2.1796875" style="193" customWidth="1"/>
    <col min="16163" max="16165" width="3" style="193" customWidth="1"/>
    <col min="16166" max="16166" width="2.1796875" style="193" customWidth="1"/>
    <col min="16167" max="16167" width="3.90625" style="193" customWidth="1"/>
    <col min="16168" max="16173" width="2.1796875" style="193" customWidth="1"/>
    <col min="16174" max="16174" width="3.90625" style="193" customWidth="1"/>
    <col min="16175" max="16187" width="2.1796875" style="193" customWidth="1"/>
    <col min="16188" max="16195" width="1.1796875" style="193" customWidth="1"/>
    <col min="16196" max="16207" width="2.1796875" style="193" customWidth="1"/>
    <col min="16208" max="16208" width="3.90625" style="193" customWidth="1"/>
    <col min="16209" max="16213" width="2.1796875" style="193" customWidth="1"/>
    <col min="16214" max="16384" width="1.81640625" style="193"/>
  </cols>
  <sheetData>
    <row r="1" spans="1:85" ht="9" customHeight="1" x14ac:dyDescent="0.3">
      <c r="A1" s="191"/>
      <c r="B1" s="191"/>
      <c r="C1" s="191"/>
      <c r="D1" s="191"/>
      <c r="E1" s="191"/>
      <c r="F1" s="191"/>
      <c r="G1" s="191"/>
      <c r="H1" s="191"/>
      <c r="I1" s="191"/>
      <c r="J1" s="191"/>
      <c r="K1" s="191"/>
      <c r="L1" s="191"/>
      <c r="M1" s="191"/>
      <c r="N1" s="191"/>
      <c r="O1" s="191"/>
      <c r="P1" s="191"/>
      <c r="Q1" s="191"/>
      <c r="R1" s="192"/>
      <c r="S1" s="192"/>
      <c r="T1" s="192"/>
      <c r="U1" s="192"/>
      <c r="V1" s="192"/>
      <c r="W1" s="192"/>
      <c r="X1" s="192"/>
      <c r="Y1" s="192"/>
      <c r="Z1" s="192"/>
      <c r="AA1" s="972" t="s">
        <v>279</v>
      </c>
      <c r="AB1" s="972"/>
      <c r="AC1" s="972"/>
      <c r="AD1" s="972"/>
      <c r="AE1" s="972"/>
      <c r="AF1" s="972"/>
      <c r="AG1" s="972"/>
      <c r="AH1" s="972"/>
      <c r="AI1" s="972"/>
      <c r="AJ1" s="972"/>
      <c r="AK1" s="972"/>
      <c r="AL1" s="972"/>
      <c r="AM1" s="972"/>
      <c r="AN1" s="972"/>
      <c r="AO1" s="191"/>
      <c r="AP1" s="191"/>
      <c r="AQ1" s="191"/>
      <c r="AR1" s="191"/>
      <c r="AS1" s="191"/>
      <c r="AT1" s="191"/>
      <c r="AU1" s="191"/>
      <c r="AV1" s="191"/>
      <c r="AW1" s="191"/>
      <c r="AX1" s="191"/>
      <c r="AY1" s="191"/>
      <c r="AZ1" s="191"/>
      <c r="BA1" s="191"/>
      <c r="BB1" s="191"/>
      <c r="BC1" s="191"/>
      <c r="BD1" s="191"/>
      <c r="BE1" s="191"/>
      <c r="BF1" s="191"/>
      <c r="BG1" s="191"/>
      <c r="BH1" s="191"/>
      <c r="BI1" s="191"/>
      <c r="BJ1" s="191"/>
      <c r="BK1" s="191"/>
      <c r="BL1" s="191"/>
      <c r="BM1" s="191"/>
      <c r="BN1" s="191"/>
      <c r="BO1" s="191"/>
      <c r="BP1" s="191"/>
      <c r="BQ1" s="191"/>
      <c r="BR1" s="191"/>
      <c r="BS1" s="191"/>
      <c r="BT1" s="191"/>
      <c r="BU1" s="191"/>
      <c r="BV1" s="191"/>
      <c r="BW1" s="191"/>
      <c r="BX1" s="191"/>
      <c r="BY1" s="191"/>
      <c r="BZ1" s="191"/>
      <c r="CA1" s="191"/>
      <c r="CB1" s="191"/>
      <c r="CC1" s="191"/>
      <c r="CD1" s="191"/>
      <c r="CE1" s="191"/>
      <c r="CF1" s="191"/>
      <c r="CG1" s="191"/>
    </row>
    <row r="2" spans="1:85" ht="9" customHeight="1" x14ac:dyDescent="0.3">
      <c r="A2" s="191"/>
      <c r="B2" s="973" t="s">
        <v>280</v>
      </c>
      <c r="C2" s="973"/>
      <c r="D2" s="973"/>
      <c r="E2" s="973"/>
      <c r="F2" s="973"/>
      <c r="G2" s="973"/>
      <c r="H2" s="973"/>
      <c r="I2" s="973"/>
      <c r="J2" s="973"/>
      <c r="K2" s="191"/>
      <c r="L2" s="191"/>
      <c r="M2" s="191"/>
      <c r="N2" s="191"/>
      <c r="O2" s="974"/>
      <c r="P2" s="974"/>
      <c r="Q2" s="974"/>
      <c r="R2" s="974"/>
      <c r="S2" s="974"/>
      <c r="T2" s="974"/>
      <c r="U2" s="974"/>
      <c r="V2" s="974"/>
      <c r="W2" s="974"/>
      <c r="X2" s="974"/>
      <c r="Y2" s="192"/>
      <c r="Z2" s="192"/>
      <c r="AA2" s="972"/>
      <c r="AB2" s="972"/>
      <c r="AC2" s="972"/>
      <c r="AD2" s="972"/>
      <c r="AE2" s="972"/>
      <c r="AF2" s="972"/>
      <c r="AG2" s="972"/>
      <c r="AH2" s="972"/>
      <c r="AI2" s="972"/>
      <c r="AJ2" s="972"/>
      <c r="AK2" s="972"/>
      <c r="AL2" s="972"/>
      <c r="AM2" s="972"/>
      <c r="AN2" s="972"/>
      <c r="AO2" s="191"/>
      <c r="AP2" s="191"/>
      <c r="AQ2" s="191"/>
      <c r="AR2" s="191"/>
      <c r="AS2" s="191"/>
      <c r="AT2" s="191"/>
      <c r="AU2" s="191"/>
      <c r="AV2" s="191"/>
      <c r="AW2" s="191"/>
      <c r="AX2" s="191"/>
      <c r="AY2" s="191"/>
      <c r="AZ2" s="191"/>
      <c r="BA2" s="191"/>
      <c r="BB2" s="191"/>
      <c r="BC2" s="191"/>
      <c r="BD2" s="191"/>
      <c r="BE2" s="191"/>
      <c r="BF2" s="191"/>
      <c r="BG2" s="191"/>
      <c r="BH2" s="191"/>
      <c r="BI2" s="191"/>
      <c r="BJ2" s="191"/>
      <c r="BK2" s="191"/>
      <c r="BL2" s="191"/>
      <c r="BM2" s="191"/>
      <c r="BN2" s="191"/>
      <c r="BO2" s="191"/>
      <c r="BP2" s="191"/>
      <c r="BQ2" s="191"/>
      <c r="BR2" s="191"/>
      <c r="BS2" s="191"/>
      <c r="BT2" s="194"/>
      <c r="BU2" s="194"/>
      <c r="BV2" s="194"/>
      <c r="BW2" s="975" t="s">
        <v>281</v>
      </c>
      <c r="BX2" s="975"/>
      <c r="BY2" s="976"/>
      <c r="BZ2" s="977"/>
      <c r="CA2" s="977"/>
      <c r="CB2" s="977"/>
      <c r="CC2" s="977"/>
      <c r="CD2" s="977"/>
      <c r="CE2" s="977"/>
      <c r="CF2" s="977"/>
      <c r="CG2" s="978"/>
    </row>
    <row r="3" spans="1:85" ht="9" customHeight="1" x14ac:dyDescent="0.3">
      <c r="A3" s="191"/>
      <c r="B3" s="973"/>
      <c r="C3" s="973"/>
      <c r="D3" s="973"/>
      <c r="E3" s="973"/>
      <c r="F3" s="973"/>
      <c r="G3" s="973"/>
      <c r="H3" s="973"/>
      <c r="I3" s="973"/>
      <c r="J3" s="973"/>
      <c r="K3" s="191"/>
      <c r="L3" s="191"/>
      <c r="M3" s="191"/>
      <c r="N3" s="191"/>
      <c r="O3" s="974"/>
      <c r="P3" s="974"/>
      <c r="Q3" s="974"/>
      <c r="R3" s="974"/>
      <c r="S3" s="974"/>
      <c r="T3" s="974"/>
      <c r="U3" s="974"/>
      <c r="V3" s="974"/>
      <c r="W3" s="974"/>
      <c r="X3" s="974"/>
      <c r="Y3" s="192"/>
      <c r="Z3" s="192"/>
      <c r="AA3" s="972"/>
      <c r="AB3" s="972"/>
      <c r="AC3" s="972"/>
      <c r="AD3" s="972"/>
      <c r="AE3" s="972"/>
      <c r="AF3" s="972"/>
      <c r="AG3" s="972"/>
      <c r="AH3" s="972"/>
      <c r="AI3" s="972"/>
      <c r="AJ3" s="972"/>
      <c r="AK3" s="972"/>
      <c r="AL3" s="972"/>
      <c r="AM3" s="972"/>
      <c r="AN3" s="972"/>
      <c r="AO3" s="191"/>
      <c r="AP3" s="191"/>
      <c r="AQ3" s="191"/>
      <c r="AR3" s="191"/>
      <c r="AS3" s="191"/>
      <c r="AT3" s="191"/>
      <c r="AU3" s="191"/>
      <c r="AV3" s="191"/>
      <c r="AW3" s="191"/>
      <c r="AX3" s="191"/>
      <c r="AY3" s="191"/>
      <c r="AZ3" s="191"/>
      <c r="BA3" s="191"/>
      <c r="BB3" s="191"/>
      <c r="BC3" s="191"/>
      <c r="BD3" s="191"/>
      <c r="BE3" s="191"/>
      <c r="BF3" s="191"/>
      <c r="BG3" s="191"/>
      <c r="BH3" s="191"/>
      <c r="BI3" s="191"/>
      <c r="BJ3" s="191"/>
      <c r="BK3" s="191"/>
      <c r="BL3" s="191"/>
      <c r="BM3" s="191"/>
      <c r="BN3" s="191"/>
      <c r="BO3" s="191"/>
      <c r="BP3" s="191"/>
      <c r="BQ3" s="191"/>
      <c r="BR3" s="191"/>
      <c r="BS3" s="191"/>
      <c r="BT3" s="194"/>
      <c r="BU3" s="194"/>
      <c r="BV3" s="194"/>
      <c r="BW3" s="975"/>
      <c r="BX3" s="975"/>
      <c r="BY3" s="979"/>
      <c r="BZ3" s="980"/>
      <c r="CA3" s="980"/>
      <c r="CB3" s="980"/>
      <c r="CC3" s="980"/>
      <c r="CD3" s="980"/>
      <c r="CE3" s="980"/>
      <c r="CF3" s="980"/>
      <c r="CG3" s="981"/>
    </row>
    <row r="4" spans="1:85" s="197" customFormat="1" ht="9" customHeight="1" x14ac:dyDescent="0.3">
      <c r="A4" s="985" t="s">
        <v>282</v>
      </c>
      <c r="B4" s="985"/>
      <c r="C4" s="985"/>
      <c r="D4" s="985"/>
      <c r="E4" s="986"/>
      <c r="F4" s="986"/>
      <c r="G4" s="986"/>
      <c r="H4" s="986"/>
      <c r="I4" s="986"/>
      <c r="J4" s="986"/>
      <c r="K4" s="986"/>
      <c r="L4" s="986"/>
      <c r="M4" s="986"/>
      <c r="N4" s="986"/>
      <c r="O4" s="986"/>
      <c r="P4" s="986"/>
      <c r="Q4" s="194"/>
      <c r="R4" s="194"/>
      <c r="S4" s="194"/>
      <c r="T4" s="194"/>
      <c r="U4" s="194"/>
      <c r="V4" s="192"/>
      <c r="W4" s="192"/>
      <c r="X4" s="192"/>
      <c r="Y4" s="192"/>
      <c r="Z4" s="192"/>
      <c r="AA4" s="972"/>
      <c r="AB4" s="972"/>
      <c r="AC4" s="972"/>
      <c r="AD4" s="972"/>
      <c r="AE4" s="972"/>
      <c r="AF4" s="972"/>
      <c r="AG4" s="972"/>
      <c r="AH4" s="972"/>
      <c r="AI4" s="972"/>
      <c r="AJ4" s="972"/>
      <c r="AK4" s="972"/>
      <c r="AL4" s="972"/>
      <c r="AM4" s="972"/>
      <c r="AN4" s="972"/>
      <c r="AO4" s="194"/>
      <c r="AP4" s="194"/>
      <c r="AQ4" s="194"/>
      <c r="AR4" s="194"/>
      <c r="AS4" s="194"/>
      <c r="AT4" s="194"/>
      <c r="AU4" s="194"/>
      <c r="AV4" s="194"/>
      <c r="AW4" s="194"/>
      <c r="AX4" s="194"/>
      <c r="AY4" s="194"/>
      <c r="AZ4" s="194"/>
      <c r="BA4" s="194"/>
      <c r="BB4" s="194"/>
      <c r="BC4" s="194"/>
      <c r="BD4" s="194"/>
      <c r="BE4" s="194"/>
      <c r="BF4" s="194"/>
      <c r="BG4" s="194"/>
      <c r="BH4" s="194"/>
      <c r="BI4" s="194"/>
      <c r="BJ4" s="194"/>
      <c r="BK4" s="194"/>
      <c r="BL4" s="194"/>
      <c r="BM4" s="194"/>
      <c r="BN4" s="194"/>
      <c r="BO4" s="194"/>
      <c r="BP4" s="194"/>
      <c r="BQ4" s="194"/>
      <c r="BR4" s="194"/>
      <c r="BS4" s="195"/>
      <c r="BT4" s="194"/>
      <c r="BU4" s="194"/>
      <c r="BV4" s="196"/>
      <c r="BW4" s="975"/>
      <c r="BX4" s="975"/>
      <c r="BY4" s="982"/>
      <c r="BZ4" s="983"/>
      <c r="CA4" s="983"/>
      <c r="CB4" s="983"/>
      <c r="CC4" s="983"/>
      <c r="CD4" s="983"/>
      <c r="CE4" s="983"/>
      <c r="CF4" s="983"/>
      <c r="CG4" s="984"/>
    </row>
    <row r="5" spans="1:85" s="197" customFormat="1" ht="9" customHeight="1" x14ac:dyDescent="0.15">
      <c r="A5" s="985"/>
      <c r="B5" s="985"/>
      <c r="C5" s="985"/>
      <c r="D5" s="985"/>
      <c r="E5" s="986"/>
      <c r="F5" s="986"/>
      <c r="G5" s="986"/>
      <c r="H5" s="986"/>
      <c r="I5" s="986"/>
      <c r="J5" s="986"/>
      <c r="K5" s="986"/>
      <c r="L5" s="986"/>
      <c r="M5" s="986"/>
      <c r="N5" s="986"/>
      <c r="O5" s="986"/>
      <c r="P5" s="986"/>
      <c r="Q5" s="194"/>
      <c r="R5" s="194"/>
      <c r="S5" s="988" t="s">
        <v>283</v>
      </c>
      <c r="T5" s="989" t="s">
        <v>284</v>
      </c>
      <c r="U5" s="989"/>
      <c r="V5" s="989"/>
      <c r="W5" s="989"/>
      <c r="X5" s="989"/>
      <c r="Y5" s="989"/>
      <c r="Z5" s="989"/>
      <c r="AA5" s="989"/>
      <c r="AB5" s="989"/>
      <c r="AC5" s="988" t="s">
        <v>285</v>
      </c>
      <c r="AD5" s="988"/>
      <c r="AE5" s="988" t="s">
        <v>286</v>
      </c>
      <c r="AF5" s="194"/>
      <c r="AG5" s="194"/>
      <c r="AH5" s="194"/>
      <c r="AI5" s="194"/>
      <c r="AJ5" s="194"/>
      <c r="AK5" s="194"/>
      <c r="AL5" s="194"/>
      <c r="AM5" s="194"/>
      <c r="AN5" s="194"/>
      <c r="AO5" s="194"/>
      <c r="AP5" s="194"/>
      <c r="AQ5" s="194"/>
      <c r="AR5" s="194"/>
      <c r="AS5" s="194"/>
      <c r="AT5" s="194"/>
      <c r="AU5" s="194"/>
      <c r="AV5" s="194"/>
      <c r="AW5" s="194"/>
      <c r="AX5" s="194"/>
      <c r="AY5" s="194"/>
      <c r="AZ5" s="194"/>
      <c r="BA5" s="194"/>
      <c r="BB5" s="194"/>
      <c r="BC5" s="194"/>
      <c r="BD5" s="194"/>
      <c r="BE5" s="194"/>
      <c r="BF5" s="194"/>
      <c r="BG5" s="194"/>
      <c r="BH5" s="194"/>
      <c r="BI5" s="194"/>
      <c r="BJ5" s="194"/>
      <c r="BK5" s="194"/>
      <c r="BL5" s="194"/>
      <c r="BM5" s="194"/>
      <c r="BN5" s="194"/>
      <c r="BO5" s="194"/>
      <c r="BP5" s="194"/>
      <c r="BQ5" s="198"/>
      <c r="BR5" s="194"/>
      <c r="BS5" s="198"/>
      <c r="BT5" s="194"/>
      <c r="BU5" s="198"/>
      <c r="BV5" s="194"/>
    </row>
    <row r="6" spans="1:85" s="197" customFormat="1" ht="9" customHeight="1" x14ac:dyDescent="0.15">
      <c r="A6" s="985"/>
      <c r="B6" s="985"/>
      <c r="C6" s="985"/>
      <c r="D6" s="985"/>
      <c r="E6" s="987"/>
      <c r="F6" s="987"/>
      <c r="G6" s="987"/>
      <c r="H6" s="987"/>
      <c r="I6" s="987"/>
      <c r="J6" s="987"/>
      <c r="K6" s="987"/>
      <c r="L6" s="987"/>
      <c r="M6" s="987"/>
      <c r="N6" s="987"/>
      <c r="O6" s="987"/>
      <c r="P6" s="987"/>
      <c r="Q6" s="194"/>
      <c r="R6" s="194"/>
      <c r="S6" s="988"/>
      <c r="T6" s="989"/>
      <c r="U6" s="989"/>
      <c r="V6" s="989"/>
      <c r="W6" s="989"/>
      <c r="X6" s="989"/>
      <c r="Y6" s="989"/>
      <c r="Z6" s="989"/>
      <c r="AA6" s="989"/>
      <c r="AB6" s="989"/>
      <c r="AC6" s="988"/>
      <c r="AD6" s="988"/>
      <c r="AE6" s="988"/>
      <c r="AF6" s="194"/>
      <c r="AG6" s="194"/>
      <c r="AH6" s="194"/>
      <c r="AI6" s="194"/>
      <c r="AJ6" s="194"/>
      <c r="AK6" s="194"/>
      <c r="AL6" s="194"/>
      <c r="AM6" s="194"/>
      <c r="AN6" s="194"/>
      <c r="AO6" s="194"/>
      <c r="AP6" s="194"/>
      <c r="AQ6" s="194"/>
      <c r="AR6" s="194"/>
      <c r="AS6" s="194"/>
      <c r="AT6" s="194"/>
      <c r="AU6" s="194"/>
      <c r="AV6" s="194"/>
      <c r="AW6" s="194"/>
      <c r="AX6" s="194"/>
      <c r="AY6" s="194"/>
      <c r="AZ6" s="194"/>
      <c r="BA6" s="194"/>
      <c r="BB6" s="194"/>
      <c r="BC6" s="194"/>
      <c r="BD6" s="194"/>
      <c r="BE6" s="194"/>
      <c r="BF6" s="194"/>
      <c r="BG6" s="194"/>
      <c r="BH6" s="194"/>
      <c r="BI6" s="194"/>
      <c r="BJ6" s="194"/>
      <c r="BK6" s="194"/>
      <c r="BL6" s="194"/>
      <c r="BM6" s="194"/>
      <c r="BN6" s="194"/>
      <c r="BO6" s="194"/>
      <c r="BP6" s="194"/>
      <c r="BQ6" s="198"/>
      <c r="BR6" s="194"/>
      <c r="BS6" s="198"/>
      <c r="BT6" s="194"/>
      <c r="BU6" s="198"/>
      <c r="BV6" s="194"/>
    </row>
    <row r="7" spans="1:85" s="197" customFormat="1" ht="9" customHeight="1" x14ac:dyDescent="0.15">
      <c r="A7" s="199"/>
      <c r="B7" s="199"/>
      <c r="C7" s="199"/>
      <c r="D7" s="200"/>
      <c r="E7" s="200"/>
      <c r="F7" s="200"/>
      <c r="G7" s="200"/>
      <c r="H7" s="200"/>
      <c r="I7" s="200"/>
      <c r="J7" s="200"/>
      <c r="K7" s="200"/>
      <c r="L7" s="200"/>
      <c r="M7" s="200"/>
      <c r="N7" s="200"/>
      <c r="O7" s="194"/>
      <c r="P7" s="194"/>
      <c r="Q7" s="194"/>
      <c r="R7" s="194"/>
      <c r="S7" s="988"/>
      <c r="T7" s="989"/>
      <c r="U7" s="989"/>
      <c r="V7" s="989"/>
      <c r="W7" s="989"/>
      <c r="X7" s="989"/>
      <c r="Y7" s="989"/>
      <c r="Z7" s="989"/>
      <c r="AA7" s="989"/>
      <c r="AB7" s="989"/>
      <c r="AC7" s="988"/>
      <c r="AD7" s="988"/>
      <c r="AE7" s="988"/>
      <c r="AF7" s="194"/>
      <c r="AG7" s="194"/>
      <c r="AH7" s="194"/>
      <c r="AI7" s="194"/>
      <c r="AJ7" s="194"/>
      <c r="AK7" s="200"/>
      <c r="AL7" s="194"/>
      <c r="AM7" s="194"/>
      <c r="AN7" s="194"/>
      <c r="AO7" s="194"/>
      <c r="AP7" s="194"/>
      <c r="AQ7" s="194"/>
      <c r="AR7" s="194"/>
      <c r="AS7" s="194"/>
      <c r="AT7" s="194"/>
      <c r="AU7" s="194"/>
      <c r="AV7" s="194"/>
      <c r="AW7" s="194"/>
      <c r="AX7" s="194"/>
      <c r="AY7" s="194"/>
      <c r="AZ7" s="194"/>
      <c r="BA7" s="194"/>
      <c r="BB7" s="194"/>
      <c r="BC7" s="194"/>
      <c r="BD7" s="194"/>
      <c r="BE7" s="194"/>
      <c r="BF7" s="194"/>
      <c r="BG7" s="194"/>
      <c r="BH7" s="194"/>
      <c r="BI7" s="194"/>
      <c r="BJ7" s="194"/>
      <c r="BK7" s="194"/>
      <c r="BL7" s="194"/>
      <c r="BM7" s="194"/>
      <c r="BN7" s="194"/>
      <c r="BO7" s="194"/>
      <c r="BP7" s="194"/>
      <c r="BQ7" s="198"/>
      <c r="BR7" s="194"/>
      <c r="BS7" s="198"/>
      <c r="BT7" s="194"/>
      <c r="BU7" s="198"/>
      <c r="BV7" s="194"/>
    </row>
    <row r="8" spans="1:85" s="197" customFormat="1" ht="12.75" customHeight="1" x14ac:dyDescent="0.15">
      <c r="A8" s="988" t="s">
        <v>287</v>
      </c>
      <c r="B8" s="988"/>
      <c r="C8" s="988"/>
      <c r="D8" s="988"/>
      <c r="E8" s="1015"/>
      <c r="F8" s="1015"/>
      <c r="G8" s="1015"/>
      <c r="H8" s="1015"/>
      <c r="I8" s="1015"/>
      <c r="J8" s="1015"/>
      <c r="K8" s="1015"/>
      <c r="L8" s="1015"/>
      <c r="M8" s="1015"/>
      <c r="N8" s="1015"/>
      <c r="O8" s="988" t="s">
        <v>288</v>
      </c>
      <c r="P8" s="201"/>
      <c r="Q8" s="194"/>
      <c r="R8" s="194"/>
      <c r="S8" s="988"/>
      <c r="T8" s="989"/>
      <c r="U8" s="989"/>
      <c r="V8" s="989"/>
      <c r="W8" s="989"/>
      <c r="X8" s="989"/>
      <c r="Y8" s="989"/>
      <c r="Z8" s="989"/>
      <c r="AA8" s="989"/>
      <c r="AB8" s="989"/>
      <c r="AC8" s="988"/>
      <c r="AD8" s="988"/>
      <c r="AE8" s="988"/>
      <c r="AF8" s="194"/>
      <c r="AG8" s="194"/>
      <c r="AH8" s="194"/>
      <c r="AI8" s="194"/>
      <c r="AJ8" s="194"/>
      <c r="AK8" s="200"/>
      <c r="AL8" s="200"/>
      <c r="AM8" s="200"/>
      <c r="AN8" s="200"/>
      <c r="AO8" s="200"/>
      <c r="AP8" s="200"/>
      <c r="AQ8" s="200"/>
      <c r="AR8" s="200"/>
      <c r="AS8" s="200"/>
      <c r="AT8" s="194"/>
      <c r="AU8" s="194"/>
      <c r="AV8" s="194"/>
      <c r="AW8" s="194"/>
      <c r="AX8" s="194"/>
      <c r="AY8" s="194"/>
      <c r="AZ8" s="194"/>
      <c r="BA8" s="194"/>
      <c r="BB8" s="194"/>
      <c r="BC8" s="194"/>
      <c r="BD8" s="194"/>
      <c r="BE8" s="194"/>
      <c r="BF8" s="194"/>
      <c r="BG8" s="194"/>
      <c r="BH8" s="194"/>
      <c r="BJ8" s="194"/>
      <c r="BK8" s="194"/>
      <c r="BL8" s="194"/>
      <c r="BM8" s="194"/>
      <c r="BN8" s="194"/>
      <c r="BP8" s="1017" t="s">
        <v>289</v>
      </c>
      <c r="BQ8" s="1017"/>
      <c r="BR8" s="1017"/>
      <c r="BS8" s="202"/>
      <c r="BT8" s="194" t="s">
        <v>88</v>
      </c>
      <c r="BU8" s="198"/>
      <c r="BV8" s="194" t="s">
        <v>290</v>
      </c>
      <c r="BW8" s="198"/>
      <c r="BX8" s="194" t="s">
        <v>291</v>
      </c>
    </row>
    <row r="9" spans="1:85" s="197" customFormat="1" ht="9" customHeight="1" x14ac:dyDescent="0.15">
      <c r="A9" s="988"/>
      <c r="B9" s="988"/>
      <c r="C9" s="988"/>
      <c r="D9" s="988"/>
      <c r="E9" s="1015"/>
      <c r="F9" s="1015"/>
      <c r="G9" s="1015"/>
      <c r="H9" s="1015"/>
      <c r="I9" s="1015"/>
      <c r="J9" s="1015"/>
      <c r="K9" s="1015"/>
      <c r="L9" s="1015"/>
      <c r="M9" s="1015"/>
      <c r="N9" s="1015"/>
      <c r="O9" s="988"/>
      <c r="P9" s="194"/>
      <c r="Q9" s="194"/>
      <c r="R9" s="1018" t="s">
        <v>292</v>
      </c>
      <c r="S9" s="1018"/>
      <c r="T9" s="1018"/>
      <c r="U9" s="1018"/>
      <c r="V9" s="1018"/>
      <c r="W9" s="1018"/>
      <c r="X9" s="1018"/>
      <c r="Y9" s="1018"/>
      <c r="Z9" s="1018"/>
      <c r="AA9" s="1018"/>
      <c r="AB9" s="1018"/>
      <c r="AC9" s="1018"/>
      <c r="AD9" s="1018"/>
      <c r="AE9" s="1018"/>
      <c r="AF9" s="1018"/>
      <c r="AG9" s="1018"/>
      <c r="AH9" s="1018"/>
      <c r="AI9" s="1018"/>
      <c r="AJ9" s="1018"/>
      <c r="AK9" s="1018"/>
      <c r="AL9" s="1018"/>
      <c r="AM9" s="1018"/>
      <c r="AN9" s="1018"/>
      <c r="AO9" s="1018"/>
      <c r="AP9" s="1018"/>
      <c r="AQ9" s="1018"/>
      <c r="AR9" s="1018"/>
      <c r="AS9" s="988" t="s">
        <v>293</v>
      </c>
      <c r="AT9" s="988"/>
      <c r="AU9" s="988"/>
      <c r="AV9" s="988"/>
      <c r="AW9" s="203"/>
      <c r="AX9" s="194"/>
      <c r="AY9" s="194"/>
      <c r="AZ9" s="194"/>
      <c r="BA9" s="194"/>
      <c r="BB9" s="194"/>
      <c r="BC9" s="194"/>
      <c r="BD9" s="194"/>
      <c r="BE9" s="194"/>
      <c r="BF9" s="194"/>
      <c r="BG9" s="194"/>
      <c r="BH9" s="194"/>
      <c r="BI9" s="194" t="s">
        <v>294</v>
      </c>
      <c r="BJ9" s="1017"/>
      <c r="BK9" s="1017"/>
      <c r="BL9" s="991" t="s">
        <v>295</v>
      </c>
      <c r="BM9" s="991"/>
      <c r="BN9" s="204" t="s">
        <v>296</v>
      </c>
      <c r="BO9" s="203"/>
      <c r="BP9" s="203"/>
      <c r="BQ9" s="203"/>
      <c r="BR9" s="203"/>
      <c r="BS9" s="203"/>
      <c r="BT9" s="203"/>
      <c r="BU9" s="203"/>
      <c r="BV9" s="194"/>
    </row>
    <row r="10" spans="1:85" s="197" customFormat="1" ht="9" customHeight="1" x14ac:dyDescent="0.15">
      <c r="A10" s="988"/>
      <c r="B10" s="988"/>
      <c r="C10" s="988"/>
      <c r="D10" s="988"/>
      <c r="E10" s="1016"/>
      <c r="F10" s="1016"/>
      <c r="G10" s="1016"/>
      <c r="H10" s="1016"/>
      <c r="I10" s="1016"/>
      <c r="J10" s="1016"/>
      <c r="K10" s="1016"/>
      <c r="L10" s="1016"/>
      <c r="M10" s="1016"/>
      <c r="N10" s="1016"/>
      <c r="O10" s="990"/>
      <c r="P10" s="194"/>
      <c r="Q10" s="194"/>
      <c r="R10" s="1018"/>
      <c r="S10" s="1018"/>
      <c r="T10" s="1018"/>
      <c r="U10" s="1018"/>
      <c r="V10" s="1018"/>
      <c r="W10" s="1018"/>
      <c r="X10" s="1018"/>
      <c r="Y10" s="1018"/>
      <c r="Z10" s="1018"/>
      <c r="AA10" s="1018"/>
      <c r="AB10" s="1018"/>
      <c r="AC10" s="1018"/>
      <c r="AD10" s="1018"/>
      <c r="AE10" s="1018"/>
      <c r="AF10" s="1018"/>
      <c r="AG10" s="1018"/>
      <c r="AH10" s="1018"/>
      <c r="AI10" s="1018"/>
      <c r="AJ10" s="1018"/>
      <c r="AK10" s="1018"/>
      <c r="AL10" s="1018"/>
      <c r="AM10" s="1018"/>
      <c r="AN10" s="1018"/>
      <c r="AO10" s="1018"/>
      <c r="AP10" s="1018"/>
      <c r="AQ10" s="1018"/>
      <c r="AR10" s="1018"/>
      <c r="AS10" s="988"/>
      <c r="AT10" s="988"/>
      <c r="AU10" s="988"/>
      <c r="AV10" s="988"/>
      <c r="AW10" s="986"/>
      <c r="AX10" s="986"/>
      <c r="AY10" s="986"/>
      <c r="AZ10" s="986"/>
      <c r="BA10" s="986"/>
      <c r="BB10" s="986"/>
      <c r="BC10" s="986"/>
      <c r="BD10" s="986"/>
      <c r="BE10" s="986"/>
      <c r="BF10" s="988"/>
      <c r="BG10" s="194"/>
      <c r="BH10" s="194"/>
      <c r="BI10" s="991" t="s">
        <v>297</v>
      </c>
      <c r="BJ10" s="991"/>
      <c r="BK10" s="991"/>
      <c r="BL10" s="991"/>
      <c r="BM10" s="991"/>
      <c r="BN10" s="991"/>
      <c r="BO10" s="205"/>
      <c r="BP10" s="992"/>
      <c r="BQ10" s="992"/>
      <c r="BR10" s="992"/>
      <c r="BS10" s="992"/>
      <c r="BT10" s="992"/>
      <c r="BU10" s="992"/>
      <c r="BV10" s="992"/>
      <c r="BW10" s="992"/>
      <c r="BX10" s="992"/>
      <c r="BY10" s="992"/>
      <c r="BZ10" s="988"/>
    </row>
    <row r="11" spans="1:85" s="197" customFormat="1" ht="9" customHeight="1" x14ac:dyDescent="0.15">
      <c r="A11" s="194"/>
      <c r="B11" s="194"/>
      <c r="C11" s="194"/>
      <c r="D11" s="194"/>
      <c r="E11" s="194"/>
      <c r="F11" s="194"/>
      <c r="G11" s="194"/>
      <c r="H11" s="194"/>
      <c r="I11" s="194"/>
      <c r="J11" s="194"/>
      <c r="K11" s="194"/>
      <c r="L11" s="194"/>
      <c r="M11" s="194"/>
      <c r="N11" s="194"/>
      <c r="O11" s="194"/>
      <c r="P11" s="194"/>
      <c r="Q11" s="194"/>
      <c r="R11" s="1018"/>
      <c r="S11" s="1018"/>
      <c r="T11" s="1018"/>
      <c r="U11" s="1018"/>
      <c r="V11" s="1018"/>
      <c r="W11" s="1018"/>
      <c r="X11" s="1018"/>
      <c r="Y11" s="1018"/>
      <c r="Z11" s="1018"/>
      <c r="AA11" s="1018"/>
      <c r="AB11" s="1018"/>
      <c r="AC11" s="1018"/>
      <c r="AD11" s="1018"/>
      <c r="AE11" s="1018"/>
      <c r="AF11" s="1018"/>
      <c r="AG11" s="1018"/>
      <c r="AH11" s="1018"/>
      <c r="AI11" s="1018"/>
      <c r="AJ11" s="1018"/>
      <c r="AK11" s="1018"/>
      <c r="AL11" s="1018"/>
      <c r="AM11" s="1018"/>
      <c r="AN11" s="1018"/>
      <c r="AO11" s="1018"/>
      <c r="AP11" s="1018"/>
      <c r="AQ11" s="1018"/>
      <c r="AR11" s="1018"/>
      <c r="AS11" s="988"/>
      <c r="AT11" s="988"/>
      <c r="AU11" s="988"/>
      <c r="AV11" s="988"/>
      <c r="AW11" s="987"/>
      <c r="AX11" s="987"/>
      <c r="AY11" s="987"/>
      <c r="AZ11" s="987"/>
      <c r="BA11" s="987"/>
      <c r="BB11" s="987"/>
      <c r="BC11" s="987"/>
      <c r="BD11" s="987"/>
      <c r="BE11" s="987"/>
      <c r="BF11" s="990"/>
      <c r="BG11" s="194"/>
      <c r="BH11" s="194"/>
      <c r="BI11" s="991"/>
      <c r="BJ11" s="991"/>
      <c r="BK11" s="991"/>
      <c r="BL11" s="991"/>
      <c r="BM11" s="991"/>
      <c r="BN11" s="991"/>
      <c r="BO11" s="205"/>
      <c r="BP11" s="993"/>
      <c r="BQ11" s="993"/>
      <c r="BR11" s="993"/>
      <c r="BS11" s="993"/>
      <c r="BT11" s="993"/>
      <c r="BU11" s="993"/>
      <c r="BV11" s="993"/>
      <c r="BW11" s="993"/>
      <c r="BX11" s="993"/>
      <c r="BY11" s="993"/>
      <c r="BZ11" s="990"/>
    </row>
    <row r="12" spans="1:85" s="197" customFormat="1" ht="9" customHeight="1" x14ac:dyDescent="0.15">
      <c r="A12" s="194"/>
      <c r="B12" s="194"/>
      <c r="C12" s="194"/>
      <c r="D12" s="194"/>
      <c r="E12" s="194"/>
      <c r="F12" s="194"/>
      <c r="G12" s="194"/>
      <c r="H12" s="194"/>
      <c r="I12" s="194"/>
      <c r="J12" s="194"/>
      <c r="K12" s="194"/>
      <c r="L12" s="194"/>
      <c r="M12" s="194"/>
      <c r="N12" s="194"/>
      <c r="O12" s="194"/>
      <c r="P12" s="194"/>
      <c r="Q12" s="194"/>
      <c r="R12" s="1019"/>
      <c r="S12" s="1019"/>
      <c r="T12" s="1019"/>
      <c r="U12" s="1019"/>
      <c r="V12" s="1019"/>
      <c r="W12" s="1019"/>
      <c r="X12" s="1019"/>
      <c r="Y12" s="1019"/>
      <c r="Z12" s="1019"/>
      <c r="AA12" s="1019"/>
      <c r="AB12" s="1019"/>
      <c r="AC12" s="1019"/>
      <c r="AD12" s="1019"/>
      <c r="AE12" s="1019"/>
      <c r="AF12" s="1019"/>
      <c r="AG12" s="1019"/>
      <c r="AH12" s="1019"/>
      <c r="AI12" s="1019"/>
      <c r="AJ12" s="1019"/>
      <c r="AK12" s="1019"/>
      <c r="AL12" s="1019"/>
      <c r="AM12" s="1019"/>
      <c r="AN12" s="1019"/>
      <c r="AO12" s="1019"/>
      <c r="AP12" s="1019"/>
      <c r="AQ12" s="1019"/>
      <c r="AR12" s="1019"/>
      <c r="AS12" s="194"/>
      <c r="AT12" s="194"/>
      <c r="AU12" s="194"/>
      <c r="AV12" s="194"/>
      <c r="AW12" s="194"/>
      <c r="AX12" s="194"/>
      <c r="AY12" s="194"/>
      <c r="AZ12" s="194"/>
      <c r="BA12" s="194"/>
      <c r="BB12" s="194"/>
      <c r="BC12" s="194"/>
      <c r="BD12" s="194"/>
      <c r="BE12" s="194"/>
      <c r="BF12" s="194"/>
      <c r="BG12" s="194"/>
      <c r="BH12" s="194"/>
      <c r="BI12" s="194"/>
      <c r="BJ12" s="194"/>
      <c r="BK12" s="194"/>
      <c r="BL12" s="194"/>
      <c r="BM12" s="194"/>
      <c r="BN12" s="194"/>
      <c r="BO12" s="194"/>
      <c r="BP12" s="194"/>
      <c r="BQ12" s="194"/>
      <c r="BR12" s="194"/>
      <c r="BS12" s="195"/>
      <c r="BT12" s="195"/>
      <c r="BU12" s="195"/>
      <c r="BV12" s="195"/>
      <c r="BW12" s="195"/>
      <c r="BX12" s="195"/>
      <c r="BY12" s="195"/>
      <c r="BZ12" s="195"/>
      <c r="CA12" s="195"/>
      <c r="CB12" s="195"/>
      <c r="CC12" s="195"/>
      <c r="CD12" s="195"/>
      <c r="CE12" s="195"/>
      <c r="CF12" s="195"/>
      <c r="CG12" s="195"/>
    </row>
    <row r="13" spans="1:85" ht="9" customHeight="1" x14ac:dyDescent="0.2">
      <c r="A13" s="191"/>
      <c r="B13" s="994" t="s">
        <v>298</v>
      </c>
      <c r="C13" s="997" t="s">
        <v>299</v>
      </c>
      <c r="D13" s="998"/>
      <c r="E13" s="998"/>
      <c r="F13" s="998"/>
      <c r="G13" s="999"/>
      <c r="H13" s="997" t="s">
        <v>300</v>
      </c>
      <c r="I13" s="998"/>
      <c r="J13" s="999"/>
      <c r="K13" s="997" t="s">
        <v>301</v>
      </c>
      <c r="L13" s="998"/>
      <c r="M13" s="999"/>
      <c r="N13" s="997" t="s">
        <v>267</v>
      </c>
      <c r="O13" s="999"/>
      <c r="P13" s="1006" t="s">
        <v>302</v>
      </c>
      <c r="Q13" s="1007"/>
      <c r="R13" s="1007"/>
      <c r="S13" s="1007"/>
      <c r="T13" s="1007"/>
      <c r="U13" s="1008"/>
      <c r="V13" s="1006" t="s">
        <v>303</v>
      </c>
      <c r="W13" s="1007"/>
      <c r="X13" s="1007"/>
      <c r="Y13" s="1007"/>
      <c r="Z13" s="1007"/>
      <c r="AA13" s="1008"/>
      <c r="AB13" s="1006" t="s">
        <v>304</v>
      </c>
      <c r="AC13" s="1007"/>
      <c r="AD13" s="1007"/>
      <c r="AE13" s="1007"/>
      <c r="AF13" s="1007"/>
      <c r="AG13" s="1008"/>
      <c r="AH13" s="1007" t="s">
        <v>305</v>
      </c>
      <c r="AI13" s="1007"/>
      <c r="AJ13" s="1007"/>
      <c r="AK13" s="1007"/>
      <c r="AL13" s="1008"/>
      <c r="AM13" s="997" t="s">
        <v>306</v>
      </c>
      <c r="AN13" s="998"/>
      <c r="AO13" s="998"/>
      <c r="AP13" s="998"/>
      <c r="AQ13" s="998"/>
      <c r="AR13" s="999"/>
      <c r="AS13" s="994" t="s">
        <v>307</v>
      </c>
      <c r="AT13" s="997" t="s">
        <v>308</v>
      </c>
      <c r="AU13" s="998"/>
      <c r="AV13" s="998"/>
      <c r="AW13" s="998"/>
      <c r="AX13" s="998"/>
      <c r="AY13" s="999"/>
      <c r="AZ13" s="1006" t="s">
        <v>309</v>
      </c>
      <c r="BA13" s="1007"/>
      <c r="BB13" s="1007"/>
      <c r="BC13" s="1007"/>
      <c r="BD13" s="1007"/>
      <c r="BE13" s="1007"/>
      <c r="BF13" s="1007"/>
      <c r="BG13" s="1008"/>
      <c r="BH13" s="997" t="s">
        <v>310</v>
      </c>
      <c r="BI13" s="998"/>
      <c r="BJ13" s="998"/>
      <c r="BK13" s="998"/>
      <c r="BL13" s="998"/>
      <c r="BM13" s="998"/>
      <c r="BN13" s="998"/>
      <c r="BO13" s="999"/>
      <c r="BP13" s="975" t="s">
        <v>311</v>
      </c>
      <c r="BQ13" s="975"/>
      <c r="BR13" s="975"/>
      <c r="BS13" s="998" t="s">
        <v>265</v>
      </c>
      <c r="BT13" s="998"/>
      <c r="BU13" s="998"/>
      <c r="BV13" s="998"/>
      <c r="BW13" s="998"/>
      <c r="BX13" s="998"/>
      <c r="BY13" s="998"/>
      <c r="BZ13" s="998"/>
      <c r="CA13" s="999"/>
      <c r="CB13" s="997" t="s">
        <v>312</v>
      </c>
      <c r="CC13" s="998"/>
      <c r="CD13" s="998"/>
      <c r="CE13" s="998"/>
      <c r="CF13" s="998"/>
      <c r="CG13" s="999"/>
    </row>
    <row r="14" spans="1:85" ht="9" customHeight="1" x14ac:dyDescent="0.2">
      <c r="A14" s="191"/>
      <c r="B14" s="995"/>
      <c r="C14" s="1000"/>
      <c r="D14" s="1001"/>
      <c r="E14" s="1001"/>
      <c r="F14" s="1001"/>
      <c r="G14" s="1002"/>
      <c r="H14" s="1003"/>
      <c r="I14" s="1004"/>
      <c r="J14" s="1005"/>
      <c r="K14" s="1003"/>
      <c r="L14" s="1004"/>
      <c r="M14" s="1005"/>
      <c r="N14" s="1003"/>
      <c r="O14" s="1005"/>
      <c r="P14" s="1009"/>
      <c r="Q14" s="1010"/>
      <c r="R14" s="1010"/>
      <c r="S14" s="1010"/>
      <c r="T14" s="1010"/>
      <c r="U14" s="1011"/>
      <c r="V14" s="1009"/>
      <c r="W14" s="1010"/>
      <c r="X14" s="1010"/>
      <c r="Y14" s="1010"/>
      <c r="Z14" s="1010"/>
      <c r="AA14" s="1011"/>
      <c r="AB14" s="1009"/>
      <c r="AC14" s="1010"/>
      <c r="AD14" s="1010"/>
      <c r="AE14" s="1010"/>
      <c r="AF14" s="1010"/>
      <c r="AG14" s="1011"/>
      <c r="AH14" s="1010"/>
      <c r="AI14" s="1010"/>
      <c r="AJ14" s="1010"/>
      <c r="AK14" s="1010"/>
      <c r="AL14" s="1011"/>
      <c r="AM14" s="1003"/>
      <c r="AN14" s="1004"/>
      <c r="AO14" s="1004"/>
      <c r="AP14" s="1004"/>
      <c r="AQ14" s="1004"/>
      <c r="AR14" s="1005"/>
      <c r="AS14" s="995"/>
      <c r="AT14" s="1003"/>
      <c r="AU14" s="1004"/>
      <c r="AV14" s="1004"/>
      <c r="AW14" s="1004"/>
      <c r="AX14" s="1004"/>
      <c r="AY14" s="1005"/>
      <c r="AZ14" s="1012"/>
      <c r="BA14" s="1013"/>
      <c r="BB14" s="1013"/>
      <c r="BC14" s="1013"/>
      <c r="BD14" s="1013"/>
      <c r="BE14" s="1013"/>
      <c r="BF14" s="1013"/>
      <c r="BG14" s="1014"/>
      <c r="BH14" s="1003"/>
      <c r="BI14" s="1004"/>
      <c r="BJ14" s="1004"/>
      <c r="BK14" s="1004"/>
      <c r="BL14" s="1004"/>
      <c r="BM14" s="1004"/>
      <c r="BN14" s="1004"/>
      <c r="BO14" s="1005"/>
      <c r="BP14" s="975"/>
      <c r="BQ14" s="975"/>
      <c r="BR14" s="975"/>
      <c r="BS14" s="1004"/>
      <c r="BT14" s="1004"/>
      <c r="BU14" s="1004"/>
      <c r="BV14" s="1004"/>
      <c r="BW14" s="1004"/>
      <c r="BX14" s="1004"/>
      <c r="BY14" s="1004"/>
      <c r="BZ14" s="1004"/>
      <c r="CA14" s="1005"/>
      <c r="CB14" s="1003"/>
      <c r="CC14" s="1004"/>
      <c r="CD14" s="1004"/>
      <c r="CE14" s="1004"/>
      <c r="CF14" s="1004"/>
      <c r="CG14" s="1005"/>
    </row>
    <row r="15" spans="1:85" ht="9" customHeight="1" x14ac:dyDescent="0.2">
      <c r="A15" s="191"/>
      <c r="B15" s="995"/>
      <c r="C15" s="997" t="s">
        <v>313</v>
      </c>
      <c r="D15" s="998"/>
      <c r="E15" s="998"/>
      <c r="F15" s="998"/>
      <c r="G15" s="999"/>
      <c r="H15" s="1003"/>
      <c r="I15" s="1004"/>
      <c r="J15" s="1005"/>
      <c r="K15" s="1003"/>
      <c r="L15" s="1004"/>
      <c r="M15" s="1005"/>
      <c r="N15" s="1003"/>
      <c r="O15" s="1005"/>
      <c r="P15" s="1012"/>
      <c r="Q15" s="1013"/>
      <c r="R15" s="1013"/>
      <c r="S15" s="1013"/>
      <c r="T15" s="1013"/>
      <c r="U15" s="1014"/>
      <c r="V15" s="1012"/>
      <c r="W15" s="1013"/>
      <c r="X15" s="1013"/>
      <c r="Y15" s="1013"/>
      <c r="Z15" s="1013"/>
      <c r="AA15" s="1014"/>
      <c r="AB15" s="1012"/>
      <c r="AC15" s="1013"/>
      <c r="AD15" s="1013"/>
      <c r="AE15" s="1013"/>
      <c r="AF15" s="1013"/>
      <c r="AG15" s="1014"/>
      <c r="AH15" s="1013"/>
      <c r="AI15" s="1013"/>
      <c r="AJ15" s="1013"/>
      <c r="AK15" s="1013"/>
      <c r="AL15" s="1014"/>
      <c r="AM15" s="1000"/>
      <c r="AN15" s="1001"/>
      <c r="AO15" s="1001"/>
      <c r="AP15" s="1001"/>
      <c r="AQ15" s="1001"/>
      <c r="AR15" s="1002"/>
      <c r="AS15" s="995"/>
      <c r="AT15" s="1000"/>
      <c r="AU15" s="1001"/>
      <c r="AV15" s="1001"/>
      <c r="AW15" s="1001"/>
      <c r="AX15" s="1001"/>
      <c r="AY15" s="1002"/>
      <c r="AZ15" s="1006" t="s">
        <v>314</v>
      </c>
      <c r="BA15" s="1007"/>
      <c r="BB15" s="1007"/>
      <c r="BC15" s="1007"/>
      <c r="BD15" s="1007"/>
      <c r="BE15" s="1007"/>
      <c r="BF15" s="1007"/>
      <c r="BG15" s="1008"/>
      <c r="BH15" s="1000"/>
      <c r="BI15" s="1001"/>
      <c r="BJ15" s="1001"/>
      <c r="BK15" s="1001"/>
      <c r="BL15" s="1001"/>
      <c r="BM15" s="1001"/>
      <c r="BN15" s="1001"/>
      <c r="BO15" s="1002"/>
      <c r="BP15" s="975"/>
      <c r="BQ15" s="975"/>
      <c r="BR15" s="975"/>
      <c r="BS15" s="1001"/>
      <c r="BT15" s="1001"/>
      <c r="BU15" s="1001"/>
      <c r="BV15" s="1001"/>
      <c r="BW15" s="1001"/>
      <c r="BX15" s="1001"/>
      <c r="BY15" s="1001"/>
      <c r="BZ15" s="1001"/>
      <c r="CA15" s="1002"/>
      <c r="CB15" s="1000"/>
      <c r="CC15" s="1001"/>
      <c r="CD15" s="1001"/>
      <c r="CE15" s="1001"/>
      <c r="CF15" s="1001"/>
      <c r="CG15" s="1002"/>
    </row>
    <row r="16" spans="1:85" ht="9" customHeight="1" x14ac:dyDescent="0.2">
      <c r="A16" s="191"/>
      <c r="B16" s="995"/>
      <c r="C16" s="1000"/>
      <c r="D16" s="1001"/>
      <c r="E16" s="1001"/>
      <c r="F16" s="1001"/>
      <c r="G16" s="1002"/>
      <c r="H16" s="1003"/>
      <c r="I16" s="1004"/>
      <c r="J16" s="1005"/>
      <c r="K16" s="1003"/>
      <c r="L16" s="1004"/>
      <c r="M16" s="1005"/>
      <c r="N16" s="1003"/>
      <c r="O16" s="1005"/>
      <c r="P16" s="1020" t="s">
        <v>315</v>
      </c>
      <c r="Q16" s="1021"/>
      <c r="R16" s="1021"/>
      <c r="S16" s="1021"/>
      <c r="T16" s="1021"/>
      <c r="U16" s="1022"/>
      <c r="V16" s="1020" t="s">
        <v>316</v>
      </c>
      <c r="W16" s="1021"/>
      <c r="X16" s="1021"/>
      <c r="Y16" s="1021"/>
      <c r="Z16" s="1021"/>
      <c r="AA16" s="1022"/>
      <c r="AB16" s="1020" t="s">
        <v>317</v>
      </c>
      <c r="AC16" s="1021"/>
      <c r="AD16" s="1021"/>
      <c r="AE16" s="1021"/>
      <c r="AF16" s="1021"/>
      <c r="AG16" s="1022"/>
      <c r="AH16" s="1021" t="s">
        <v>318</v>
      </c>
      <c r="AI16" s="1021"/>
      <c r="AJ16" s="1021"/>
      <c r="AK16" s="1021"/>
      <c r="AL16" s="1022"/>
      <c r="AM16" s="1003" t="s">
        <v>319</v>
      </c>
      <c r="AN16" s="1004"/>
      <c r="AO16" s="1004"/>
      <c r="AP16" s="1004"/>
      <c r="AQ16" s="1004"/>
      <c r="AR16" s="1005"/>
      <c r="AS16" s="995"/>
      <c r="AT16" s="1003" t="s">
        <v>320</v>
      </c>
      <c r="AU16" s="1004"/>
      <c r="AV16" s="1004"/>
      <c r="AW16" s="1004"/>
      <c r="AX16" s="1004"/>
      <c r="AY16" s="1004"/>
      <c r="AZ16" s="1012"/>
      <c r="BA16" s="1013"/>
      <c r="BB16" s="1013"/>
      <c r="BC16" s="1013"/>
      <c r="BD16" s="1013"/>
      <c r="BE16" s="1013"/>
      <c r="BF16" s="1013"/>
      <c r="BG16" s="1014"/>
      <c r="BH16" s="997" t="s">
        <v>321</v>
      </c>
      <c r="BI16" s="998"/>
      <c r="BJ16" s="998"/>
      <c r="BK16" s="998"/>
      <c r="BL16" s="998"/>
      <c r="BM16" s="998"/>
      <c r="BN16" s="998"/>
      <c r="BO16" s="999"/>
      <c r="BP16" s="975" t="s">
        <v>322</v>
      </c>
      <c r="BQ16" s="975"/>
      <c r="BR16" s="975"/>
      <c r="BS16" s="1004" t="s">
        <v>323</v>
      </c>
      <c r="BT16" s="1004"/>
      <c r="BU16" s="1005"/>
      <c r="BV16" s="1003" t="s">
        <v>324</v>
      </c>
      <c r="BW16" s="1004"/>
      <c r="BX16" s="1005"/>
      <c r="BY16" s="1003" t="s">
        <v>325</v>
      </c>
      <c r="BZ16" s="1004"/>
      <c r="CA16" s="1005"/>
      <c r="CB16" s="1003" t="s">
        <v>326</v>
      </c>
      <c r="CC16" s="1004"/>
      <c r="CD16" s="1004"/>
      <c r="CE16" s="1004"/>
      <c r="CF16" s="1004"/>
      <c r="CG16" s="1005"/>
    </row>
    <row r="17" spans="1:85" ht="9" customHeight="1" x14ac:dyDescent="0.2">
      <c r="A17" s="191"/>
      <c r="B17" s="995"/>
      <c r="C17" s="1003" t="s">
        <v>327</v>
      </c>
      <c r="D17" s="1004"/>
      <c r="E17" s="1004"/>
      <c r="F17" s="1004"/>
      <c r="G17" s="1005"/>
      <c r="H17" s="1003"/>
      <c r="I17" s="1004"/>
      <c r="J17" s="1005"/>
      <c r="K17" s="1003"/>
      <c r="L17" s="1004"/>
      <c r="M17" s="1005"/>
      <c r="N17" s="1003"/>
      <c r="O17" s="1005"/>
      <c r="P17" s="1009"/>
      <c r="Q17" s="1010"/>
      <c r="R17" s="1010"/>
      <c r="S17" s="1010"/>
      <c r="T17" s="1010"/>
      <c r="U17" s="1011"/>
      <c r="V17" s="1009"/>
      <c r="W17" s="1010"/>
      <c r="X17" s="1010"/>
      <c r="Y17" s="1010"/>
      <c r="Z17" s="1010"/>
      <c r="AA17" s="1011"/>
      <c r="AB17" s="1009"/>
      <c r="AC17" s="1010"/>
      <c r="AD17" s="1010"/>
      <c r="AE17" s="1010"/>
      <c r="AF17" s="1010"/>
      <c r="AG17" s="1011"/>
      <c r="AH17" s="1010"/>
      <c r="AI17" s="1010"/>
      <c r="AJ17" s="1010"/>
      <c r="AK17" s="1010"/>
      <c r="AL17" s="1011"/>
      <c r="AM17" s="1003"/>
      <c r="AN17" s="1004"/>
      <c r="AO17" s="1004"/>
      <c r="AP17" s="1004"/>
      <c r="AQ17" s="1004"/>
      <c r="AR17" s="1005"/>
      <c r="AS17" s="995"/>
      <c r="AT17" s="1003"/>
      <c r="AU17" s="1004"/>
      <c r="AV17" s="1004"/>
      <c r="AW17" s="1004"/>
      <c r="AX17" s="1004"/>
      <c r="AY17" s="1004"/>
      <c r="AZ17" s="1020" t="s">
        <v>328</v>
      </c>
      <c r="BA17" s="1021"/>
      <c r="BB17" s="1021"/>
      <c r="BC17" s="1021"/>
      <c r="BD17" s="1021"/>
      <c r="BE17" s="1021"/>
      <c r="BF17" s="1021"/>
      <c r="BG17" s="1022"/>
      <c r="BH17" s="1003"/>
      <c r="BI17" s="1004"/>
      <c r="BJ17" s="1004"/>
      <c r="BK17" s="1004"/>
      <c r="BL17" s="1004"/>
      <c r="BM17" s="1004"/>
      <c r="BN17" s="1004"/>
      <c r="BO17" s="1005"/>
      <c r="BP17" s="975"/>
      <c r="BQ17" s="975"/>
      <c r="BR17" s="975"/>
      <c r="BS17" s="1004"/>
      <c r="BT17" s="1004"/>
      <c r="BU17" s="1005"/>
      <c r="BV17" s="1003"/>
      <c r="BW17" s="1004"/>
      <c r="BX17" s="1005"/>
      <c r="BY17" s="1003"/>
      <c r="BZ17" s="1004"/>
      <c r="CA17" s="1005"/>
      <c r="CB17" s="1003"/>
      <c r="CC17" s="1004"/>
      <c r="CD17" s="1004"/>
      <c r="CE17" s="1004"/>
      <c r="CF17" s="1004"/>
      <c r="CG17" s="1005"/>
    </row>
    <row r="18" spans="1:85" ht="9" customHeight="1" x14ac:dyDescent="0.2">
      <c r="A18" s="191"/>
      <c r="B18" s="996"/>
      <c r="C18" s="1000"/>
      <c r="D18" s="1001"/>
      <c r="E18" s="1001"/>
      <c r="F18" s="1001"/>
      <c r="G18" s="1002"/>
      <c r="H18" s="1000"/>
      <c r="I18" s="1001"/>
      <c r="J18" s="1002"/>
      <c r="K18" s="1000"/>
      <c r="L18" s="1001"/>
      <c r="M18" s="1002"/>
      <c r="N18" s="1000"/>
      <c r="O18" s="1002"/>
      <c r="P18" s="1012"/>
      <c r="Q18" s="1013"/>
      <c r="R18" s="1013"/>
      <c r="S18" s="1013"/>
      <c r="T18" s="1013"/>
      <c r="U18" s="1014"/>
      <c r="V18" s="1012"/>
      <c r="W18" s="1013"/>
      <c r="X18" s="1013"/>
      <c r="Y18" s="1013"/>
      <c r="Z18" s="1013"/>
      <c r="AA18" s="1014"/>
      <c r="AB18" s="1012"/>
      <c r="AC18" s="1013"/>
      <c r="AD18" s="1013"/>
      <c r="AE18" s="1013"/>
      <c r="AF18" s="1013"/>
      <c r="AG18" s="1014"/>
      <c r="AH18" s="1013"/>
      <c r="AI18" s="1013"/>
      <c r="AJ18" s="1013"/>
      <c r="AK18" s="1013"/>
      <c r="AL18" s="1014"/>
      <c r="AM18" s="1000"/>
      <c r="AN18" s="1001"/>
      <c r="AO18" s="1001"/>
      <c r="AP18" s="1001"/>
      <c r="AQ18" s="1001"/>
      <c r="AR18" s="1002"/>
      <c r="AS18" s="996"/>
      <c r="AT18" s="1000"/>
      <c r="AU18" s="1001"/>
      <c r="AV18" s="1001"/>
      <c r="AW18" s="1001"/>
      <c r="AX18" s="1001"/>
      <c r="AY18" s="1001"/>
      <c r="AZ18" s="1012"/>
      <c r="BA18" s="1013"/>
      <c r="BB18" s="1013"/>
      <c r="BC18" s="1013"/>
      <c r="BD18" s="1013"/>
      <c r="BE18" s="1013"/>
      <c r="BF18" s="1013"/>
      <c r="BG18" s="1014"/>
      <c r="BH18" s="1000"/>
      <c r="BI18" s="1001"/>
      <c r="BJ18" s="1001"/>
      <c r="BK18" s="1001"/>
      <c r="BL18" s="1001"/>
      <c r="BM18" s="1001"/>
      <c r="BN18" s="1001"/>
      <c r="BO18" s="1002"/>
      <c r="BP18" s="975"/>
      <c r="BQ18" s="975"/>
      <c r="BR18" s="975"/>
      <c r="BS18" s="1001"/>
      <c r="BT18" s="1001"/>
      <c r="BU18" s="1002"/>
      <c r="BV18" s="1000"/>
      <c r="BW18" s="1001"/>
      <c r="BX18" s="1002"/>
      <c r="BY18" s="1000"/>
      <c r="BZ18" s="1001"/>
      <c r="CA18" s="1002"/>
      <c r="CB18" s="1000"/>
      <c r="CC18" s="1001"/>
      <c r="CD18" s="1001"/>
      <c r="CE18" s="1001"/>
      <c r="CF18" s="1001"/>
      <c r="CG18" s="1002"/>
    </row>
    <row r="19" spans="1:85" ht="9" customHeight="1" x14ac:dyDescent="0.2">
      <c r="A19" s="191"/>
      <c r="B19" s="206"/>
      <c r="C19" s="1050"/>
      <c r="D19" s="1051"/>
      <c r="E19" s="1051"/>
      <c r="F19" s="1051"/>
      <c r="G19" s="1052"/>
      <c r="H19" s="1056"/>
      <c r="I19" s="1057"/>
      <c r="J19" s="1058"/>
      <c r="K19" s="1056"/>
      <c r="L19" s="1057"/>
      <c r="M19" s="1058"/>
      <c r="N19" s="1044"/>
      <c r="O19" s="1039"/>
      <c r="P19" s="207"/>
      <c r="Q19" s="208"/>
      <c r="R19" s="209"/>
      <c r="S19" s="208"/>
      <c r="T19" s="209"/>
      <c r="U19" s="210"/>
      <c r="V19" s="207"/>
      <c r="W19" s="208"/>
      <c r="X19" s="209"/>
      <c r="Y19" s="208"/>
      <c r="Z19" s="209"/>
      <c r="AA19" s="210"/>
      <c r="AB19" s="1056"/>
      <c r="AC19" s="1057"/>
      <c r="AD19" s="1057"/>
      <c r="AE19" s="1057"/>
      <c r="AF19" s="1057"/>
      <c r="AG19" s="1058"/>
      <c r="AH19" s="1068" t="s">
        <v>329</v>
      </c>
      <c r="AI19" s="209"/>
      <c r="AJ19" s="209"/>
      <c r="AK19" s="209"/>
      <c r="AL19" s="1071" t="s">
        <v>330</v>
      </c>
      <c r="AM19" s="207"/>
      <c r="AN19" s="208"/>
      <c r="AO19" s="209"/>
      <c r="AP19" s="208"/>
      <c r="AQ19" s="209"/>
      <c r="AR19" s="210"/>
      <c r="AS19" s="206"/>
      <c r="AT19" s="207"/>
      <c r="AU19" s="208"/>
      <c r="AV19" s="209"/>
      <c r="AW19" s="208"/>
      <c r="AX19" s="209"/>
      <c r="AY19" s="210"/>
      <c r="AZ19" s="1074"/>
      <c r="BA19" s="1075"/>
      <c r="BB19" s="1075"/>
      <c r="BC19" s="1076"/>
      <c r="BD19" s="1023"/>
      <c r="BE19" s="1024"/>
      <c r="BF19" s="1024"/>
      <c r="BG19" s="1025"/>
      <c r="BH19" s="1029"/>
      <c r="BI19" s="1030"/>
      <c r="BJ19" s="1030"/>
      <c r="BK19" s="1030"/>
      <c r="BL19" s="1030"/>
      <c r="BM19" s="1030"/>
      <c r="BN19" s="1030"/>
      <c r="BO19" s="1030"/>
      <c r="BP19" s="1029"/>
      <c r="BQ19" s="1030"/>
      <c r="BR19" s="1035"/>
      <c r="BS19" s="1038"/>
      <c r="BT19" s="1038"/>
      <c r="BU19" s="1039"/>
      <c r="BV19" s="1044"/>
      <c r="BW19" s="1038"/>
      <c r="BX19" s="1039"/>
      <c r="BY19" s="1044"/>
      <c r="BZ19" s="1038"/>
      <c r="CA19" s="1039"/>
      <c r="CB19" s="207"/>
      <c r="CC19" s="208"/>
      <c r="CD19" s="209"/>
      <c r="CE19" s="208"/>
      <c r="CF19" s="209"/>
      <c r="CG19" s="210"/>
    </row>
    <row r="20" spans="1:85" ht="9" customHeight="1" x14ac:dyDescent="0.2">
      <c r="A20" s="191"/>
      <c r="B20" s="211"/>
      <c r="C20" s="1053"/>
      <c r="D20" s="1054"/>
      <c r="E20" s="1054"/>
      <c r="F20" s="1054"/>
      <c r="G20" s="1055"/>
      <c r="H20" s="1059"/>
      <c r="I20" s="1060"/>
      <c r="J20" s="1061"/>
      <c r="K20" s="1059"/>
      <c r="L20" s="1060"/>
      <c r="M20" s="1061"/>
      <c r="N20" s="1045"/>
      <c r="O20" s="1041"/>
      <c r="P20" s="212"/>
      <c r="Q20" s="213" t="s">
        <v>331</v>
      </c>
      <c r="R20" s="214"/>
      <c r="S20" s="213" t="s">
        <v>332</v>
      </c>
      <c r="T20" s="214"/>
      <c r="U20" s="215" t="s">
        <v>333</v>
      </c>
      <c r="V20" s="212"/>
      <c r="W20" s="213" t="s">
        <v>331</v>
      </c>
      <c r="X20" s="214"/>
      <c r="Y20" s="213" t="s">
        <v>332</v>
      </c>
      <c r="Z20" s="214"/>
      <c r="AA20" s="215" t="s">
        <v>334</v>
      </c>
      <c r="AB20" s="1059"/>
      <c r="AC20" s="1060"/>
      <c r="AD20" s="1060"/>
      <c r="AE20" s="1060"/>
      <c r="AF20" s="1060"/>
      <c r="AG20" s="1061"/>
      <c r="AH20" s="1069"/>
      <c r="AI20" s="216"/>
      <c r="AJ20" s="216"/>
      <c r="AK20" s="214"/>
      <c r="AL20" s="1072"/>
      <c r="AM20" s="212"/>
      <c r="AN20" s="213" t="s">
        <v>331</v>
      </c>
      <c r="AO20" s="214"/>
      <c r="AP20" s="213" t="s">
        <v>332</v>
      </c>
      <c r="AQ20" s="214"/>
      <c r="AR20" s="215" t="s">
        <v>333</v>
      </c>
      <c r="AS20" s="211"/>
      <c r="AT20" s="212"/>
      <c r="AU20" s="213" t="s">
        <v>331</v>
      </c>
      <c r="AV20" s="214"/>
      <c r="AW20" s="213" t="s">
        <v>332</v>
      </c>
      <c r="AX20" s="214"/>
      <c r="AY20" s="215" t="s">
        <v>333</v>
      </c>
      <c r="AZ20" s="1077"/>
      <c r="BA20" s="1078"/>
      <c r="BB20" s="1078"/>
      <c r="BC20" s="1079"/>
      <c r="BD20" s="1026"/>
      <c r="BE20" s="1027"/>
      <c r="BF20" s="1027"/>
      <c r="BG20" s="1028"/>
      <c r="BH20" s="1031"/>
      <c r="BI20" s="1032"/>
      <c r="BJ20" s="1032"/>
      <c r="BK20" s="1032"/>
      <c r="BL20" s="1032"/>
      <c r="BM20" s="1032"/>
      <c r="BN20" s="1032"/>
      <c r="BO20" s="1032"/>
      <c r="BP20" s="1031"/>
      <c r="BQ20" s="1032"/>
      <c r="BR20" s="1036"/>
      <c r="BS20" s="1040"/>
      <c r="BT20" s="1040"/>
      <c r="BU20" s="1041"/>
      <c r="BV20" s="1045"/>
      <c r="BW20" s="1040"/>
      <c r="BX20" s="1041"/>
      <c r="BY20" s="1045"/>
      <c r="BZ20" s="1040"/>
      <c r="CA20" s="1041"/>
      <c r="CB20" s="212"/>
      <c r="CC20" s="213" t="s">
        <v>331</v>
      </c>
      <c r="CD20" s="214"/>
      <c r="CE20" s="213" t="s">
        <v>332</v>
      </c>
      <c r="CF20" s="214"/>
      <c r="CG20" s="215" t="s">
        <v>333</v>
      </c>
    </row>
    <row r="21" spans="1:85" ht="9" customHeight="1" x14ac:dyDescent="0.2">
      <c r="A21" s="191"/>
      <c r="B21" s="217"/>
      <c r="C21" s="1090"/>
      <c r="D21" s="1091"/>
      <c r="E21" s="1091"/>
      <c r="F21" s="1091"/>
      <c r="G21" s="1092"/>
      <c r="H21" s="1059"/>
      <c r="I21" s="1060"/>
      <c r="J21" s="1061"/>
      <c r="K21" s="1059"/>
      <c r="L21" s="1060"/>
      <c r="M21" s="1061"/>
      <c r="N21" s="1045"/>
      <c r="O21" s="1041"/>
      <c r="P21" s="218"/>
      <c r="Q21" s="219"/>
      <c r="R21" s="220"/>
      <c r="S21" s="219"/>
      <c r="T21" s="220"/>
      <c r="U21" s="221"/>
      <c r="V21" s="218"/>
      <c r="W21" s="219"/>
      <c r="X21" s="220"/>
      <c r="Y21" s="219"/>
      <c r="Z21" s="220"/>
      <c r="AA21" s="221"/>
      <c r="AB21" s="1065"/>
      <c r="AC21" s="1066"/>
      <c r="AD21" s="1066"/>
      <c r="AE21" s="1066"/>
      <c r="AF21" s="1066"/>
      <c r="AG21" s="1067"/>
      <c r="AH21" s="1070"/>
      <c r="AI21" s="220"/>
      <c r="AJ21" s="220"/>
      <c r="AK21" s="220"/>
      <c r="AL21" s="1073"/>
      <c r="AM21" s="218"/>
      <c r="AN21" s="219"/>
      <c r="AO21" s="220"/>
      <c r="AP21" s="219"/>
      <c r="AQ21" s="220"/>
      <c r="AR21" s="221"/>
      <c r="AS21" s="217"/>
      <c r="AT21" s="218"/>
      <c r="AU21" s="219"/>
      <c r="AV21" s="220"/>
      <c r="AW21" s="219"/>
      <c r="AX21" s="220"/>
      <c r="AY21" s="221"/>
      <c r="AZ21" s="1093"/>
      <c r="BA21" s="1094"/>
      <c r="BB21" s="1094"/>
      <c r="BC21" s="1095"/>
      <c r="BD21" s="1023"/>
      <c r="BE21" s="1024"/>
      <c r="BF21" s="1024"/>
      <c r="BG21" s="1025"/>
      <c r="BH21" s="1033"/>
      <c r="BI21" s="1034"/>
      <c r="BJ21" s="1034"/>
      <c r="BK21" s="1034"/>
      <c r="BL21" s="1034"/>
      <c r="BM21" s="1034"/>
      <c r="BN21" s="1034"/>
      <c r="BO21" s="1034"/>
      <c r="BP21" s="1033"/>
      <c r="BQ21" s="1034"/>
      <c r="BR21" s="1037"/>
      <c r="BS21" s="1040"/>
      <c r="BT21" s="1040"/>
      <c r="BU21" s="1041"/>
      <c r="BV21" s="1045"/>
      <c r="BW21" s="1040"/>
      <c r="BX21" s="1041"/>
      <c r="BY21" s="1045"/>
      <c r="BZ21" s="1040"/>
      <c r="CA21" s="1041"/>
      <c r="CB21" s="218"/>
      <c r="CC21" s="219"/>
      <c r="CD21" s="220"/>
      <c r="CE21" s="219"/>
      <c r="CF21" s="220"/>
      <c r="CG21" s="221"/>
    </row>
    <row r="22" spans="1:85" ht="9" customHeight="1" x14ac:dyDescent="0.2">
      <c r="A22" s="191"/>
      <c r="B22" s="211"/>
      <c r="C22" s="1053"/>
      <c r="D22" s="1054"/>
      <c r="E22" s="1054"/>
      <c r="F22" s="1054"/>
      <c r="G22" s="1055"/>
      <c r="H22" s="1059"/>
      <c r="I22" s="1060"/>
      <c r="J22" s="1061"/>
      <c r="K22" s="1059"/>
      <c r="L22" s="1060"/>
      <c r="M22" s="1061"/>
      <c r="N22" s="1045"/>
      <c r="O22" s="1041"/>
      <c r="P22" s="222"/>
      <c r="Q22" s="223"/>
      <c r="R22" s="223"/>
      <c r="S22" s="223"/>
      <c r="T22" s="223"/>
      <c r="U22" s="1096" t="s">
        <v>331</v>
      </c>
      <c r="V22" s="224"/>
      <c r="W22" s="225"/>
      <c r="X22" s="225"/>
      <c r="Y22" s="225"/>
      <c r="Z22" s="225"/>
      <c r="AA22" s="226"/>
      <c r="AB22" s="1059"/>
      <c r="AC22" s="1060"/>
      <c r="AD22" s="1060"/>
      <c r="AE22" s="1060"/>
      <c r="AF22" s="1060"/>
      <c r="AG22" s="1061"/>
      <c r="AH22" s="1069" t="s">
        <v>335</v>
      </c>
      <c r="AI22" s="214"/>
      <c r="AJ22" s="214"/>
      <c r="AK22" s="214"/>
      <c r="AL22" s="1072" t="s">
        <v>336</v>
      </c>
      <c r="AM22" s="212"/>
      <c r="AN22" s="214"/>
      <c r="AO22" s="227"/>
      <c r="AP22" s="227"/>
      <c r="AQ22" s="214"/>
      <c r="AR22" s="228"/>
      <c r="AS22" s="211"/>
      <c r="AT22" s="1059"/>
      <c r="AU22" s="1060"/>
      <c r="AV22" s="1060"/>
      <c r="AW22" s="1060"/>
      <c r="AX22" s="1060"/>
      <c r="AY22" s="1061"/>
      <c r="AZ22" s="1077"/>
      <c r="BA22" s="1078"/>
      <c r="BB22" s="1078"/>
      <c r="BC22" s="1079"/>
      <c r="BD22" s="1026"/>
      <c r="BE22" s="1027"/>
      <c r="BF22" s="1027"/>
      <c r="BG22" s="1028"/>
      <c r="BH22" s="1031"/>
      <c r="BI22" s="1032"/>
      <c r="BJ22" s="1032"/>
      <c r="BK22" s="1032"/>
      <c r="BL22" s="1032"/>
      <c r="BM22" s="1032"/>
      <c r="BN22" s="1032"/>
      <c r="BO22" s="1032"/>
      <c r="BP22" s="1031"/>
      <c r="BQ22" s="1032"/>
      <c r="BR22" s="1036"/>
      <c r="BS22" s="1040"/>
      <c r="BT22" s="1040"/>
      <c r="BU22" s="1041"/>
      <c r="BV22" s="1045"/>
      <c r="BW22" s="1040"/>
      <c r="BX22" s="1041"/>
      <c r="BY22" s="1045"/>
      <c r="BZ22" s="1040"/>
      <c r="CA22" s="1041"/>
      <c r="CB22" s="212"/>
      <c r="CC22" s="213"/>
      <c r="CD22" s="214"/>
      <c r="CE22" s="213"/>
      <c r="CF22" s="214"/>
      <c r="CG22" s="215"/>
    </row>
    <row r="23" spans="1:85" ht="9" customHeight="1" x14ac:dyDescent="0.2">
      <c r="A23" s="191"/>
      <c r="B23" s="211"/>
      <c r="C23" s="1099"/>
      <c r="D23" s="1100"/>
      <c r="E23" s="1100"/>
      <c r="F23" s="1100"/>
      <c r="G23" s="1101"/>
      <c r="H23" s="1059"/>
      <c r="I23" s="1060"/>
      <c r="J23" s="1061"/>
      <c r="K23" s="1059"/>
      <c r="L23" s="1060"/>
      <c r="M23" s="1061"/>
      <c r="N23" s="1045"/>
      <c r="O23" s="1041"/>
      <c r="P23" s="229"/>
      <c r="Q23" s="230"/>
      <c r="R23" s="230"/>
      <c r="S23" s="230"/>
      <c r="T23" s="230"/>
      <c r="U23" s="1036"/>
      <c r="V23" s="224"/>
      <c r="W23" s="225"/>
      <c r="X23" s="225"/>
      <c r="Y23" s="231"/>
      <c r="Z23" s="231"/>
      <c r="AA23" s="226"/>
      <c r="AB23" s="1059"/>
      <c r="AC23" s="1060"/>
      <c r="AD23" s="1060"/>
      <c r="AE23" s="1060"/>
      <c r="AF23" s="1060"/>
      <c r="AG23" s="1061"/>
      <c r="AH23" s="1069"/>
      <c r="AI23" s="216"/>
      <c r="AJ23" s="214"/>
      <c r="AK23" s="214"/>
      <c r="AL23" s="1072"/>
      <c r="AM23" s="212"/>
      <c r="AN23" s="216"/>
      <c r="AO23" s="1105" t="s">
        <v>337</v>
      </c>
      <c r="AP23" s="1105"/>
      <c r="AQ23" s="216"/>
      <c r="AR23" s="228"/>
      <c r="AS23" s="211"/>
      <c r="AT23" s="1059"/>
      <c r="AU23" s="1060"/>
      <c r="AV23" s="1060"/>
      <c r="AW23" s="1060"/>
      <c r="AX23" s="1060"/>
      <c r="AY23" s="1061"/>
      <c r="AZ23" s="1080"/>
      <c r="BA23" s="1081"/>
      <c r="BB23" s="1081"/>
      <c r="BC23" s="1082"/>
      <c r="BD23" s="1086"/>
      <c r="BE23" s="1081"/>
      <c r="BF23" s="1081"/>
      <c r="BG23" s="1087"/>
      <c r="BH23" s="1031"/>
      <c r="BI23" s="1032"/>
      <c r="BJ23" s="1032"/>
      <c r="BK23" s="1032"/>
      <c r="BL23" s="1032"/>
      <c r="BM23" s="1032"/>
      <c r="BN23" s="1032"/>
      <c r="BO23" s="1032"/>
      <c r="BP23" s="1031"/>
      <c r="BQ23" s="1032"/>
      <c r="BR23" s="1036"/>
      <c r="BS23" s="1040"/>
      <c r="BT23" s="1040"/>
      <c r="BU23" s="1041"/>
      <c r="BV23" s="1045"/>
      <c r="BW23" s="1040"/>
      <c r="BX23" s="1041"/>
      <c r="BY23" s="1045"/>
      <c r="BZ23" s="1040"/>
      <c r="CA23" s="1041"/>
      <c r="CB23" s="212"/>
      <c r="CC23" s="213" t="s">
        <v>338</v>
      </c>
      <c r="CD23" s="214"/>
      <c r="CE23" s="213" t="s">
        <v>332</v>
      </c>
      <c r="CF23" s="214"/>
      <c r="CG23" s="215" t="s">
        <v>333</v>
      </c>
    </row>
    <row r="24" spans="1:85" ht="9" customHeight="1" x14ac:dyDescent="0.2">
      <c r="A24" s="191"/>
      <c r="B24" s="232"/>
      <c r="C24" s="1102"/>
      <c r="D24" s="1103"/>
      <c r="E24" s="1103"/>
      <c r="F24" s="1103"/>
      <c r="G24" s="1104"/>
      <c r="H24" s="1062"/>
      <c r="I24" s="1063"/>
      <c r="J24" s="1064"/>
      <c r="K24" s="1062"/>
      <c r="L24" s="1063"/>
      <c r="M24" s="1064"/>
      <c r="N24" s="1046"/>
      <c r="O24" s="1043"/>
      <c r="P24" s="233"/>
      <c r="Q24" s="234"/>
      <c r="R24" s="234"/>
      <c r="S24" s="234"/>
      <c r="T24" s="234"/>
      <c r="U24" s="1049"/>
      <c r="V24" s="235"/>
      <c r="W24" s="236"/>
      <c r="X24" s="236"/>
      <c r="Y24" s="236"/>
      <c r="Z24" s="236"/>
      <c r="AA24" s="237"/>
      <c r="AB24" s="1062"/>
      <c r="AC24" s="1063"/>
      <c r="AD24" s="1063"/>
      <c r="AE24" s="1063"/>
      <c r="AF24" s="1063"/>
      <c r="AG24" s="1064"/>
      <c r="AH24" s="1097"/>
      <c r="AI24" s="238"/>
      <c r="AJ24" s="238"/>
      <c r="AK24" s="238"/>
      <c r="AL24" s="1098"/>
      <c r="AM24" s="239"/>
      <c r="AN24" s="238"/>
      <c r="AO24" s="240"/>
      <c r="AP24" s="240"/>
      <c r="AQ24" s="238"/>
      <c r="AR24" s="241"/>
      <c r="AS24" s="232"/>
      <c r="AT24" s="1062"/>
      <c r="AU24" s="1063"/>
      <c r="AV24" s="1063"/>
      <c r="AW24" s="1063"/>
      <c r="AX24" s="1063"/>
      <c r="AY24" s="1064"/>
      <c r="AZ24" s="1083"/>
      <c r="BA24" s="1084"/>
      <c r="BB24" s="1084"/>
      <c r="BC24" s="1085"/>
      <c r="BD24" s="1088"/>
      <c r="BE24" s="1084"/>
      <c r="BF24" s="1084"/>
      <c r="BG24" s="1089"/>
      <c r="BH24" s="1047"/>
      <c r="BI24" s="1048"/>
      <c r="BJ24" s="1048"/>
      <c r="BK24" s="1048"/>
      <c r="BL24" s="1048"/>
      <c r="BM24" s="1048"/>
      <c r="BN24" s="1048"/>
      <c r="BO24" s="1048"/>
      <c r="BP24" s="1047"/>
      <c r="BQ24" s="1048"/>
      <c r="BR24" s="1049"/>
      <c r="BS24" s="1042"/>
      <c r="BT24" s="1042"/>
      <c r="BU24" s="1043"/>
      <c r="BV24" s="1046"/>
      <c r="BW24" s="1042"/>
      <c r="BX24" s="1043"/>
      <c r="BY24" s="1046"/>
      <c r="BZ24" s="1042"/>
      <c r="CA24" s="1043"/>
      <c r="CB24" s="239"/>
      <c r="CC24" s="242"/>
      <c r="CD24" s="238"/>
      <c r="CE24" s="242"/>
      <c r="CF24" s="238"/>
      <c r="CG24" s="243"/>
    </row>
    <row r="25" spans="1:85" ht="9" customHeight="1" x14ac:dyDescent="0.2">
      <c r="A25" s="191"/>
      <c r="B25" s="206"/>
      <c r="C25" s="1050"/>
      <c r="D25" s="1051"/>
      <c r="E25" s="1051"/>
      <c r="F25" s="1051"/>
      <c r="G25" s="1052"/>
      <c r="H25" s="1056"/>
      <c r="I25" s="1057"/>
      <c r="J25" s="1058"/>
      <c r="K25" s="1056"/>
      <c r="L25" s="1057"/>
      <c r="M25" s="1058"/>
      <c r="N25" s="1044"/>
      <c r="O25" s="1039"/>
      <c r="P25" s="207"/>
      <c r="Q25" s="208"/>
      <c r="R25" s="209"/>
      <c r="S25" s="208"/>
      <c r="T25" s="209"/>
      <c r="U25" s="210"/>
      <c r="V25" s="207"/>
      <c r="W25" s="208"/>
      <c r="X25" s="209"/>
      <c r="Y25" s="208"/>
      <c r="Z25" s="209"/>
      <c r="AA25" s="210"/>
      <c r="AB25" s="1056"/>
      <c r="AC25" s="1057"/>
      <c r="AD25" s="1057"/>
      <c r="AE25" s="1057"/>
      <c r="AF25" s="1057"/>
      <c r="AG25" s="1058"/>
      <c r="AH25" s="1068" t="s">
        <v>335</v>
      </c>
      <c r="AI25" s="209"/>
      <c r="AJ25" s="209"/>
      <c r="AK25" s="209"/>
      <c r="AL25" s="1071" t="s">
        <v>339</v>
      </c>
      <c r="AM25" s="207"/>
      <c r="AN25" s="208"/>
      <c r="AO25" s="209"/>
      <c r="AP25" s="208"/>
      <c r="AQ25" s="209"/>
      <c r="AR25" s="210"/>
      <c r="AS25" s="206"/>
      <c r="AT25" s="207"/>
      <c r="AU25" s="208"/>
      <c r="AV25" s="209"/>
      <c r="AW25" s="208"/>
      <c r="AX25" s="209"/>
      <c r="AY25" s="210"/>
      <c r="AZ25" s="1074"/>
      <c r="BA25" s="1075"/>
      <c r="BB25" s="1075"/>
      <c r="BC25" s="1076"/>
      <c r="BD25" s="1023"/>
      <c r="BE25" s="1024"/>
      <c r="BF25" s="1024"/>
      <c r="BG25" s="1025"/>
      <c r="BH25" s="1029"/>
      <c r="BI25" s="1030"/>
      <c r="BJ25" s="1030"/>
      <c r="BK25" s="1030"/>
      <c r="BL25" s="1030"/>
      <c r="BM25" s="1030"/>
      <c r="BN25" s="1030"/>
      <c r="BO25" s="1030"/>
      <c r="BP25" s="1029"/>
      <c r="BQ25" s="1030"/>
      <c r="BR25" s="1035"/>
      <c r="BS25" s="1038"/>
      <c r="BT25" s="1038"/>
      <c r="BU25" s="1039"/>
      <c r="BV25" s="1044"/>
      <c r="BW25" s="1038"/>
      <c r="BX25" s="1039"/>
      <c r="BY25" s="1044"/>
      <c r="BZ25" s="1038"/>
      <c r="CA25" s="1039"/>
      <c r="CB25" s="207"/>
      <c r="CC25" s="208"/>
      <c r="CD25" s="209"/>
      <c r="CE25" s="208"/>
      <c r="CF25" s="209"/>
      <c r="CG25" s="210"/>
    </row>
    <row r="26" spans="1:85" ht="9" customHeight="1" x14ac:dyDescent="0.2">
      <c r="A26" s="191"/>
      <c r="B26" s="211"/>
      <c r="C26" s="1053"/>
      <c r="D26" s="1054"/>
      <c r="E26" s="1054"/>
      <c r="F26" s="1054"/>
      <c r="G26" s="1055"/>
      <c r="H26" s="1059"/>
      <c r="I26" s="1060"/>
      <c r="J26" s="1061"/>
      <c r="K26" s="1059"/>
      <c r="L26" s="1060"/>
      <c r="M26" s="1061"/>
      <c r="N26" s="1045"/>
      <c r="O26" s="1041"/>
      <c r="P26" s="212"/>
      <c r="Q26" s="213" t="s">
        <v>331</v>
      </c>
      <c r="R26" s="214"/>
      <c r="S26" s="213" t="s">
        <v>332</v>
      </c>
      <c r="T26" s="214"/>
      <c r="U26" s="215" t="s">
        <v>340</v>
      </c>
      <c r="V26" s="212"/>
      <c r="W26" s="213" t="s">
        <v>331</v>
      </c>
      <c r="X26" s="214"/>
      <c r="Y26" s="213" t="s">
        <v>290</v>
      </c>
      <c r="Z26" s="214"/>
      <c r="AA26" s="215" t="s">
        <v>341</v>
      </c>
      <c r="AB26" s="1059"/>
      <c r="AC26" s="1060"/>
      <c r="AD26" s="1060"/>
      <c r="AE26" s="1060"/>
      <c r="AF26" s="1060"/>
      <c r="AG26" s="1061"/>
      <c r="AH26" s="1069"/>
      <c r="AI26" s="216"/>
      <c r="AJ26" s="216"/>
      <c r="AK26" s="214"/>
      <c r="AL26" s="1072"/>
      <c r="AM26" s="212"/>
      <c r="AN26" s="213" t="s">
        <v>331</v>
      </c>
      <c r="AO26" s="214"/>
      <c r="AP26" s="213" t="s">
        <v>332</v>
      </c>
      <c r="AQ26" s="214"/>
      <c r="AR26" s="215" t="s">
        <v>333</v>
      </c>
      <c r="AS26" s="211"/>
      <c r="AT26" s="212"/>
      <c r="AU26" s="213" t="s">
        <v>331</v>
      </c>
      <c r="AV26" s="214"/>
      <c r="AW26" s="213" t="s">
        <v>332</v>
      </c>
      <c r="AX26" s="214"/>
      <c r="AY26" s="215" t="s">
        <v>341</v>
      </c>
      <c r="AZ26" s="1077"/>
      <c r="BA26" s="1078"/>
      <c r="BB26" s="1078"/>
      <c r="BC26" s="1079"/>
      <c r="BD26" s="1026"/>
      <c r="BE26" s="1027"/>
      <c r="BF26" s="1027"/>
      <c r="BG26" s="1028"/>
      <c r="BH26" s="1031"/>
      <c r="BI26" s="1032"/>
      <c r="BJ26" s="1032"/>
      <c r="BK26" s="1032"/>
      <c r="BL26" s="1032"/>
      <c r="BM26" s="1032"/>
      <c r="BN26" s="1032"/>
      <c r="BO26" s="1032"/>
      <c r="BP26" s="1031"/>
      <c r="BQ26" s="1032"/>
      <c r="BR26" s="1036"/>
      <c r="BS26" s="1040"/>
      <c r="BT26" s="1040"/>
      <c r="BU26" s="1041"/>
      <c r="BV26" s="1045"/>
      <c r="BW26" s="1040"/>
      <c r="BX26" s="1041"/>
      <c r="BY26" s="1045"/>
      <c r="BZ26" s="1040"/>
      <c r="CA26" s="1041"/>
      <c r="CB26" s="212"/>
      <c r="CC26" s="213" t="s">
        <v>338</v>
      </c>
      <c r="CD26" s="214"/>
      <c r="CE26" s="213" t="s">
        <v>342</v>
      </c>
      <c r="CF26" s="214"/>
      <c r="CG26" s="215" t="s">
        <v>333</v>
      </c>
    </row>
    <row r="27" spans="1:85" ht="9" customHeight="1" x14ac:dyDescent="0.2">
      <c r="A27" s="191"/>
      <c r="B27" s="217"/>
      <c r="C27" s="1090"/>
      <c r="D27" s="1091"/>
      <c r="E27" s="1091"/>
      <c r="F27" s="1091"/>
      <c r="G27" s="1092"/>
      <c r="H27" s="1059"/>
      <c r="I27" s="1060"/>
      <c r="J27" s="1061"/>
      <c r="K27" s="1059"/>
      <c r="L27" s="1060"/>
      <c r="M27" s="1061"/>
      <c r="N27" s="1045"/>
      <c r="O27" s="1041"/>
      <c r="P27" s="218"/>
      <c r="Q27" s="219"/>
      <c r="R27" s="220"/>
      <c r="S27" s="219"/>
      <c r="T27" s="220"/>
      <c r="U27" s="221"/>
      <c r="V27" s="218"/>
      <c r="W27" s="219"/>
      <c r="X27" s="220"/>
      <c r="Y27" s="219"/>
      <c r="Z27" s="220"/>
      <c r="AA27" s="221"/>
      <c r="AB27" s="1065"/>
      <c r="AC27" s="1066"/>
      <c r="AD27" s="1066"/>
      <c r="AE27" s="1066"/>
      <c r="AF27" s="1066"/>
      <c r="AG27" s="1067"/>
      <c r="AH27" s="1070"/>
      <c r="AI27" s="220"/>
      <c r="AJ27" s="220"/>
      <c r="AK27" s="220"/>
      <c r="AL27" s="1073"/>
      <c r="AM27" s="218"/>
      <c r="AN27" s="219"/>
      <c r="AO27" s="220"/>
      <c r="AP27" s="219"/>
      <c r="AQ27" s="220"/>
      <c r="AR27" s="221"/>
      <c r="AS27" s="217"/>
      <c r="AT27" s="218"/>
      <c r="AU27" s="219"/>
      <c r="AV27" s="220"/>
      <c r="AW27" s="219"/>
      <c r="AX27" s="220"/>
      <c r="AY27" s="221"/>
      <c r="AZ27" s="1093"/>
      <c r="BA27" s="1094"/>
      <c r="BB27" s="1094"/>
      <c r="BC27" s="1095"/>
      <c r="BD27" s="1023"/>
      <c r="BE27" s="1024"/>
      <c r="BF27" s="1024"/>
      <c r="BG27" s="1025"/>
      <c r="BH27" s="1033"/>
      <c r="BI27" s="1034"/>
      <c r="BJ27" s="1034"/>
      <c r="BK27" s="1034"/>
      <c r="BL27" s="1034"/>
      <c r="BM27" s="1034"/>
      <c r="BN27" s="1034"/>
      <c r="BO27" s="1034"/>
      <c r="BP27" s="1033"/>
      <c r="BQ27" s="1034"/>
      <c r="BR27" s="1037"/>
      <c r="BS27" s="1040"/>
      <c r="BT27" s="1040"/>
      <c r="BU27" s="1041"/>
      <c r="BV27" s="1045"/>
      <c r="BW27" s="1040"/>
      <c r="BX27" s="1041"/>
      <c r="BY27" s="1045"/>
      <c r="BZ27" s="1040"/>
      <c r="CA27" s="1041"/>
      <c r="CB27" s="218"/>
      <c r="CC27" s="219"/>
      <c r="CD27" s="220"/>
      <c r="CE27" s="219"/>
      <c r="CF27" s="220"/>
      <c r="CG27" s="221"/>
    </row>
    <row r="28" spans="1:85" ht="9" customHeight="1" x14ac:dyDescent="0.2">
      <c r="A28" s="191"/>
      <c r="B28" s="211"/>
      <c r="C28" s="1053"/>
      <c r="D28" s="1054"/>
      <c r="E28" s="1054"/>
      <c r="F28" s="1054"/>
      <c r="G28" s="1055"/>
      <c r="H28" s="1059"/>
      <c r="I28" s="1060"/>
      <c r="J28" s="1061"/>
      <c r="K28" s="1059"/>
      <c r="L28" s="1060"/>
      <c r="M28" s="1061"/>
      <c r="N28" s="1045"/>
      <c r="O28" s="1041"/>
      <c r="P28" s="222"/>
      <c r="Q28" s="223"/>
      <c r="R28" s="223"/>
      <c r="S28" s="223"/>
      <c r="T28" s="223"/>
      <c r="U28" s="1096" t="s">
        <v>343</v>
      </c>
      <c r="V28" s="224"/>
      <c r="W28" s="225"/>
      <c r="X28" s="225"/>
      <c r="Y28" s="225"/>
      <c r="Z28" s="225"/>
      <c r="AA28" s="226"/>
      <c r="AB28" s="1059"/>
      <c r="AC28" s="1060"/>
      <c r="AD28" s="1060"/>
      <c r="AE28" s="1060"/>
      <c r="AF28" s="1060"/>
      <c r="AG28" s="1061"/>
      <c r="AH28" s="1069" t="s">
        <v>335</v>
      </c>
      <c r="AI28" s="214"/>
      <c r="AJ28" s="214"/>
      <c r="AK28" s="214"/>
      <c r="AL28" s="1072" t="s">
        <v>339</v>
      </c>
      <c r="AM28" s="212"/>
      <c r="AN28" s="214"/>
      <c r="AO28" s="227"/>
      <c r="AP28" s="227"/>
      <c r="AQ28" s="214"/>
      <c r="AR28" s="228"/>
      <c r="AS28" s="211"/>
      <c r="AT28" s="1059"/>
      <c r="AU28" s="1060"/>
      <c r="AV28" s="1060"/>
      <c r="AW28" s="1060"/>
      <c r="AX28" s="1060"/>
      <c r="AY28" s="1061"/>
      <c r="AZ28" s="1077"/>
      <c r="BA28" s="1078"/>
      <c r="BB28" s="1078"/>
      <c r="BC28" s="1079"/>
      <c r="BD28" s="1026"/>
      <c r="BE28" s="1027"/>
      <c r="BF28" s="1027"/>
      <c r="BG28" s="1028"/>
      <c r="BH28" s="1031"/>
      <c r="BI28" s="1032"/>
      <c r="BJ28" s="1032"/>
      <c r="BK28" s="1032"/>
      <c r="BL28" s="1032"/>
      <c r="BM28" s="1032"/>
      <c r="BN28" s="1032"/>
      <c r="BO28" s="1032"/>
      <c r="BP28" s="1031"/>
      <c r="BQ28" s="1032"/>
      <c r="BR28" s="1036"/>
      <c r="BS28" s="1040"/>
      <c r="BT28" s="1040"/>
      <c r="BU28" s="1041"/>
      <c r="BV28" s="1045"/>
      <c r="BW28" s="1040"/>
      <c r="BX28" s="1041"/>
      <c r="BY28" s="1045"/>
      <c r="BZ28" s="1040"/>
      <c r="CA28" s="1041"/>
      <c r="CB28" s="212"/>
      <c r="CC28" s="213"/>
      <c r="CD28" s="214"/>
      <c r="CE28" s="213"/>
      <c r="CF28" s="214"/>
      <c r="CG28" s="215"/>
    </row>
    <row r="29" spans="1:85" ht="9" customHeight="1" x14ac:dyDescent="0.2">
      <c r="A29" s="191"/>
      <c r="B29" s="211"/>
      <c r="C29" s="1099"/>
      <c r="D29" s="1100"/>
      <c r="E29" s="1100"/>
      <c r="F29" s="1100"/>
      <c r="G29" s="1101"/>
      <c r="H29" s="1059"/>
      <c r="I29" s="1060"/>
      <c r="J29" s="1061"/>
      <c r="K29" s="1059"/>
      <c r="L29" s="1060"/>
      <c r="M29" s="1061"/>
      <c r="N29" s="1045"/>
      <c r="O29" s="1041"/>
      <c r="P29" s="229"/>
      <c r="Q29" s="230"/>
      <c r="R29" s="230"/>
      <c r="S29" s="230"/>
      <c r="T29" s="230"/>
      <c r="U29" s="1036"/>
      <c r="V29" s="224"/>
      <c r="W29" s="225"/>
      <c r="X29" s="225"/>
      <c r="Y29" s="231"/>
      <c r="Z29" s="231"/>
      <c r="AA29" s="226"/>
      <c r="AB29" s="1059"/>
      <c r="AC29" s="1060"/>
      <c r="AD29" s="1060"/>
      <c r="AE29" s="1060"/>
      <c r="AF29" s="1060"/>
      <c r="AG29" s="1061"/>
      <c r="AH29" s="1069"/>
      <c r="AI29" s="216"/>
      <c r="AJ29" s="214"/>
      <c r="AK29" s="214"/>
      <c r="AL29" s="1072"/>
      <c r="AM29" s="212"/>
      <c r="AN29" s="216"/>
      <c r="AO29" s="1105" t="s">
        <v>337</v>
      </c>
      <c r="AP29" s="1105"/>
      <c r="AQ29" s="216"/>
      <c r="AR29" s="228"/>
      <c r="AS29" s="211"/>
      <c r="AT29" s="1059"/>
      <c r="AU29" s="1060"/>
      <c r="AV29" s="1060"/>
      <c r="AW29" s="1060"/>
      <c r="AX29" s="1060"/>
      <c r="AY29" s="1061"/>
      <c r="AZ29" s="1080"/>
      <c r="BA29" s="1081"/>
      <c r="BB29" s="1081"/>
      <c r="BC29" s="1082"/>
      <c r="BD29" s="1086"/>
      <c r="BE29" s="1081"/>
      <c r="BF29" s="1081"/>
      <c r="BG29" s="1087"/>
      <c r="BH29" s="1031"/>
      <c r="BI29" s="1032"/>
      <c r="BJ29" s="1032"/>
      <c r="BK29" s="1032"/>
      <c r="BL29" s="1032"/>
      <c r="BM29" s="1032"/>
      <c r="BN29" s="1032"/>
      <c r="BO29" s="1032"/>
      <c r="BP29" s="1031"/>
      <c r="BQ29" s="1032"/>
      <c r="BR29" s="1036"/>
      <c r="BS29" s="1040"/>
      <c r="BT29" s="1040"/>
      <c r="BU29" s="1041"/>
      <c r="BV29" s="1045"/>
      <c r="BW29" s="1040"/>
      <c r="BX29" s="1041"/>
      <c r="BY29" s="1045"/>
      <c r="BZ29" s="1040"/>
      <c r="CA29" s="1041"/>
      <c r="CB29" s="212"/>
      <c r="CC29" s="213" t="s">
        <v>331</v>
      </c>
      <c r="CD29" s="214"/>
      <c r="CE29" s="213" t="s">
        <v>342</v>
      </c>
      <c r="CF29" s="214"/>
      <c r="CG29" s="215" t="s">
        <v>333</v>
      </c>
    </row>
    <row r="30" spans="1:85" ht="9" customHeight="1" x14ac:dyDescent="0.2">
      <c r="A30" s="191"/>
      <c r="B30" s="232"/>
      <c r="C30" s="1102"/>
      <c r="D30" s="1103"/>
      <c r="E30" s="1103"/>
      <c r="F30" s="1103"/>
      <c r="G30" s="1104"/>
      <c r="H30" s="1062"/>
      <c r="I30" s="1063"/>
      <c r="J30" s="1064"/>
      <c r="K30" s="1062"/>
      <c r="L30" s="1063"/>
      <c r="M30" s="1064"/>
      <c r="N30" s="1046"/>
      <c r="O30" s="1043"/>
      <c r="P30" s="233"/>
      <c r="Q30" s="234"/>
      <c r="R30" s="234"/>
      <c r="S30" s="234"/>
      <c r="T30" s="234"/>
      <c r="U30" s="1049"/>
      <c r="V30" s="235"/>
      <c r="W30" s="236"/>
      <c r="X30" s="236"/>
      <c r="Y30" s="236"/>
      <c r="Z30" s="236"/>
      <c r="AA30" s="237"/>
      <c r="AB30" s="1062"/>
      <c r="AC30" s="1063"/>
      <c r="AD30" s="1063"/>
      <c r="AE30" s="1063"/>
      <c r="AF30" s="1063"/>
      <c r="AG30" s="1064"/>
      <c r="AH30" s="1097"/>
      <c r="AI30" s="238"/>
      <c r="AJ30" s="238"/>
      <c r="AK30" s="238"/>
      <c r="AL30" s="1098"/>
      <c r="AM30" s="239"/>
      <c r="AN30" s="238"/>
      <c r="AO30" s="240"/>
      <c r="AP30" s="240"/>
      <c r="AQ30" s="238"/>
      <c r="AR30" s="241"/>
      <c r="AS30" s="232"/>
      <c r="AT30" s="1062"/>
      <c r="AU30" s="1063"/>
      <c r="AV30" s="1063"/>
      <c r="AW30" s="1063"/>
      <c r="AX30" s="1063"/>
      <c r="AY30" s="1064"/>
      <c r="AZ30" s="1083"/>
      <c r="BA30" s="1084"/>
      <c r="BB30" s="1084"/>
      <c r="BC30" s="1085"/>
      <c r="BD30" s="1088"/>
      <c r="BE30" s="1084"/>
      <c r="BF30" s="1084"/>
      <c r="BG30" s="1089"/>
      <c r="BH30" s="1047"/>
      <c r="BI30" s="1048"/>
      <c r="BJ30" s="1048"/>
      <c r="BK30" s="1048"/>
      <c r="BL30" s="1048"/>
      <c r="BM30" s="1048"/>
      <c r="BN30" s="1048"/>
      <c r="BO30" s="1048"/>
      <c r="BP30" s="1047"/>
      <c r="BQ30" s="1048"/>
      <c r="BR30" s="1049"/>
      <c r="BS30" s="1042"/>
      <c r="BT30" s="1042"/>
      <c r="BU30" s="1043"/>
      <c r="BV30" s="1046"/>
      <c r="BW30" s="1042"/>
      <c r="BX30" s="1043"/>
      <c r="BY30" s="1046"/>
      <c r="BZ30" s="1042"/>
      <c r="CA30" s="1043"/>
      <c r="CB30" s="239"/>
      <c r="CC30" s="242"/>
      <c r="CD30" s="238"/>
      <c r="CE30" s="242"/>
      <c r="CF30" s="238"/>
      <c r="CG30" s="243"/>
    </row>
    <row r="31" spans="1:85" ht="9" customHeight="1" x14ac:dyDescent="0.2">
      <c r="A31" s="191"/>
      <c r="B31" s="206"/>
      <c r="C31" s="1050"/>
      <c r="D31" s="1051"/>
      <c r="E31" s="1051"/>
      <c r="F31" s="1051"/>
      <c r="G31" s="1052"/>
      <c r="H31" s="1056"/>
      <c r="I31" s="1057"/>
      <c r="J31" s="1058"/>
      <c r="K31" s="1056"/>
      <c r="L31" s="1057"/>
      <c r="M31" s="1058"/>
      <c r="N31" s="1044"/>
      <c r="O31" s="1039"/>
      <c r="P31" s="207"/>
      <c r="Q31" s="208"/>
      <c r="R31" s="209"/>
      <c r="S31" s="208"/>
      <c r="T31" s="209"/>
      <c r="U31" s="210"/>
      <c r="V31" s="207"/>
      <c r="W31" s="208"/>
      <c r="X31" s="209"/>
      <c r="Y31" s="208"/>
      <c r="Z31" s="209"/>
      <c r="AA31" s="210"/>
      <c r="AB31" s="1056"/>
      <c r="AC31" s="1057"/>
      <c r="AD31" s="1057"/>
      <c r="AE31" s="1057"/>
      <c r="AF31" s="1057"/>
      <c r="AG31" s="1058"/>
      <c r="AH31" s="1068" t="s">
        <v>294</v>
      </c>
      <c r="AI31" s="209"/>
      <c r="AJ31" s="209"/>
      <c r="AK31" s="209"/>
      <c r="AL31" s="1071" t="s">
        <v>339</v>
      </c>
      <c r="AM31" s="207"/>
      <c r="AN31" s="208"/>
      <c r="AO31" s="209"/>
      <c r="AP31" s="208"/>
      <c r="AQ31" s="209"/>
      <c r="AR31" s="210"/>
      <c r="AS31" s="206"/>
      <c r="AT31" s="207"/>
      <c r="AU31" s="208"/>
      <c r="AV31" s="209"/>
      <c r="AW31" s="208"/>
      <c r="AX31" s="209"/>
      <c r="AY31" s="210"/>
      <c r="AZ31" s="1074"/>
      <c r="BA31" s="1075"/>
      <c r="BB31" s="1075"/>
      <c r="BC31" s="1076"/>
      <c r="BD31" s="1023"/>
      <c r="BE31" s="1024"/>
      <c r="BF31" s="1024"/>
      <c r="BG31" s="1025"/>
      <c r="BH31" s="1029"/>
      <c r="BI31" s="1030"/>
      <c r="BJ31" s="1030"/>
      <c r="BK31" s="1030"/>
      <c r="BL31" s="1030"/>
      <c r="BM31" s="1030"/>
      <c r="BN31" s="1030"/>
      <c r="BO31" s="1030"/>
      <c r="BP31" s="1029"/>
      <c r="BQ31" s="1030"/>
      <c r="BR31" s="1035"/>
      <c r="BS31" s="1038"/>
      <c r="BT31" s="1038"/>
      <c r="BU31" s="1039"/>
      <c r="BV31" s="1044"/>
      <c r="BW31" s="1038"/>
      <c r="BX31" s="1039"/>
      <c r="BY31" s="1044"/>
      <c r="BZ31" s="1038"/>
      <c r="CA31" s="1039"/>
      <c r="CB31" s="207"/>
      <c r="CC31" s="208"/>
      <c r="CD31" s="209"/>
      <c r="CE31" s="208"/>
      <c r="CF31" s="209"/>
      <c r="CG31" s="210"/>
    </row>
    <row r="32" spans="1:85" ht="9" customHeight="1" x14ac:dyDescent="0.2">
      <c r="A32" s="191"/>
      <c r="B32" s="211"/>
      <c r="C32" s="1053"/>
      <c r="D32" s="1054"/>
      <c r="E32" s="1054"/>
      <c r="F32" s="1054"/>
      <c r="G32" s="1055"/>
      <c r="H32" s="1059"/>
      <c r="I32" s="1060"/>
      <c r="J32" s="1061"/>
      <c r="K32" s="1059"/>
      <c r="L32" s="1060"/>
      <c r="M32" s="1061"/>
      <c r="N32" s="1045"/>
      <c r="O32" s="1041"/>
      <c r="P32" s="212"/>
      <c r="Q32" s="213" t="s">
        <v>331</v>
      </c>
      <c r="R32" s="214"/>
      <c r="S32" s="213" t="s">
        <v>332</v>
      </c>
      <c r="T32" s="214"/>
      <c r="U32" s="215" t="s">
        <v>333</v>
      </c>
      <c r="V32" s="212"/>
      <c r="W32" s="213" t="s">
        <v>331</v>
      </c>
      <c r="X32" s="214"/>
      <c r="Y32" s="213" t="s">
        <v>332</v>
      </c>
      <c r="Z32" s="214"/>
      <c r="AA32" s="215" t="s">
        <v>333</v>
      </c>
      <c r="AB32" s="1059"/>
      <c r="AC32" s="1060"/>
      <c r="AD32" s="1060"/>
      <c r="AE32" s="1060"/>
      <c r="AF32" s="1060"/>
      <c r="AG32" s="1061"/>
      <c r="AH32" s="1069"/>
      <c r="AI32" s="216"/>
      <c r="AJ32" s="216"/>
      <c r="AK32" s="214"/>
      <c r="AL32" s="1072"/>
      <c r="AM32" s="212"/>
      <c r="AN32" s="213" t="s">
        <v>331</v>
      </c>
      <c r="AO32" s="214"/>
      <c r="AP32" s="213" t="s">
        <v>332</v>
      </c>
      <c r="AQ32" s="214"/>
      <c r="AR32" s="215" t="s">
        <v>340</v>
      </c>
      <c r="AS32" s="211"/>
      <c r="AT32" s="212"/>
      <c r="AU32" s="213" t="s">
        <v>331</v>
      </c>
      <c r="AV32" s="214"/>
      <c r="AW32" s="213" t="s">
        <v>332</v>
      </c>
      <c r="AX32" s="214"/>
      <c r="AY32" s="215" t="s">
        <v>333</v>
      </c>
      <c r="AZ32" s="1077"/>
      <c r="BA32" s="1078"/>
      <c r="BB32" s="1078"/>
      <c r="BC32" s="1079"/>
      <c r="BD32" s="1026"/>
      <c r="BE32" s="1027"/>
      <c r="BF32" s="1027"/>
      <c r="BG32" s="1028"/>
      <c r="BH32" s="1031"/>
      <c r="BI32" s="1032"/>
      <c r="BJ32" s="1032"/>
      <c r="BK32" s="1032"/>
      <c r="BL32" s="1032"/>
      <c r="BM32" s="1032"/>
      <c r="BN32" s="1032"/>
      <c r="BO32" s="1032"/>
      <c r="BP32" s="1031"/>
      <c r="BQ32" s="1032"/>
      <c r="BR32" s="1036"/>
      <c r="BS32" s="1040"/>
      <c r="BT32" s="1040"/>
      <c r="BU32" s="1041"/>
      <c r="BV32" s="1045"/>
      <c r="BW32" s="1040"/>
      <c r="BX32" s="1041"/>
      <c r="BY32" s="1045"/>
      <c r="BZ32" s="1040"/>
      <c r="CA32" s="1041"/>
      <c r="CB32" s="212"/>
      <c r="CC32" s="213" t="s">
        <v>331</v>
      </c>
      <c r="CD32" s="214"/>
      <c r="CE32" s="213" t="s">
        <v>332</v>
      </c>
      <c r="CF32" s="214"/>
      <c r="CG32" s="215" t="s">
        <v>333</v>
      </c>
    </row>
    <row r="33" spans="1:85" ht="9" customHeight="1" x14ac:dyDescent="0.2">
      <c r="A33" s="191"/>
      <c r="B33" s="217"/>
      <c r="C33" s="1090"/>
      <c r="D33" s="1091"/>
      <c r="E33" s="1091"/>
      <c r="F33" s="1091"/>
      <c r="G33" s="1092"/>
      <c r="H33" s="1059"/>
      <c r="I33" s="1060"/>
      <c r="J33" s="1061"/>
      <c r="K33" s="1059"/>
      <c r="L33" s="1060"/>
      <c r="M33" s="1061"/>
      <c r="N33" s="1045"/>
      <c r="O33" s="1041"/>
      <c r="P33" s="218"/>
      <c r="Q33" s="219"/>
      <c r="R33" s="220"/>
      <c r="S33" s="219"/>
      <c r="T33" s="220"/>
      <c r="U33" s="221"/>
      <c r="V33" s="218"/>
      <c r="W33" s="219"/>
      <c r="X33" s="220"/>
      <c r="Y33" s="219"/>
      <c r="Z33" s="220"/>
      <c r="AA33" s="221"/>
      <c r="AB33" s="1065"/>
      <c r="AC33" s="1066"/>
      <c r="AD33" s="1066"/>
      <c r="AE33" s="1066"/>
      <c r="AF33" s="1066"/>
      <c r="AG33" s="1067"/>
      <c r="AH33" s="1070"/>
      <c r="AI33" s="220"/>
      <c r="AJ33" s="220"/>
      <c r="AK33" s="220"/>
      <c r="AL33" s="1073"/>
      <c r="AM33" s="218"/>
      <c r="AN33" s="219"/>
      <c r="AO33" s="220"/>
      <c r="AP33" s="219"/>
      <c r="AQ33" s="220"/>
      <c r="AR33" s="221"/>
      <c r="AS33" s="217"/>
      <c r="AT33" s="218"/>
      <c r="AU33" s="219"/>
      <c r="AV33" s="220"/>
      <c r="AW33" s="219"/>
      <c r="AX33" s="220"/>
      <c r="AY33" s="221"/>
      <c r="AZ33" s="1093"/>
      <c r="BA33" s="1094"/>
      <c r="BB33" s="1094"/>
      <c r="BC33" s="1095"/>
      <c r="BD33" s="1023"/>
      <c r="BE33" s="1024"/>
      <c r="BF33" s="1024"/>
      <c r="BG33" s="1025"/>
      <c r="BH33" s="1033"/>
      <c r="BI33" s="1034"/>
      <c r="BJ33" s="1034"/>
      <c r="BK33" s="1034"/>
      <c r="BL33" s="1034"/>
      <c r="BM33" s="1034"/>
      <c r="BN33" s="1034"/>
      <c r="BO33" s="1034"/>
      <c r="BP33" s="1033"/>
      <c r="BQ33" s="1034"/>
      <c r="BR33" s="1037"/>
      <c r="BS33" s="1040"/>
      <c r="BT33" s="1040"/>
      <c r="BU33" s="1041"/>
      <c r="BV33" s="1045"/>
      <c r="BW33" s="1040"/>
      <c r="BX33" s="1041"/>
      <c r="BY33" s="1045"/>
      <c r="BZ33" s="1040"/>
      <c r="CA33" s="1041"/>
      <c r="CB33" s="218"/>
      <c r="CC33" s="219"/>
      <c r="CD33" s="220"/>
      <c r="CE33" s="219"/>
      <c r="CF33" s="220"/>
      <c r="CG33" s="221"/>
    </row>
    <row r="34" spans="1:85" ht="9" customHeight="1" x14ac:dyDescent="0.2">
      <c r="A34" s="191"/>
      <c r="B34" s="211"/>
      <c r="C34" s="1053"/>
      <c r="D34" s="1054"/>
      <c r="E34" s="1054"/>
      <c r="F34" s="1054"/>
      <c r="G34" s="1055"/>
      <c r="H34" s="1059"/>
      <c r="I34" s="1060"/>
      <c r="J34" s="1061"/>
      <c r="K34" s="1059"/>
      <c r="L34" s="1060"/>
      <c r="M34" s="1061"/>
      <c r="N34" s="1045"/>
      <c r="O34" s="1041"/>
      <c r="P34" s="222"/>
      <c r="Q34" s="223"/>
      <c r="R34" s="223"/>
      <c r="S34" s="223"/>
      <c r="T34" s="223"/>
      <c r="U34" s="1096" t="s">
        <v>331</v>
      </c>
      <c r="V34" s="224"/>
      <c r="W34" s="225"/>
      <c r="X34" s="225"/>
      <c r="Y34" s="225"/>
      <c r="Z34" s="225"/>
      <c r="AA34" s="226"/>
      <c r="AB34" s="1059"/>
      <c r="AC34" s="1060"/>
      <c r="AD34" s="1060"/>
      <c r="AE34" s="1060"/>
      <c r="AF34" s="1060"/>
      <c r="AG34" s="1061"/>
      <c r="AH34" s="1069" t="s">
        <v>335</v>
      </c>
      <c r="AI34" s="214"/>
      <c r="AJ34" s="214"/>
      <c r="AK34" s="214"/>
      <c r="AL34" s="1072" t="s">
        <v>330</v>
      </c>
      <c r="AM34" s="212"/>
      <c r="AN34" s="214"/>
      <c r="AO34" s="227"/>
      <c r="AP34" s="227"/>
      <c r="AQ34" s="214"/>
      <c r="AR34" s="228"/>
      <c r="AS34" s="211"/>
      <c r="AT34" s="1059"/>
      <c r="AU34" s="1060"/>
      <c r="AV34" s="1060"/>
      <c r="AW34" s="1060"/>
      <c r="AX34" s="1060"/>
      <c r="AY34" s="1061"/>
      <c r="AZ34" s="1077"/>
      <c r="BA34" s="1078"/>
      <c r="BB34" s="1078"/>
      <c r="BC34" s="1079"/>
      <c r="BD34" s="1026"/>
      <c r="BE34" s="1027"/>
      <c r="BF34" s="1027"/>
      <c r="BG34" s="1028"/>
      <c r="BH34" s="1031"/>
      <c r="BI34" s="1032"/>
      <c r="BJ34" s="1032"/>
      <c r="BK34" s="1032"/>
      <c r="BL34" s="1032"/>
      <c r="BM34" s="1032"/>
      <c r="BN34" s="1032"/>
      <c r="BO34" s="1032"/>
      <c r="BP34" s="1031"/>
      <c r="BQ34" s="1032"/>
      <c r="BR34" s="1036"/>
      <c r="BS34" s="1040"/>
      <c r="BT34" s="1040"/>
      <c r="BU34" s="1041"/>
      <c r="BV34" s="1045"/>
      <c r="BW34" s="1040"/>
      <c r="BX34" s="1041"/>
      <c r="BY34" s="1045"/>
      <c r="BZ34" s="1040"/>
      <c r="CA34" s="1041"/>
      <c r="CB34" s="212"/>
      <c r="CC34" s="213"/>
      <c r="CD34" s="214"/>
      <c r="CE34" s="213"/>
      <c r="CF34" s="214"/>
      <c r="CG34" s="215"/>
    </row>
    <row r="35" spans="1:85" ht="9" customHeight="1" x14ac:dyDescent="0.2">
      <c r="A35" s="191"/>
      <c r="B35" s="211"/>
      <c r="C35" s="1099"/>
      <c r="D35" s="1100"/>
      <c r="E35" s="1100"/>
      <c r="F35" s="1100"/>
      <c r="G35" s="1101"/>
      <c r="H35" s="1059"/>
      <c r="I35" s="1060"/>
      <c r="J35" s="1061"/>
      <c r="K35" s="1059"/>
      <c r="L35" s="1060"/>
      <c r="M35" s="1061"/>
      <c r="N35" s="1045"/>
      <c r="O35" s="1041"/>
      <c r="P35" s="229"/>
      <c r="Q35" s="230"/>
      <c r="R35" s="230"/>
      <c r="S35" s="230"/>
      <c r="T35" s="230"/>
      <c r="U35" s="1036"/>
      <c r="V35" s="224"/>
      <c r="W35" s="225"/>
      <c r="X35" s="225"/>
      <c r="Y35" s="231"/>
      <c r="Z35" s="231"/>
      <c r="AA35" s="226"/>
      <c r="AB35" s="1059"/>
      <c r="AC35" s="1060"/>
      <c r="AD35" s="1060"/>
      <c r="AE35" s="1060"/>
      <c r="AF35" s="1060"/>
      <c r="AG35" s="1061"/>
      <c r="AH35" s="1069"/>
      <c r="AI35" s="216"/>
      <c r="AJ35" s="214"/>
      <c r="AK35" s="214"/>
      <c r="AL35" s="1072"/>
      <c r="AM35" s="212"/>
      <c r="AN35" s="216"/>
      <c r="AO35" s="1105" t="s">
        <v>337</v>
      </c>
      <c r="AP35" s="1105"/>
      <c r="AQ35" s="216"/>
      <c r="AR35" s="228"/>
      <c r="AS35" s="211"/>
      <c r="AT35" s="1059"/>
      <c r="AU35" s="1060"/>
      <c r="AV35" s="1060"/>
      <c r="AW35" s="1060"/>
      <c r="AX35" s="1060"/>
      <c r="AY35" s="1061"/>
      <c r="AZ35" s="1080"/>
      <c r="BA35" s="1081"/>
      <c r="BB35" s="1081"/>
      <c r="BC35" s="1082"/>
      <c r="BD35" s="1086"/>
      <c r="BE35" s="1081"/>
      <c r="BF35" s="1081"/>
      <c r="BG35" s="1087"/>
      <c r="BH35" s="1031"/>
      <c r="BI35" s="1032"/>
      <c r="BJ35" s="1032"/>
      <c r="BK35" s="1032"/>
      <c r="BL35" s="1032"/>
      <c r="BM35" s="1032"/>
      <c r="BN35" s="1032"/>
      <c r="BO35" s="1032"/>
      <c r="BP35" s="1031"/>
      <c r="BQ35" s="1032"/>
      <c r="BR35" s="1036"/>
      <c r="BS35" s="1040"/>
      <c r="BT35" s="1040"/>
      <c r="BU35" s="1041"/>
      <c r="BV35" s="1045"/>
      <c r="BW35" s="1040"/>
      <c r="BX35" s="1041"/>
      <c r="BY35" s="1045"/>
      <c r="BZ35" s="1040"/>
      <c r="CA35" s="1041"/>
      <c r="CB35" s="212"/>
      <c r="CC35" s="213" t="s">
        <v>338</v>
      </c>
      <c r="CD35" s="214"/>
      <c r="CE35" s="213" t="s">
        <v>332</v>
      </c>
      <c r="CF35" s="214"/>
      <c r="CG35" s="215" t="s">
        <v>341</v>
      </c>
    </row>
    <row r="36" spans="1:85" ht="9" customHeight="1" x14ac:dyDescent="0.2">
      <c r="A36" s="191"/>
      <c r="B36" s="232"/>
      <c r="C36" s="1102"/>
      <c r="D36" s="1103"/>
      <c r="E36" s="1103"/>
      <c r="F36" s="1103"/>
      <c r="G36" s="1104"/>
      <c r="H36" s="1062"/>
      <c r="I36" s="1063"/>
      <c r="J36" s="1064"/>
      <c r="K36" s="1062"/>
      <c r="L36" s="1063"/>
      <c r="M36" s="1064"/>
      <c r="N36" s="1046"/>
      <c r="O36" s="1043"/>
      <c r="P36" s="233"/>
      <c r="Q36" s="234"/>
      <c r="R36" s="234"/>
      <c r="S36" s="234"/>
      <c r="T36" s="234"/>
      <c r="U36" s="1049"/>
      <c r="V36" s="235"/>
      <c r="W36" s="236"/>
      <c r="X36" s="236"/>
      <c r="Y36" s="236"/>
      <c r="Z36" s="236"/>
      <c r="AA36" s="237"/>
      <c r="AB36" s="1062"/>
      <c r="AC36" s="1063"/>
      <c r="AD36" s="1063"/>
      <c r="AE36" s="1063"/>
      <c r="AF36" s="1063"/>
      <c r="AG36" s="1064"/>
      <c r="AH36" s="1097"/>
      <c r="AI36" s="238"/>
      <c r="AJ36" s="238"/>
      <c r="AK36" s="238"/>
      <c r="AL36" s="1098"/>
      <c r="AM36" s="239"/>
      <c r="AN36" s="238"/>
      <c r="AO36" s="240"/>
      <c r="AP36" s="240"/>
      <c r="AQ36" s="238"/>
      <c r="AR36" s="241"/>
      <c r="AS36" s="232"/>
      <c r="AT36" s="1062"/>
      <c r="AU36" s="1063"/>
      <c r="AV36" s="1063"/>
      <c r="AW36" s="1063"/>
      <c r="AX36" s="1063"/>
      <c r="AY36" s="1064"/>
      <c r="AZ36" s="1083"/>
      <c r="BA36" s="1084"/>
      <c r="BB36" s="1084"/>
      <c r="BC36" s="1085"/>
      <c r="BD36" s="1088"/>
      <c r="BE36" s="1084"/>
      <c r="BF36" s="1084"/>
      <c r="BG36" s="1089"/>
      <c r="BH36" s="1047"/>
      <c r="BI36" s="1048"/>
      <c r="BJ36" s="1048"/>
      <c r="BK36" s="1048"/>
      <c r="BL36" s="1048"/>
      <c r="BM36" s="1048"/>
      <c r="BN36" s="1048"/>
      <c r="BO36" s="1048"/>
      <c r="BP36" s="1047"/>
      <c r="BQ36" s="1048"/>
      <c r="BR36" s="1049"/>
      <c r="BS36" s="1042"/>
      <c r="BT36" s="1042"/>
      <c r="BU36" s="1043"/>
      <c r="BV36" s="1046"/>
      <c r="BW36" s="1042"/>
      <c r="BX36" s="1043"/>
      <c r="BY36" s="1046"/>
      <c r="BZ36" s="1042"/>
      <c r="CA36" s="1043"/>
      <c r="CB36" s="239"/>
      <c r="CC36" s="242"/>
      <c r="CD36" s="238"/>
      <c r="CE36" s="242"/>
      <c r="CF36" s="238"/>
      <c r="CG36" s="243"/>
    </row>
    <row r="37" spans="1:85" ht="9" customHeight="1" x14ac:dyDescent="0.2">
      <c r="A37" s="191"/>
      <c r="B37" s="206"/>
      <c r="C37" s="1050"/>
      <c r="D37" s="1051"/>
      <c r="E37" s="1051"/>
      <c r="F37" s="1051"/>
      <c r="G37" s="1052"/>
      <c r="H37" s="1056"/>
      <c r="I37" s="1057"/>
      <c r="J37" s="1058"/>
      <c r="K37" s="1056"/>
      <c r="L37" s="1057"/>
      <c r="M37" s="1058"/>
      <c r="N37" s="1044"/>
      <c r="O37" s="1039"/>
      <c r="P37" s="207"/>
      <c r="Q37" s="208"/>
      <c r="R37" s="209"/>
      <c r="S37" s="208"/>
      <c r="T37" s="209"/>
      <c r="U37" s="210"/>
      <c r="V37" s="207"/>
      <c r="W37" s="208"/>
      <c r="X37" s="209"/>
      <c r="Y37" s="208"/>
      <c r="Z37" s="209"/>
      <c r="AA37" s="210"/>
      <c r="AB37" s="1056"/>
      <c r="AC37" s="1057"/>
      <c r="AD37" s="1057"/>
      <c r="AE37" s="1057"/>
      <c r="AF37" s="1057"/>
      <c r="AG37" s="1058"/>
      <c r="AH37" s="1068" t="s">
        <v>335</v>
      </c>
      <c r="AI37" s="209"/>
      <c r="AJ37" s="209"/>
      <c r="AK37" s="209"/>
      <c r="AL37" s="1071" t="s">
        <v>336</v>
      </c>
      <c r="AM37" s="207"/>
      <c r="AN37" s="208"/>
      <c r="AO37" s="209"/>
      <c r="AP37" s="208"/>
      <c r="AQ37" s="209"/>
      <c r="AR37" s="210"/>
      <c r="AS37" s="206"/>
      <c r="AT37" s="207"/>
      <c r="AU37" s="208"/>
      <c r="AV37" s="209"/>
      <c r="AW37" s="208"/>
      <c r="AX37" s="209"/>
      <c r="AY37" s="210"/>
      <c r="AZ37" s="1074"/>
      <c r="BA37" s="1075"/>
      <c r="BB37" s="1075"/>
      <c r="BC37" s="1076"/>
      <c r="BD37" s="1023"/>
      <c r="BE37" s="1024"/>
      <c r="BF37" s="1024"/>
      <c r="BG37" s="1025"/>
      <c r="BH37" s="1029"/>
      <c r="BI37" s="1030"/>
      <c r="BJ37" s="1030"/>
      <c r="BK37" s="1030"/>
      <c r="BL37" s="1030"/>
      <c r="BM37" s="1030"/>
      <c r="BN37" s="1030"/>
      <c r="BO37" s="1030"/>
      <c r="BP37" s="1029"/>
      <c r="BQ37" s="1030"/>
      <c r="BR37" s="1035"/>
      <c r="BS37" s="1038"/>
      <c r="BT37" s="1038"/>
      <c r="BU37" s="1039"/>
      <c r="BV37" s="1044"/>
      <c r="BW37" s="1038"/>
      <c r="BX37" s="1039"/>
      <c r="BY37" s="1044"/>
      <c r="BZ37" s="1038"/>
      <c r="CA37" s="1039"/>
      <c r="CB37" s="207"/>
      <c r="CC37" s="208"/>
      <c r="CD37" s="209"/>
      <c r="CE37" s="208"/>
      <c r="CF37" s="209"/>
      <c r="CG37" s="210"/>
    </row>
    <row r="38" spans="1:85" ht="9" customHeight="1" x14ac:dyDescent="0.2">
      <c r="A38" s="191"/>
      <c r="B38" s="211"/>
      <c r="C38" s="1053"/>
      <c r="D38" s="1054"/>
      <c r="E38" s="1054"/>
      <c r="F38" s="1054"/>
      <c r="G38" s="1055"/>
      <c r="H38" s="1059"/>
      <c r="I38" s="1060"/>
      <c r="J38" s="1061"/>
      <c r="K38" s="1059"/>
      <c r="L38" s="1060"/>
      <c r="M38" s="1061"/>
      <c r="N38" s="1045"/>
      <c r="O38" s="1041"/>
      <c r="P38" s="212"/>
      <c r="Q38" s="213" t="s">
        <v>331</v>
      </c>
      <c r="R38" s="214"/>
      <c r="S38" s="213" t="s">
        <v>332</v>
      </c>
      <c r="T38" s="214"/>
      <c r="U38" s="215" t="s">
        <v>333</v>
      </c>
      <c r="V38" s="212"/>
      <c r="W38" s="213" t="s">
        <v>331</v>
      </c>
      <c r="X38" s="214"/>
      <c r="Y38" s="213" t="s">
        <v>290</v>
      </c>
      <c r="Z38" s="214"/>
      <c r="AA38" s="215" t="s">
        <v>341</v>
      </c>
      <c r="AB38" s="1059"/>
      <c r="AC38" s="1060"/>
      <c r="AD38" s="1060"/>
      <c r="AE38" s="1060"/>
      <c r="AF38" s="1060"/>
      <c r="AG38" s="1061"/>
      <c r="AH38" s="1069"/>
      <c r="AI38" s="216"/>
      <c r="AJ38" s="216"/>
      <c r="AK38" s="214"/>
      <c r="AL38" s="1072"/>
      <c r="AM38" s="212"/>
      <c r="AN38" s="213" t="s">
        <v>331</v>
      </c>
      <c r="AO38" s="214"/>
      <c r="AP38" s="213" t="s">
        <v>332</v>
      </c>
      <c r="AQ38" s="214"/>
      <c r="AR38" s="215" t="s">
        <v>341</v>
      </c>
      <c r="AS38" s="211"/>
      <c r="AT38" s="212"/>
      <c r="AU38" s="213" t="s">
        <v>331</v>
      </c>
      <c r="AV38" s="214"/>
      <c r="AW38" s="213" t="s">
        <v>290</v>
      </c>
      <c r="AX38" s="214"/>
      <c r="AY38" s="215" t="s">
        <v>333</v>
      </c>
      <c r="AZ38" s="1077"/>
      <c r="BA38" s="1078"/>
      <c r="BB38" s="1078"/>
      <c r="BC38" s="1079"/>
      <c r="BD38" s="1026"/>
      <c r="BE38" s="1027"/>
      <c r="BF38" s="1027"/>
      <c r="BG38" s="1028"/>
      <c r="BH38" s="1031"/>
      <c r="BI38" s="1032"/>
      <c r="BJ38" s="1032"/>
      <c r="BK38" s="1032"/>
      <c r="BL38" s="1032"/>
      <c r="BM38" s="1032"/>
      <c r="BN38" s="1032"/>
      <c r="BO38" s="1032"/>
      <c r="BP38" s="1031"/>
      <c r="BQ38" s="1032"/>
      <c r="BR38" s="1036"/>
      <c r="BS38" s="1040"/>
      <c r="BT38" s="1040"/>
      <c r="BU38" s="1041"/>
      <c r="BV38" s="1045"/>
      <c r="BW38" s="1040"/>
      <c r="BX38" s="1041"/>
      <c r="BY38" s="1045"/>
      <c r="BZ38" s="1040"/>
      <c r="CA38" s="1041"/>
      <c r="CB38" s="212"/>
      <c r="CC38" s="213" t="s">
        <v>331</v>
      </c>
      <c r="CD38" s="214"/>
      <c r="CE38" s="213" t="s">
        <v>332</v>
      </c>
      <c r="CF38" s="214"/>
      <c r="CG38" s="215" t="s">
        <v>341</v>
      </c>
    </row>
    <row r="39" spans="1:85" ht="9" customHeight="1" x14ac:dyDescent="0.2">
      <c r="A39" s="191"/>
      <c r="B39" s="217"/>
      <c r="C39" s="1090"/>
      <c r="D39" s="1091"/>
      <c r="E39" s="1091"/>
      <c r="F39" s="1091"/>
      <c r="G39" s="1092"/>
      <c r="H39" s="1059"/>
      <c r="I39" s="1060"/>
      <c r="J39" s="1061"/>
      <c r="K39" s="1059"/>
      <c r="L39" s="1060"/>
      <c r="M39" s="1061"/>
      <c r="N39" s="1045"/>
      <c r="O39" s="1041"/>
      <c r="P39" s="218"/>
      <c r="Q39" s="219"/>
      <c r="R39" s="220"/>
      <c r="S39" s="219"/>
      <c r="T39" s="220"/>
      <c r="U39" s="221"/>
      <c r="V39" s="218"/>
      <c r="W39" s="219"/>
      <c r="X39" s="220"/>
      <c r="Y39" s="219"/>
      <c r="Z39" s="220"/>
      <c r="AA39" s="221"/>
      <c r="AB39" s="1065"/>
      <c r="AC39" s="1066"/>
      <c r="AD39" s="1066"/>
      <c r="AE39" s="1066"/>
      <c r="AF39" s="1066"/>
      <c r="AG39" s="1067"/>
      <c r="AH39" s="1070"/>
      <c r="AI39" s="220"/>
      <c r="AJ39" s="220"/>
      <c r="AK39" s="220"/>
      <c r="AL39" s="1073"/>
      <c r="AM39" s="218"/>
      <c r="AN39" s="219"/>
      <c r="AO39" s="220"/>
      <c r="AP39" s="219"/>
      <c r="AQ39" s="220"/>
      <c r="AR39" s="221"/>
      <c r="AS39" s="217"/>
      <c r="AT39" s="218"/>
      <c r="AU39" s="219"/>
      <c r="AV39" s="220"/>
      <c r="AW39" s="219"/>
      <c r="AX39" s="220"/>
      <c r="AY39" s="221"/>
      <c r="AZ39" s="1093"/>
      <c r="BA39" s="1094"/>
      <c r="BB39" s="1094"/>
      <c r="BC39" s="1095"/>
      <c r="BD39" s="1023"/>
      <c r="BE39" s="1024"/>
      <c r="BF39" s="1024"/>
      <c r="BG39" s="1025"/>
      <c r="BH39" s="1033"/>
      <c r="BI39" s="1034"/>
      <c r="BJ39" s="1034"/>
      <c r="BK39" s="1034"/>
      <c r="BL39" s="1034"/>
      <c r="BM39" s="1034"/>
      <c r="BN39" s="1034"/>
      <c r="BO39" s="1034"/>
      <c r="BP39" s="1033"/>
      <c r="BQ39" s="1034"/>
      <c r="BR39" s="1037"/>
      <c r="BS39" s="1040"/>
      <c r="BT39" s="1040"/>
      <c r="BU39" s="1041"/>
      <c r="BV39" s="1045"/>
      <c r="BW39" s="1040"/>
      <c r="BX39" s="1041"/>
      <c r="BY39" s="1045"/>
      <c r="BZ39" s="1040"/>
      <c r="CA39" s="1041"/>
      <c r="CB39" s="218"/>
      <c r="CC39" s="219"/>
      <c r="CD39" s="220"/>
      <c r="CE39" s="219"/>
      <c r="CF39" s="220"/>
      <c r="CG39" s="221"/>
    </row>
    <row r="40" spans="1:85" ht="9" customHeight="1" x14ac:dyDescent="0.2">
      <c r="A40" s="191"/>
      <c r="B40" s="211"/>
      <c r="C40" s="1053"/>
      <c r="D40" s="1054"/>
      <c r="E40" s="1054"/>
      <c r="F40" s="1054"/>
      <c r="G40" s="1055"/>
      <c r="H40" s="1059"/>
      <c r="I40" s="1060"/>
      <c r="J40" s="1061"/>
      <c r="K40" s="1059"/>
      <c r="L40" s="1060"/>
      <c r="M40" s="1061"/>
      <c r="N40" s="1045"/>
      <c r="O40" s="1041"/>
      <c r="P40" s="222"/>
      <c r="Q40" s="223"/>
      <c r="R40" s="223"/>
      <c r="S40" s="223"/>
      <c r="T40" s="223"/>
      <c r="U40" s="1096" t="s">
        <v>343</v>
      </c>
      <c r="V40" s="224"/>
      <c r="W40" s="225"/>
      <c r="X40" s="225"/>
      <c r="Y40" s="225"/>
      <c r="Z40" s="225"/>
      <c r="AA40" s="226"/>
      <c r="AB40" s="1059"/>
      <c r="AC40" s="1060"/>
      <c r="AD40" s="1060"/>
      <c r="AE40" s="1060"/>
      <c r="AF40" s="1060"/>
      <c r="AG40" s="1061"/>
      <c r="AH40" s="1069" t="s">
        <v>335</v>
      </c>
      <c r="AI40" s="214"/>
      <c r="AJ40" s="214"/>
      <c r="AK40" s="214"/>
      <c r="AL40" s="1072" t="s">
        <v>339</v>
      </c>
      <c r="AM40" s="212"/>
      <c r="AN40" s="214"/>
      <c r="AO40" s="227"/>
      <c r="AP40" s="227"/>
      <c r="AQ40" s="214"/>
      <c r="AR40" s="228"/>
      <c r="AS40" s="211"/>
      <c r="AT40" s="1059"/>
      <c r="AU40" s="1060"/>
      <c r="AV40" s="1060"/>
      <c r="AW40" s="1060"/>
      <c r="AX40" s="1060"/>
      <c r="AY40" s="1061"/>
      <c r="AZ40" s="1077"/>
      <c r="BA40" s="1078"/>
      <c r="BB40" s="1078"/>
      <c r="BC40" s="1079"/>
      <c r="BD40" s="1026"/>
      <c r="BE40" s="1027"/>
      <c r="BF40" s="1027"/>
      <c r="BG40" s="1028"/>
      <c r="BH40" s="1031"/>
      <c r="BI40" s="1032"/>
      <c r="BJ40" s="1032"/>
      <c r="BK40" s="1032"/>
      <c r="BL40" s="1032"/>
      <c r="BM40" s="1032"/>
      <c r="BN40" s="1032"/>
      <c r="BO40" s="1032"/>
      <c r="BP40" s="1031"/>
      <c r="BQ40" s="1032"/>
      <c r="BR40" s="1036"/>
      <c r="BS40" s="1040"/>
      <c r="BT40" s="1040"/>
      <c r="BU40" s="1041"/>
      <c r="BV40" s="1045"/>
      <c r="BW40" s="1040"/>
      <c r="BX40" s="1041"/>
      <c r="BY40" s="1045"/>
      <c r="BZ40" s="1040"/>
      <c r="CA40" s="1041"/>
      <c r="CB40" s="212"/>
      <c r="CC40" s="213"/>
      <c r="CD40" s="214"/>
      <c r="CE40" s="213"/>
      <c r="CF40" s="214"/>
      <c r="CG40" s="215"/>
    </row>
    <row r="41" spans="1:85" ht="9" customHeight="1" x14ac:dyDescent="0.2">
      <c r="A41" s="191"/>
      <c r="B41" s="211"/>
      <c r="C41" s="1099"/>
      <c r="D41" s="1100"/>
      <c r="E41" s="1100"/>
      <c r="F41" s="1100"/>
      <c r="G41" s="1101"/>
      <c r="H41" s="1059"/>
      <c r="I41" s="1060"/>
      <c r="J41" s="1061"/>
      <c r="K41" s="1059"/>
      <c r="L41" s="1060"/>
      <c r="M41" s="1061"/>
      <c r="N41" s="1045"/>
      <c r="O41" s="1041"/>
      <c r="P41" s="229"/>
      <c r="Q41" s="230"/>
      <c r="R41" s="230"/>
      <c r="S41" s="230"/>
      <c r="T41" s="230"/>
      <c r="U41" s="1036"/>
      <c r="V41" s="224"/>
      <c r="W41" s="225"/>
      <c r="X41" s="225"/>
      <c r="Y41" s="231"/>
      <c r="Z41" s="231"/>
      <c r="AA41" s="226"/>
      <c r="AB41" s="1059"/>
      <c r="AC41" s="1060"/>
      <c r="AD41" s="1060"/>
      <c r="AE41" s="1060"/>
      <c r="AF41" s="1060"/>
      <c r="AG41" s="1061"/>
      <c r="AH41" s="1069"/>
      <c r="AI41" s="216"/>
      <c r="AJ41" s="214"/>
      <c r="AK41" s="214"/>
      <c r="AL41" s="1072"/>
      <c r="AM41" s="212"/>
      <c r="AN41" s="216"/>
      <c r="AO41" s="1105" t="s">
        <v>337</v>
      </c>
      <c r="AP41" s="1105"/>
      <c r="AQ41" s="216"/>
      <c r="AR41" s="228"/>
      <c r="AS41" s="211"/>
      <c r="AT41" s="1059"/>
      <c r="AU41" s="1060"/>
      <c r="AV41" s="1060"/>
      <c r="AW41" s="1060"/>
      <c r="AX41" s="1060"/>
      <c r="AY41" s="1061"/>
      <c r="AZ41" s="1080"/>
      <c r="BA41" s="1081"/>
      <c r="BB41" s="1081"/>
      <c r="BC41" s="1082"/>
      <c r="BD41" s="1086"/>
      <c r="BE41" s="1081"/>
      <c r="BF41" s="1081"/>
      <c r="BG41" s="1087"/>
      <c r="BH41" s="1031"/>
      <c r="BI41" s="1032"/>
      <c r="BJ41" s="1032"/>
      <c r="BK41" s="1032"/>
      <c r="BL41" s="1032"/>
      <c r="BM41" s="1032"/>
      <c r="BN41" s="1032"/>
      <c r="BO41" s="1032"/>
      <c r="BP41" s="1031"/>
      <c r="BQ41" s="1032"/>
      <c r="BR41" s="1036"/>
      <c r="BS41" s="1040"/>
      <c r="BT41" s="1040"/>
      <c r="BU41" s="1041"/>
      <c r="BV41" s="1045"/>
      <c r="BW41" s="1040"/>
      <c r="BX41" s="1041"/>
      <c r="BY41" s="1045"/>
      <c r="BZ41" s="1040"/>
      <c r="CA41" s="1041"/>
      <c r="CB41" s="212"/>
      <c r="CC41" s="213" t="s">
        <v>343</v>
      </c>
      <c r="CD41" s="214"/>
      <c r="CE41" s="213" t="s">
        <v>332</v>
      </c>
      <c r="CF41" s="214"/>
      <c r="CG41" s="215" t="s">
        <v>340</v>
      </c>
    </row>
    <row r="42" spans="1:85" ht="9" customHeight="1" x14ac:dyDescent="0.2">
      <c r="A42" s="191"/>
      <c r="B42" s="232"/>
      <c r="C42" s="1102"/>
      <c r="D42" s="1103"/>
      <c r="E42" s="1103"/>
      <c r="F42" s="1103"/>
      <c r="G42" s="1104"/>
      <c r="H42" s="1062"/>
      <c r="I42" s="1063"/>
      <c r="J42" s="1064"/>
      <c r="K42" s="1062"/>
      <c r="L42" s="1063"/>
      <c r="M42" s="1064"/>
      <c r="N42" s="1046"/>
      <c r="O42" s="1043"/>
      <c r="P42" s="233"/>
      <c r="Q42" s="234"/>
      <c r="R42" s="234"/>
      <c r="S42" s="234"/>
      <c r="T42" s="234"/>
      <c r="U42" s="1049"/>
      <c r="V42" s="235"/>
      <c r="W42" s="236"/>
      <c r="X42" s="236"/>
      <c r="Y42" s="236"/>
      <c r="Z42" s="236"/>
      <c r="AA42" s="237"/>
      <c r="AB42" s="1062"/>
      <c r="AC42" s="1063"/>
      <c r="AD42" s="1063"/>
      <c r="AE42" s="1063"/>
      <c r="AF42" s="1063"/>
      <c r="AG42" s="1064"/>
      <c r="AH42" s="1097"/>
      <c r="AI42" s="238"/>
      <c r="AJ42" s="238"/>
      <c r="AK42" s="238"/>
      <c r="AL42" s="1098"/>
      <c r="AM42" s="239"/>
      <c r="AN42" s="238"/>
      <c r="AO42" s="240"/>
      <c r="AP42" s="240"/>
      <c r="AQ42" s="238"/>
      <c r="AR42" s="241"/>
      <c r="AS42" s="232"/>
      <c r="AT42" s="1062"/>
      <c r="AU42" s="1063"/>
      <c r="AV42" s="1063"/>
      <c r="AW42" s="1063"/>
      <c r="AX42" s="1063"/>
      <c r="AY42" s="1064"/>
      <c r="AZ42" s="1083"/>
      <c r="BA42" s="1084"/>
      <c r="BB42" s="1084"/>
      <c r="BC42" s="1085"/>
      <c r="BD42" s="1088"/>
      <c r="BE42" s="1084"/>
      <c r="BF42" s="1084"/>
      <c r="BG42" s="1089"/>
      <c r="BH42" s="1047"/>
      <c r="BI42" s="1048"/>
      <c r="BJ42" s="1048"/>
      <c r="BK42" s="1048"/>
      <c r="BL42" s="1048"/>
      <c r="BM42" s="1048"/>
      <c r="BN42" s="1048"/>
      <c r="BO42" s="1048"/>
      <c r="BP42" s="1047"/>
      <c r="BQ42" s="1048"/>
      <c r="BR42" s="1049"/>
      <c r="BS42" s="1042"/>
      <c r="BT42" s="1042"/>
      <c r="BU42" s="1043"/>
      <c r="BV42" s="1046"/>
      <c r="BW42" s="1042"/>
      <c r="BX42" s="1043"/>
      <c r="BY42" s="1046"/>
      <c r="BZ42" s="1042"/>
      <c r="CA42" s="1043"/>
      <c r="CB42" s="239"/>
      <c r="CC42" s="242"/>
      <c r="CD42" s="238"/>
      <c r="CE42" s="242"/>
      <c r="CF42" s="238"/>
      <c r="CG42" s="243"/>
    </row>
    <row r="43" spans="1:85" ht="9" customHeight="1" x14ac:dyDescent="0.2">
      <c r="A43" s="191"/>
      <c r="B43" s="206"/>
      <c r="C43" s="1050"/>
      <c r="D43" s="1051"/>
      <c r="E43" s="1051"/>
      <c r="F43" s="1051"/>
      <c r="G43" s="1052"/>
      <c r="H43" s="1056"/>
      <c r="I43" s="1057"/>
      <c r="J43" s="1058"/>
      <c r="K43" s="1056"/>
      <c r="L43" s="1057"/>
      <c r="M43" s="1058"/>
      <c r="N43" s="1044"/>
      <c r="O43" s="1039"/>
      <c r="P43" s="207"/>
      <c r="Q43" s="208"/>
      <c r="R43" s="209"/>
      <c r="S43" s="208"/>
      <c r="T43" s="209"/>
      <c r="U43" s="210"/>
      <c r="V43" s="207"/>
      <c r="W43" s="208"/>
      <c r="X43" s="209"/>
      <c r="Y43" s="208"/>
      <c r="Z43" s="209"/>
      <c r="AA43" s="210"/>
      <c r="AB43" s="1056"/>
      <c r="AC43" s="1057"/>
      <c r="AD43" s="1057"/>
      <c r="AE43" s="1057"/>
      <c r="AF43" s="1057"/>
      <c r="AG43" s="1058"/>
      <c r="AH43" s="1068" t="s">
        <v>335</v>
      </c>
      <c r="AI43" s="209"/>
      <c r="AJ43" s="209"/>
      <c r="AK43" s="209"/>
      <c r="AL43" s="1071" t="s">
        <v>336</v>
      </c>
      <c r="AM43" s="207"/>
      <c r="AN43" s="208"/>
      <c r="AO43" s="209"/>
      <c r="AP43" s="208"/>
      <c r="AQ43" s="209"/>
      <c r="AR43" s="210"/>
      <c r="AS43" s="206"/>
      <c r="AT43" s="207"/>
      <c r="AU43" s="208"/>
      <c r="AV43" s="209"/>
      <c r="AW43" s="208"/>
      <c r="AX43" s="209"/>
      <c r="AY43" s="210"/>
      <c r="AZ43" s="1074"/>
      <c r="BA43" s="1075"/>
      <c r="BB43" s="1075"/>
      <c r="BC43" s="1076"/>
      <c r="BD43" s="1023"/>
      <c r="BE43" s="1024"/>
      <c r="BF43" s="1024"/>
      <c r="BG43" s="1025"/>
      <c r="BH43" s="1029"/>
      <c r="BI43" s="1030"/>
      <c r="BJ43" s="1030"/>
      <c r="BK43" s="1030"/>
      <c r="BL43" s="1030"/>
      <c r="BM43" s="1030"/>
      <c r="BN43" s="1030"/>
      <c r="BO43" s="1030"/>
      <c r="BP43" s="1029"/>
      <c r="BQ43" s="1030"/>
      <c r="BR43" s="1035"/>
      <c r="BS43" s="1038"/>
      <c r="BT43" s="1038"/>
      <c r="BU43" s="1039"/>
      <c r="BV43" s="1044"/>
      <c r="BW43" s="1038"/>
      <c r="BX43" s="1039"/>
      <c r="BY43" s="1044"/>
      <c r="BZ43" s="1038"/>
      <c r="CA43" s="1039"/>
      <c r="CB43" s="207"/>
      <c r="CC43" s="208"/>
      <c r="CD43" s="209"/>
      <c r="CE43" s="208"/>
      <c r="CF43" s="209"/>
      <c r="CG43" s="210"/>
    </row>
    <row r="44" spans="1:85" ht="9" customHeight="1" x14ac:dyDescent="0.2">
      <c r="A44" s="191"/>
      <c r="B44" s="211"/>
      <c r="C44" s="1053"/>
      <c r="D44" s="1054"/>
      <c r="E44" s="1054"/>
      <c r="F44" s="1054"/>
      <c r="G44" s="1055"/>
      <c r="H44" s="1059"/>
      <c r="I44" s="1060"/>
      <c r="J44" s="1061"/>
      <c r="K44" s="1059"/>
      <c r="L44" s="1060"/>
      <c r="M44" s="1061"/>
      <c r="N44" s="1045"/>
      <c r="O44" s="1041"/>
      <c r="P44" s="212"/>
      <c r="Q44" s="213" t="s">
        <v>331</v>
      </c>
      <c r="R44" s="214"/>
      <c r="S44" s="213" t="s">
        <v>342</v>
      </c>
      <c r="T44" s="214"/>
      <c r="U44" s="215" t="s">
        <v>333</v>
      </c>
      <c r="V44" s="212"/>
      <c r="W44" s="213" t="s">
        <v>331</v>
      </c>
      <c r="X44" s="214"/>
      <c r="Y44" s="213" t="s">
        <v>290</v>
      </c>
      <c r="Z44" s="214"/>
      <c r="AA44" s="215" t="s">
        <v>333</v>
      </c>
      <c r="AB44" s="1059"/>
      <c r="AC44" s="1060"/>
      <c r="AD44" s="1060"/>
      <c r="AE44" s="1060"/>
      <c r="AF44" s="1060"/>
      <c r="AG44" s="1061"/>
      <c r="AH44" s="1069"/>
      <c r="AI44" s="216"/>
      <c r="AJ44" s="216"/>
      <c r="AK44" s="214"/>
      <c r="AL44" s="1072"/>
      <c r="AM44" s="212"/>
      <c r="AN44" s="213" t="s">
        <v>331</v>
      </c>
      <c r="AO44" s="214"/>
      <c r="AP44" s="213" t="s">
        <v>332</v>
      </c>
      <c r="AQ44" s="214"/>
      <c r="AR44" s="215" t="s">
        <v>333</v>
      </c>
      <c r="AS44" s="211"/>
      <c r="AT44" s="212"/>
      <c r="AU44" s="213" t="s">
        <v>331</v>
      </c>
      <c r="AV44" s="214"/>
      <c r="AW44" s="213" t="s">
        <v>332</v>
      </c>
      <c r="AX44" s="214"/>
      <c r="AY44" s="215" t="s">
        <v>333</v>
      </c>
      <c r="AZ44" s="1077"/>
      <c r="BA44" s="1078"/>
      <c r="BB44" s="1078"/>
      <c r="BC44" s="1079"/>
      <c r="BD44" s="1026"/>
      <c r="BE44" s="1027"/>
      <c r="BF44" s="1027"/>
      <c r="BG44" s="1028"/>
      <c r="BH44" s="1031"/>
      <c r="BI44" s="1032"/>
      <c r="BJ44" s="1032"/>
      <c r="BK44" s="1032"/>
      <c r="BL44" s="1032"/>
      <c r="BM44" s="1032"/>
      <c r="BN44" s="1032"/>
      <c r="BO44" s="1032"/>
      <c r="BP44" s="1031"/>
      <c r="BQ44" s="1032"/>
      <c r="BR44" s="1036"/>
      <c r="BS44" s="1040"/>
      <c r="BT44" s="1040"/>
      <c r="BU44" s="1041"/>
      <c r="BV44" s="1045"/>
      <c r="BW44" s="1040"/>
      <c r="BX44" s="1041"/>
      <c r="BY44" s="1045"/>
      <c r="BZ44" s="1040"/>
      <c r="CA44" s="1041"/>
      <c r="CB44" s="212"/>
      <c r="CC44" s="213" t="s">
        <v>343</v>
      </c>
      <c r="CD44" s="214"/>
      <c r="CE44" s="213" t="s">
        <v>332</v>
      </c>
      <c r="CF44" s="214"/>
      <c r="CG44" s="215" t="s">
        <v>333</v>
      </c>
    </row>
    <row r="45" spans="1:85" ht="9" customHeight="1" x14ac:dyDescent="0.2">
      <c r="A45" s="191"/>
      <c r="B45" s="217"/>
      <c r="C45" s="1090"/>
      <c r="D45" s="1091"/>
      <c r="E45" s="1091"/>
      <c r="F45" s="1091"/>
      <c r="G45" s="1092"/>
      <c r="H45" s="1059"/>
      <c r="I45" s="1060"/>
      <c r="J45" s="1061"/>
      <c r="K45" s="1059"/>
      <c r="L45" s="1060"/>
      <c r="M45" s="1061"/>
      <c r="N45" s="1045"/>
      <c r="O45" s="1041"/>
      <c r="P45" s="218"/>
      <c r="Q45" s="219"/>
      <c r="R45" s="220"/>
      <c r="S45" s="219"/>
      <c r="T45" s="220"/>
      <c r="U45" s="221"/>
      <c r="V45" s="218"/>
      <c r="W45" s="219"/>
      <c r="X45" s="220"/>
      <c r="Y45" s="219"/>
      <c r="Z45" s="220"/>
      <c r="AA45" s="221"/>
      <c r="AB45" s="1065"/>
      <c r="AC45" s="1066"/>
      <c r="AD45" s="1066"/>
      <c r="AE45" s="1066"/>
      <c r="AF45" s="1066"/>
      <c r="AG45" s="1067"/>
      <c r="AH45" s="1070"/>
      <c r="AI45" s="220"/>
      <c r="AJ45" s="220"/>
      <c r="AK45" s="220"/>
      <c r="AL45" s="1073"/>
      <c r="AM45" s="218"/>
      <c r="AN45" s="219"/>
      <c r="AO45" s="220"/>
      <c r="AP45" s="219"/>
      <c r="AQ45" s="220"/>
      <c r="AR45" s="221"/>
      <c r="AS45" s="217"/>
      <c r="AT45" s="218"/>
      <c r="AU45" s="219"/>
      <c r="AV45" s="220"/>
      <c r="AW45" s="219"/>
      <c r="AX45" s="220"/>
      <c r="AY45" s="221"/>
      <c r="AZ45" s="1093"/>
      <c r="BA45" s="1094"/>
      <c r="BB45" s="1094"/>
      <c r="BC45" s="1095"/>
      <c r="BD45" s="1023"/>
      <c r="BE45" s="1024"/>
      <c r="BF45" s="1024"/>
      <c r="BG45" s="1025"/>
      <c r="BH45" s="1033"/>
      <c r="BI45" s="1034"/>
      <c r="BJ45" s="1034"/>
      <c r="BK45" s="1034"/>
      <c r="BL45" s="1034"/>
      <c r="BM45" s="1034"/>
      <c r="BN45" s="1034"/>
      <c r="BO45" s="1034"/>
      <c r="BP45" s="1033"/>
      <c r="BQ45" s="1034"/>
      <c r="BR45" s="1037"/>
      <c r="BS45" s="1040"/>
      <c r="BT45" s="1040"/>
      <c r="BU45" s="1041"/>
      <c r="BV45" s="1045"/>
      <c r="BW45" s="1040"/>
      <c r="BX45" s="1041"/>
      <c r="BY45" s="1045"/>
      <c r="BZ45" s="1040"/>
      <c r="CA45" s="1041"/>
      <c r="CB45" s="218"/>
      <c r="CC45" s="219"/>
      <c r="CD45" s="220"/>
      <c r="CE45" s="219"/>
      <c r="CF45" s="220"/>
      <c r="CG45" s="221"/>
    </row>
    <row r="46" spans="1:85" ht="9" customHeight="1" x14ac:dyDescent="0.2">
      <c r="A46" s="191"/>
      <c r="B46" s="211"/>
      <c r="C46" s="1053"/>
      <c r="D46" s="1054"/>
      <c r="E46" s="1054"/>
      <c r="F46" s="1054"/>
      <c r="G46" s="1055"/>
      <c r="H46" s="1059"/>
      <c r="I46" s="1060"/>
      <c r="J46" s="1061"/>
      <c r="K46" s="1059"/>
      <c r="L46" s="1060"/>
      <c r="M46" s="1061"/>
      <c r="N46" s="1045"/>
      <c r="O46" s="1041"/>
      <c r="P46" s="222"/>
      <c r="Q46" s="223"/>
      <c r="R46" s="223"/>
      <c r="S46" s="223"/>
      <c r="T46" s="223"/>
      <c r="U46" s="1096" t="s">
        <v>331</v>
      </c>
      <c r="V46" s="224"/>
      <c r="W46" s="225"/>
      <c r="X46" s="225"/>
      <c r="Y46" s="225"/>
      <c r="Z46" s="225"/>
      <c r="AA46" s="226"/>
      <c r="AB46" s="1059"/>
      <c r="AC46" s="1060"/>
      <c r="AD46" s="1060"/>
      <c r="AE46" s="1060"/>
      <c r="AF46" s="1060"/>
      <c r="AG46" s="1061"/>
      <c r="AH46" s="1069" t="s">
        <v>335</v>
      </c>
      <c r="AI46" s="214"/>
      <c r="AJ46" s="214"/>
      <c r="AK46" s="214"/>
      <c r="AL46" s="1072" t="s">
        <v>339</v>
      </c>
      <c r="AM46" s="212"/>
      <c r="AN46" s="214"/>
      <c r="AO46" s="227"/>
      <c r="AP46" s="227"/>
      <c r="AQ46" s="214"/>
      <c r="AR46" s="228"/>
      <c r="AS46" s="211"/>
      <c r="AT46" s="1059"/>
      <c r="AU46" s="1060"/>
      <c r="AV46" s="1060"/>
      <c r="AW46" s="1060"/>
      <c r="AX46" s="1060"/>
      <c r="AY46" s="1061"/>
      <c r="AZ46" s="1077"/>
      <c r="BA46" s="1078"/>
      <c r="BB46" s="1078"/>
      <c r="BC46" s="1079"/>
      <c r="BD46" s="1026"/>
      <c r="BE46" s="1027"/>
      <c r="BF46" s="1027"/>
      <c r="BG46" s="1028"/>
      <c r="BH46" s="1031"/>
      <c r="BI46" s="1032"/>
      <c r="BJ46" s="1032"/>
      <c r="BK46" s="1032"/>
      <c r="BL46" s="1032"/>
      <c r="BM46" s="1032"/>
      <c r="BN46" s="1032"/>
      <c r="BO46" s="1032"/>
      <c r="BP46" s="1031"/>
      <c r="BQ46" s="1032"/>
      <c r="BR46" s="1036"/>
      <c r="BS46" s="1040"/>
      <c r="BT46" s="1040"/>
      <c r="BU46" s="1041"/>
      <c r="BV46" s="1045"/>
      <c r="BW46" s="1040"/>
      <c r="BX46" s="1041"/>
      <c r="BY46" s="1045"/>
      <c r="BZ46" s="1040"/>
      <c r="CA46" s="1041"/>
      <c r="CB46" s="212"/>
      <c r="CC46" s="213"/>
      <c r="CD46" s="214"/>
      <c r="CE46" s="213"/>
      <c r="CF46" s="214"/>
      <c r="CG46" s="215"/>
    </row>
    <row r="47" spans="1:85" ht="9" customHeight="1" x14ac:dyDescent="0.2">
      <c r="A47" s="191"/>
      <c r="B47" s="211"/>
      <c r="C47" s="1099"/>
      <c r="D47" s="1100"/>
      <c r="E47" s="1100"/>
      <c r="F47" s="1100"/>
      <c r="G47" s="1101"/>
      <c r="H47" s="1059"/>
      <c r="I47" s="1060"/>
      <c r="J47" s="1061"/>
      <c r="K47" s="1059"/>
      <c r="L47" s="1060"/>
      <c r="M47" s="1061"/>
      <c r="N47" s="1045"/>
      <c r="O47" s="1041"/>
      <c r="P47" s="229"/>
      <c r="Q47" s="230"/>
      <c r="R47" s="230"/>
      <c r="S47" s="230"/>
      <c r="T47" s="230"/>
      <c r="U47" s="1036"/>
      <c r="V47" s="224"/>
      <c r="W47" s="225"/>
      <c r="X47" s="225"/>
      <c r="Y47" s="231"/>
      <c r="Z47" s="231"/>
      <c r="AA47" s="226"/>
      <c r="AB47" s="1059"/>
      <c r="AC47" s="1060"/>
      <c r="AD47" s="1060"/>
      <c r="AE47" s="1060"/>
      <c r="AF47" s="1060"/>
      <c r="AG47" s="1061"/>
      <c r="AH47" s="1069"/>
      <c r="AI47" s="216"/>
      <c r="AJ47" s="214"/>
      <c r="AK47" s="214"/>
      <c r="AL47" s="1072"/>
      <c r="AM47" s="212"/>
      <c r="AN47" s="216"/>
      <c r="AO47" s="1105" t="s">
        <v>337</v>
      </c>
      <c r="AP47" s="1105"/>
      <c r="AQ47" s="216"/>
      <c r="AR47" s="228"/>
      <c r="AS47" s="211"/>
      <c r="AT47" s="1059"/>
      <c r="AU47" s="1060"/>
      <c r="AV47" s="1060"/>
      <c r="AW47" s="1060"/>
      <c r="AX47" s="1060"/>
      <c r="AY47" s="1061"/>
      <c r="AZ47" s="1080"/>
      <c r="BA47" s="1081"/>
      <c r="BB47" s="1081"/>
      <c r="BC47" s="1082"/>
      <c r="BD47" s="1086"/>
      <c r="BE47" s="1081"/>
      <c r="BF47" s="1081"/>
      <c r="BG47" s="1087"/>
      <c r="BH47" s="1031"/>
      <c r="BI47" s="1032"/>
      <c r="BJ47" s="1032"/>
      <c r="BK47" s="1032"/>
      <c r="BL47" s="1032"/>
      <c r="BM47" s="1032"/>
      <c r="BN47" s="1032"/>
      <c r="BO47" s="1032"/>
      <c r="BP47" s="1031"/>
      <c r="BQ47" s="1032"/>
      <c r="BR47" s="1036"/>
      <c r="BS47" s="1040"/>
      <c r="BT47" s="1040"/>
      <c r="BU47" s="1041"/>
      <c r="BV47" s="1045"/>
      <c r="BW47" s="1040"/>
      <c r="BX47" s="1041"/>
      <c r="BY47" s="1045"/>
      <c r="BZ47" s="1040"/>
      <c r="CA47" s="1041"/>
      <c r="CB47" s="212"/>
      <c r="CC47" s="213" t="s">
        <v>331</v>
      </c>
      <c r="CD47" s="214"/>
      <c r="CE47" s="213" t="s">
        <v>342</v>
      </c>
      <c r="CF47" s="214"/>
      <c r="CG47" s="215" t="s">
        <v>333</v>
      </c>
    </row>
    <row r="48" spans="1:85" ht="9" customHeight="1" x14ac:dyDescent="0.2">
      <c r="A48" s="191"/>
      <c r="B48" s="232"/>
      <c r="C48" s="1102"/>
      <c r="D48" s="1103"/>
      <c r="E48" s="1103"/>
      <c r="F48" s="1103"/>
      <c r="G48" s="1104"/>
      <c r="H48" s="1062"/>
      <c r="I48" s="1063"/>
      <c r="J48" s="1064"/>
      <c r="K48" s="1062"/>
      <c r="L48" s="1063"/>
      <c r="M48" s="1064"/>
      <c r="N48" s="1046"/>
      <c r="O48" s="1043"/>
      <c r="P48" s="233"/>
      <c r="Q48" s="234"/>
      <c r="R48" s="234"/>
      <c r="S48" s="234"/>
      <c r="T48" s="234"/>
      <c r="U48" s="1049"/>
      <c r="V48" s="235"/>
      <c r="W48" s="236"/>
      <c r="X48" s="236"/>
      <c r="Y48" s="236"/>
      <c r="Z48" s="236"/>
      <c r="AA48" s="237"/>
      <c r="AB48" s="1062"/>
      <c r="AC48" s="1063"/>
      <c r="AD48" s="1063"/>
      <c r="AE48" s="1063"/>
      <c r="AF48" s="1063"/>
      <c r="AG48" s="1064"/>
      <c r="AH48" s="1097"/>
      <c r="AI48" s="238"/>
      <c r="AJ48" s="238"/>
      <c r="AK48" s="238"/>
      <c r="AL48" s="1098"/>
      <c r="AM48" s="239"/>
      <c r="AN48" s="238"/>
      <c r="AO48" s="240"/>
      <c r="AP48" s="240"/>
      <c r="AQ48" s="238"/>
      <c r="AR48" s="241"/>
      <c r="AS48" s="232"/>
      <c r="AT48" s="1062"/>
      <c r="AU48" s="1063"/>
      <c r="AV48" s="1063"/>
      <c r="AW48" s="1063"/>
      <c r="AX48" s="1063"/>
      <c r="AY48" s="1064"/>
      <c r="AZ48" s="1083"/>
      <c r="BA48" s="1084"/>
      <c r="BB48" s="1084"/>
      <c r="BC48" s="1085"/>
      <c r="BD48" s="1088"/>
      <c r="BE48" s="1084"/>
      <c r="BF48" s="1084"/>
      <c r="BG48" s="1089"/>
      <c r="BH48" s="1047"/>
      <c r="BI48" s="1048"/>
      <c r="BJ48" s="1048"/>
      <c r="BK48" s="1048"/>
      <c r="BL48" s="1048"/>
      <c r="BM48" s="1048"/>
      <c r="BN48" s="1048"/>
      <c r="BO48" s="1048"/>
      <c r="BP48" s="1047"/>
      <c r="BQ48" s="1048"/>
      <c r="BR48" s="1049"/>
      <c r="BS48" s="1042"/>
      <c r="BT48" s="1042"/>
      <c r="BU48" s="1043"/>
      <c r="BV48" s="1046"/>
      <c r="BW48" s="1042"/>
      <c r="BX48" s="1043"/>
      <c r="BY48" s="1046"/>
      <c r="BZ48" s="1042"/>
      <c r="CA48" s="1043"/>
      <c r="CB48" s="239"/>
      <c r="CC48" s="242"/>
      <c r="CD48" s="238"/>
      <c r="CE48" s="242"/>
      <c r="CF48" s="238"/>
      <c r="CG48" s="243"/>
    </row>
    <row r="49" spans="1:85" ht="9" customHeight="1" x14ac:dyDescent="0.2">
      <c r="A49" s="191"/>
      <c r="B49" s="206"/>
      <c r="C49" s="1050"/>
      <c r="D49" s="1051"/>
      <c r="E49" s="1051"/>
      <c r="F49" s="1051"/>
      <c r="G49" s="1052"/>
      <c r="H49" s="1056"/>
      <c r="I49" s="1057"/>
      <c r="J49" s="1058"/>
      <c r="K49" s="1056"/>
      <c r="L49" s="1057"/>
      <c r="M49" s="1058"/>
      <c r="N49" s="1044"/>
      <c r="O49" s="1039"/>
      <c r="P49" s="207"/>
      <c r="Q49" s="208"/>
      <c r="R49" s="209"/>
      <c r="S49" s="208"/>
      <c r="T49" s="209"/>
      <c r="U49" s="210"/>
      <c r="V49" s="207"/>
      <c r="W49" s="208"/>
      <c r="X49" s="209"/>
      <c r="Y49" s="208"/>
      <c r="Z49" s="209"/>
      <c r="AA49" s="210"/>
      <c r="AB49" s="1056"/>
      <c r="AC49" s="1057"/>
      <c r="AD49" s="1057"/>
      <c r="AE49" s="1057"/>
      <c r="AF49" s="1057"/>
      <c r="AG49" s="1058"/>
      <c r="AH49" s="1068" t="s">
        <v>294</v>
      </c>
      <c r="AI49" s="209"/>
      <c r="AJ49" s="209"/>
      <c r="AK49" s="209"/>
      <c r="AL49" s="1071" t="s">
        <v>330</v>
      </c>
      <c r="AM49" s="207"/>
      <c r="AN49" s="208"/>
      <c r="AO49" s="209"/>
      <c r="AP49" s="208"/>
      <c r="AQ49" s="209"/>
      <c r="AR49" s="210"/>
      <c r="AS49" s="206"/>
      <c r="AT49" s="207"/>
      <c r="AU49" s="208"/>
      <c r="AV49" s="209"/>
      <c r="AW49" s="208"/>
      <c r="AX49" s="209"/>
      <c r="AY49" s="210"/>
      <c r="AZ49" s="1074"/>
      <c r="BA49" s="1075"/>
      <c r="BB49" s="1075"/>
      <c r="BC49" s="1076"/>
      <c r="BD49" s="1023"/>
      <c r="BE49" s="1024"/>
      <c r="BF49" s="1024"/>
      <c r="BG49" s="1025"/>
      <c r="BH49" s="1029"/>
      <c r="BI49" s="1030"/>
      <c r="BJ49" s="1030"/>
      <c r="BK49" s="1030"/>
      <c r="BL49" s="1030"/>
      <c r="BM49" s="1030"/>
      <c r="BN49" s="1030"/>
      <c r="BO49" s="1030"/>
      <c r="BP49" s="1029"/>
      <c r="BQ49" s="1030"/>
      <c r="BR49" s="1035"/>
      <c r="BS49" s="1038"/>
      <c r="BT49" s="1038"/>
      <c r="BU49" s="1039"/>
      <c r="BV49" s="1044"/>
      <c r="BW49" s="1038"/>
      <c r="BX49" s="1039"/>
      <c r="BY49" s="1044"/>
      <c r="BZ49" s="1038"/>
      <c r="CA49" s="1039"/>
      <c r="CB49" s="207"/>
      <c r="CC49" s="208"/>
      <c r="CD49" s="209"/>
      <c r="CE49" s="208"/>
      <c r="CF49" s="209"/>
      <c r="CG49" s="210"/>
    </row>
    <row r="50" spans="1:85" ht="9" customHeight="1" x14ac:dyDescent="0.2">
      <c r="A50" s="191"/>
      <c r="B50" s="211"/>
      <c r="C50" s="1053"/>
      <c r="D50" s="1054"/>
      <c r="E50" s="1054"/>
      <c r="F50" s="1054"/>
      <c r="G50" s="1055"/>
      <c r="H50" s="1059"/>
      <c r="I50" s="1060"/>
      <c r="J50" s="1061"/>
      <c r="K50" s="1059"/>
      <c r="L50" s="1060"/>
      <c r="M50" s="1061"/>
      <c r="N50" s="1045"/>
      <c r="O50" s="1041"/>
      <c r="P50" s="212"/>
      <c r="Q50" s="213" t="s">
        <v>331</v>
      </c>
      <c r="R50" s="214"/>
      <c r="S50" s="213" t="s">
        <v>290</v>
      </c>
      <c r="T50" s="214"/>
      <c r="U50" s="215" t="s">
        <v>341</v>
      </c>
      <c r="V50" s="212"/>
      <c r="W50" s="213" t="s">
        <v>331</v>
      </c>
      <c r="X50" s="214"/>
      <c r="Y50" s="213" t="s">
        <v>332</v>
      </c>
      <c r="Z50" s="214"/>
      <c r="AA50" s="215" t="s">
        <v>333</v>
      </c>
      <c r="AB50" s="1059"/>
      <c r="AC50" s="1060"/>
      <c r="AD50" s="1060"/>
      <c r="AE50" s="1060"/>
      <c r="AF50" s="1060"/>
      <c r="AG50" s="1061"/>
      <c r="AH50" s="1069"/>
      <c r="AI50" s="216"/>
      <c r="AJ50" s="216"/>
      <c r="AK50" s="214"/>
      <c r="AL50" s="1072"/>
      <c r="AM50" s="212"/>
      <c r="AN50" s="213" t="s">
        <v>331</v>
      </c>
      <c r="AO50" s="214"/>
      <c r="AP50" s="213" t="s">
        <v>332</v>
      </c>
      <c r="AQ50" s="214"/>
      <c r="AR50" s="215" t="s">
        <v>333</v>
      </c>
      <c r="AS50" s="211"/>
      <c r="AT50" s="212"/>
      <c r="AU50" s="213" t="s">
        <v>331</v>
      </c>
      <c r="AV50" s="214"/>
      <c r="AW50" s="213" t="s">
        <v>342</v>
      </c>
      <c r="AX50" s="214"/>
      <c r="AY50" s="215" t="s">
        <v>341</v>
      </c>
      <c r="AZ50" s="1077"/>
      <c r="BA50" s="1078"/>
      <c r="BB50" s="1078"/>
      <c r="BC50" s="1079"/>
      <c r="BD50" s="1026"/>
      <c r="BE50" s="1027"/>
      <c r="BF50" s="1027"/>
      <c r="BG50" s="1028"/>
      <c r="BH50" s="1031"/>
      <c r="BI50" s="1032"/>
      <c r="BJ50" s="1032"/>
      <c r="BK50" s="1032"/>
      <c r="BL50" s="1032"/>
      <c r="BM50" s="1032"/>
      <c r="BN50" s="1032"/>
      <c r="BO50" s="1032"/>
      <c r="BP50" s="1031"/>
      <c r="BQ50" s="1032"/>
      <c r="BR50" s="1036"/>
      <c r="BS50" s="1040"/>
      <c r="BT50" s="1040"/>
      <c r="BU50" s="1041"/>
      <c r="BV50" s="1045"/>
      <c r="BW50" s="1040"/>
      <c r="BX50" s="1041"/>
      <c r="BY50" s="1045"/>
      <c r="BZ50" s="1040"/>
      <c r="CA50" s="1041"/>
      <c r="CB50" s="212"/>
      <c r="CC50" s="213" t="s">
        <v>343</v>
      </c>
      <c r="CD50" s="214"/>
      <c r="CE50" s="213" t="s">
        <v>332</v>
      </c>
      <c r="CF50" s="214"/>
      <c r="CG50" s="215" t="s">
        <v>333</v>
      </c>
    </row>
    <row r="51" spans="1:85" ht="9" customHeight="1" x14ac:dyDescent="0.2">
      <c r="A51" s="191"/>
      <c r="B51" s="217"/>
      <c r="C51" s="1090"/>
      <c r="D51" s="1091"/>
      <c r="E51" s="1091"/>
      <c r="F51" s="1091"/>
      <c r="G51" s="1092"/>
      <c r="H51" s="1059"/>
      <c r="I51" s="1060"/>
      <c r="J51" s="1061"/>
      <c r="K51" s="1059"/>
      <c r="L51" s="1060"/>
      <c r="M51" s="1061"/>
      <c r="N51" s="1045"/>
      <c r="O51" s="1041"/>
      <c r="P51" s="218"/>
      <c r="Q51" s="219"/>
      <c r="R51" s="220"/>
      <c r="S51" s="219"/>
      <c r="T51" s="220"/>
      <c r="U51" s="221"/>
      <c r="V51" s="218"/>
      <c r="W51" s="219"/>
      <c r="X51" s="220"/>
      <c r="Y51" s="219"/>
      <c r="Z51" s="220"/>
      <c r="AA51" s="221"/>
      <c r="AB51" s="1065"/>
      <c r="AC51" s="1066"/>
      <c r="AD51" s="1066"/>
      <c r="AE51" s="1066"/>
      <c r="AF51" s="1066"/>
      <c r="AG51" s="1067"/>
      <c r="AH51" s="1070"/>
      <c r="AI51" s="220"/>
      <c r="AJ51" s="220"/>
      <c r="AK51" s="220"/>
      <c r="AL51" s="1073"/>
      <c r="AM51" s="218"/>
      <c r="AN51" s="219"/>
      <c r="AO51" s="220"/>
      <c r="AP51" s="219"/>
      <c r="AQ51" s="220"/>
      <c r="AR51" s="221"/>
      <c r="AS51" s="217"/>
      <c r="AT51" s="218"/>
      <c r="AU51" s="219"/>
      <c r="AV51" s="220"/>
      <c r="AW51" s="219"/>
      <c r="AX51" s="220"/>
      <c r="AY51" s="221"/>
      <c r="AZ51" s="1093"/>
      <c r="BA51" s="1094"/>
      <c r="BB51" s="1094"/>
      <c r="BC51" s="1095"/>
      <c r="BD51" s="1023"/>
      <c r="BE51" s="1024"/>
      <c r="BF51" s="1024"/>
      <c r="BG51" s="1025"/>
      <c r="BH51" s="1033"/>
      <c r="BI51" s="1034"/>
      <c r="BJ51" s="1034"/>
      <c r="BK51" s="1034"/>
      <c r="BL51" s="1034"/>
      <c r="BM51" s="1034"/>
      <c r="BN51" s="1034"/>
      <c r="BO51" s="1034"/>
      <c r="BP51" s="1033"/>
      <c r="BQ51" s="1034"/>
      <c r="BR51" s="1037"/>
      <c r="BS51" s="1040"/>
      <c r="BT51" s="1040"/>
      <c r="BU51" s="1041"/>
      <c r="BV51" s="1045"/>
      <c r="BW51" s="1040"/>
      <c r="BX51" s="1041"/>
      <c r="BY51" s="1045"/>
      <c r="BZ51" s="1040"/>
      <c r="CA51" s="1041"/>
      <c r="CB51" s="218"/>
      <c r="CC51" s="219"/>
      <c r="CD51" s="220"/>
      <c r="CE51" s="219"/>
      <c r="CF51" s="220"/>
      <c r="CG51" s="221"/>
    </row>
    <row r="52" spans="1:85" ht="9" customHeight="1" x14ac:dyDescent="0.2">
      <c r="A52" s="191"/>
      <c r="B52" s="211"/>
      <c r="C52" s="1053"/>
      <c r="D52" s="1054"/>
      <c r="E52" s="1054"/>
      <c r="F52" s="1054"/>
      <c r="G52" s="1055"/>
      <c r="H52" s="1059"/>
      <c r="I52" s="1060"/>
      <c r="J52" s="1061"/>
      <c r="K52" s="1059"/>
      <c r="L52" s="1060"/>
      <c r="M52" s="1061"/>
      <c r="N52" s="1045"/>
      <c r="O52" s="1041"/>
      <c r="P52" s="222"/>
      <c r="Q52" s="223"/>
      <c r="R52" s="223"/>
      <c r="S52" s="223"/>
      <c r="T52" s="223"/>
      <c r="U52" s="1096" t="s">
        <v>338</v>
      </c>
      <c r="V52" s="224"/>
      <c r="W52" s="225"/>
      <c r="X52" s="225"/>
      <c r="Y52" s="225"/>
      <c r="Z52" s="225"/>
      <c r="AA52" s="226"/>
      <c r="AB52" s="1059"/>
      <c r="AC52" s="1060"/>
      <c r="AD52" s="1060"/>
      <c r="AE52" s="1060"/>
      <c r="AF52" s="1060"/>
      <c r="AG52" s="1061"/>
      <c r="AH52" s="1069" t="s">
        <v>335</v>
      </c>
      <c r="AI52" s="214"/>
      <c r="AJ52" s="214"/>
      <c r="AK52" s="214"/>
      <c r="AL52" s="1072" t="s">
        <v>339</v>
      </c>
      <c r="AM52" s="212"/>
      <c r="AN52" s="214"/>
      <c r="AO52" s="227"/>
      <c r="AP52" s="227"/>
      <c r="AQ52" s="214"/>
      <c r="AR52" s="228"/>
      <c r="AS52" s="211"/>
      <c r="AT52" s="1059"/>
      <c r="AU52" s="1060"/>
      <c r="AV52" s="1060"/>
      <c r="AW52" s="1060"/>
      <c r="AX52" s="1060"/>
      <c r="AY52" s="1061"/>
      <c r="AZ52" s="1077"/>
      <c r="BA52" s="1078"/>
      <c r="BB52" s="1078"/>
      <c r="BC52" s="1079"/>
      <c r="BD52" s="1026"/>
      <c r="BE52" s="1027"/>
      <c r="BF52" s="1027"/>
      <c r="BG52" s="1028"/>
      <c r="BH52" s="1031"/>
      <c r="BI52" s="1032"/>
      <c r="BJ52" s="1032"/>
      <c r="BK52" s="1032"/>
      <c r="BL52" s="1032"/>
      <c r="BM52" s="1032"/>
      <c r="BN52" s="1032"/>
      <c r="BO52" s="1032"/>
      <c r="BP52" s="1031"/>
      <c r="BQ52" s="1032"/>
      <c r="BR52" s="1036"/>
      <c r="BS52" s="1040"/>
      <c r="BT52" s="1040"/>
      <c r="BU52" s="1041"/>
      <c r="BV52" s="1045"/>
      <c r="BW52" s="1040"/>
      <c r="BX52" s="1041"/>
      <c r="BY52" s="1045"/>
      <c r="BZ52" s="1040"/>
      <c r="CA52" s="1041"/>
      <c r="CB52" s="212"/>
      <c r="CC52" s="213"/>
      <c r="CD52" s="214"/>
      <c r="CE52" s="213"/>
      <c r="CF52" s="214"/>
      <c r="CG52" s="215"/>
    </row>
    <row r="53" spans="1:85" ht="9" customHeight="1" x14ac:dyDescent="0.2">
      <c r="A53" s="191"/>
      <c r="B53" s="211"/>
      <c r="C53" s="1099"/>
      <c r="D53" s="1100"/>
      <c r="E53" s="1100"/>
      <c r="F53" s="1100"/>
      <c r="G53" s="1101"/>
      <c r="H53" s="1059"/>
      <c r="I53" s="1060"/>
      <c r="J53" s="1061"/>
      <c r="K53" s="1059"/>
      <c r="L53" s="1060"/>
      <c r="M53" s="1061"/>
      <c r="N53" s="1045"/>
      <c r="O53" s="1041"/>
      <c r="P53" s="229"/>
      <c r="Q53" s="230"/>
      <c r="R53" s="230"/>
      <c r="S53" s="230"/>
      <c r="T53" s="230"/>
      <c r="U53" s="1036"/>
      <c r="V53" s="224"/>
      <c r="W53" s="225"/>
      <c r="X53" s="225"/>
      <c r="Y53" s="231"/>
      <c r="Z53" s="231"/>
      <c r="AA53" s="226"/>
      <c r="AB53" s="1059"/>
      <c r="AC53" s="1060"/>
      <c r="AD53" s="1060"/>
      <c r="AE53" s="1060"/>
      <c r="AF53" s="1060"/>
      <c r="AG53" s="1061"/>
      <c r="AH53" s="1069"/>
      <c r="AI53" s="216"/>
      <c r="AJ53" s="214"/>
      <c r="AK53" s="214"/>
      <c r="AL53" s="1072"/>
      <c r="AM53" s="212"/>
      <c r="AN53" s="216"/>
      <c r="AO53" s="1105" t="s">
        <v>337</v>
      </c>
      <c r="AP53" s="1105"/>
      <c r="AQ53" s="216"/>
      <c r="AR53" s="228"/>
      <c r="AS53" s="211"/>
      <c r="AT53" s="1059"/>
      <c r="AU53" s="1060"/>
      <c r="AV53" s="1060"/>
      <c r="AW53" s="1060"/>
      <c r="AX53" s="1060"/>
      <c r="AY53" s="1061"/>
      <c r="AZ53" s="1080"/>
      <c r="BA53" s="1081"/>
      <c r="BB53" s="1081"/>
      <c r="BC53" s="1082"/>
      <c r="BD53" s="1086"/>
      <c r="BE53" s="1081"/>
      <c r="BF53" s="1081"/>
      <c r="BG53" s="1087"/>
      <c r="BH53" s="1031"/>
      <c r="BI53" s="1032"/>
      <c r="BJ53" s="1032"/>
      <c r="BK53" s="1032"/>
      <c r="BL53" s="1032"/>
      <c r="BM53" s="1032"/>
      <c r="BN53" s="1032"/>
      <c r="BO53" s="1032"/>
      <c r="BP53" s="1031"/>
      <c r="BQ53" s="1032"/>
      <c r="BR53" s="1036"/>
      <c r="BS53" s="1040"/>
      <c r="BT53" s="1040"/>
      <c r="BU53" s="1041"/>
      <c r="BV53" s="1045"/>
      <c r="BW53" s="1040"/>
      <c r="BX53" s="1041"/>
      <c r="BY53" s="1045"/>
      <c r="BZ53" s="1040"/>
      <c r="CA53" s="1041"/>
      <c r="CB53" s="212"/>
      <c r="CC53" s="213" t="s">
        <v>331</v>
      </c>
      <c r="CD53" s="214"/>
      <c r="CE53" s="213" t="s">
        <v>332</v>
      </c>
      <c r="CF53" s="214"/>
      <c r="CG53" s="215" t="s">
        <v>341</v>
      </c>
    </row>
    <row r="54" spans="1:85" ht="9" customHeight="1" x14ac:dyDescent="0.2">
      <c r="A54" s="191"/>
      <c r="B54" s="232"/>
      <c r="C54" s="1102"/>
      <c r="D54" s="1103"/>
      <c r="E54" s="1103"/>
      <c r="F54" s="1103"/>
      <c r="G54" s="1104"/>
      <c r="H54" s="1062"/>
      <c r="I54" s="1063"/>
      <c r="J54" s="1064"/>
      <c r="K54" s="1062"/>
      <c r="L54" s="1063"/>
      <c r="M54" s="1064"/>
      <c r="N54" s="1046"/>
      <c r="O54" s="1043"/>
      <c r="P54" s="233"/>
      <c r="Q54" s="234"/>
      <c r="R54" s="234"/>
      <c r="S54" s="234"/>
      <c r="T54" s="234"/>
      <c r="U54" s="1049"/>
      <c r="V54" s="235"/>
      <c r="W54" s="236"/>
      <c r="X54" s="236"/>
      <c r="Y54" s="236"/>
      <c r="Z54" s="236"/>
      <c r="AA54" s="237"/>
      <c r="AB54" s="1062"/>
      <c r="AC54" s="1063"/>
      <c r="AD54" s="1063"/>
      <c r="AE54" s="1063"/>
      <c r="AF54" s="1063"/>
      <c r="AG54" s="1064"/>
      <c r="AH54" s="1097"/>
      <c r="AI54" s="238"/>
      <c r="AJ54" s="238"/>
      <c r="AK54" s="238"/>
      <c r="AL54" s="1098"/>
      <c r="AM54" s="239"/>
      <c r="AN54" s="238"/>
      <c r="AO54" s="240"/>
      <c r="AP54" s="240"/>
      <c r="AQ54" s="238"/>
      <c r="AR54" s="241"/>
      <c r="AS54" s="232"/>
      <c r="AT54" s="1062"/>
      <c r="AU54" s="1063"/>
      <c r="AV54" s="1063"/>
      <c r="AW54" s="1063"/>
      <c r="AX54" s="1063"/>
      <c r="AY54" s="1064"/>
      <c r="AZ54" s="1083"/>
      <c r="BA54" s="1084"/>
      <c r="BB54" s="1084"/>
      <c r="BC54" s="1085"/>
      <c r="BD54" s="1088"/>
      <c r="BE54" s="1084"/>
      <c r="BF54" s="1084"/>
      <c r="BG54" s="1089"/>
      <c r="BH54" s="1047"/>
      <c r="BI54" s="1048"/>
      <c r="BJ54" s="1048"/>
      <c r="BK54" s="1048"/>
      <c r="BL54" s="1048"/>
      <c r="BM54" s="1048"/>
      <c r="BN54" s="1048"/>
      <c r="BO54" s="1048"/>
      <c r="BP54" s="1047"/>
      <c r="BQ54" s="1048"/>
      <c r="BR54" s="1049"/>
      <c r="BS54" s="1042"/>
      <c r="BT54" s="1042"/>
      <c r="BU54" s="1043"/>
      <c r="BV54" s="1046"/>
      <c r="BW54" s="1042"/>
      <c r="BX54" s="1043"/>
      <c r="BY54" s="1046"/>
      <c r="BZ54" s="1042"/>
      <c r="CA54" s="1043"/>
      <c r="CB54" s="239"/>
      <c r="CC54" s="242"/>
      <c r="CD54" s="238"/>
      <c r="CE54" s="242"/>
      <c r="CF54" s="238"/>
      <c r="CG54" s="243"/>
    </row>
    <row r="55" spans="1:85" ht="9" customHeight="1" x14ac:dyDescent="0.2">
      <c r="A55" s="191"/>
      <c r="B55" s="206"/>
      <c r="C55" s="1050"/>
      <c r="D55" s="1051"/>
      <c r="E55" s="1051"/>
      <c r="F55" s="1051"/>
      <c r="G55" s="1052"/>
      <c r="H55" s="1056"/>
      <c r="I55" s="1057"/>
      <c r="J55" s="1058"/>
      <c r="K55" s="1056"/>
      <c r="L55" s="1057"/>
      <c r="M55" s="1058"/>
      <c r="N55" s="1044"/>
      <c r="O55" s="1039"/>
      <c r="P55" s="207"/>
      <c r="Q55" s="208"/>
      <c r="R55" s="209"/>
      <c r="S55" s="208"/>
      <c r="T55" s="209"/>
      <c r="U55" s="210"/>
      <c r="V55" s="207"/>
      <c r="W55" s="208"/>
      <c r="X55" s="209"/>
      <c r="Y55" s="208"/>
      <c r="Z55" s="209"/>
      <c r="AA55" s="210"/>
      <c r="AB55" s="1056"/>
      <c r="AC55" s="1057"/>
      <c r="AD55" s="1057"/>
      <c r="AE55" s="1057"/>
      <c r="AF55" s="1057"/>
      <c r="AG55" s="1058"/>
      <c r="AH55" s="1068" t="s">
        <v>335</v>
      </c>
      <c r="AI55" s="209"/>
      <c r="AJ55" s="209"/>
      <c r="AK55" s="209"/>
      <c r="AL55" s="1071" t="s">
        <v>336</v>
      </c>
      <c r="AM55" s="207"/>
      <c r="AN55" s="208"/>
      <c r="AO55" s="209"/>
      <c r="AP55" s="208"/>
      <c r="AQ55" s="209"/>
      <c r="AR55" s="210"/>
      <c r="AS55" s="206"/>
      <c r="AT55" s="207"/>
      <c r="AU55" s="208"/>
      <c r="AV55" s="209"/>
      <c r="AW55" s="208"/>
      <c r="AX55" s="209"/>
      <c r="AY55" s="210"/>
      <c r="AZ55" s="1074"/>
      <c r="BA55" s="1075"/>
      <c r="BB55" s="1075"/>
      <c r="BC55" s="1076"/>
      <c r="BD55" s="1023"/>
      <c r="BE55" s="1024"/>
      <c r="BF55" s="1024"/>
      <c r="BG55" s="1025"/>
      <c r="BH55" s="1029"/>
      <c r="BI55" s="1030"/>
      <c r="BJ55" s="1030"/>
      <c r="BK55" s="1030"/>
      <c r="BL55" s="1030"/>
      <c r="BM55" s="1030"/>
      <c r="BN55" s="1030"/>
      <c r="BO55" s="1030"/>
      <c r="BP55" s="1029"/>
      <c r="BQ55" s="1030"/>
      <c r="BR55" s="1035"/>
      <c r="BS55" s="1038"/>
      <c r="BT55" s="1038"/>
      <c r="BU55" s="1039"/>
      <c r="BV55" s="1044"/>
      <c r="BW55" s="1038"/>
      <c r="BX55" s="1039"/>
      <c r="BY55" s="1044"/>
      <c r="BZ55" s="1038"/>
      <c r="CA55" s="1039"/>
      <c r="CB55" s="207"/>
      <c r="CC55" s="208"/>
      <c r="CD55" s="209"/>
      <c r="CE55" s="208"/>
      <c r="CF55" s="209"/>
      <c r="CG55" s="210"/>
    </row>
    <row r="56" spans="1:85" ht="9" customHeight="1" x14ac:dyDescent="0.2">
      <c r="A56" s="191"/>
      <c r="B56" s="211"/>
      <c r="C56" s="1053"/>
      <c r="D56" s="1054"/>
      <c r="E56" s="1054"/>
      <c r="F56" s="1054"/>
      <c r="G56" s="1055"/>
      <c r="H56" s="1059"/>
      <c r="I56" s="1060"/>
      <c r="J56" s="1061"/>
      <c r="K56" s="1059"/>
      <c r="L56" s="1060"/>
      <c r="M56" s="1061"/>
      <c r="N56" s="1045"/>
      <c r="O56" s="1041"/>
      <c r="P56" s="212"/>
      <c r="Q56" s="213" t="s">
        <v>331</v>
      </c>
      <c r="R56" s="214"/>
      <c r="S56" s="213" t="s">
        <v>332</v>
      </c>
      <c r="T56" s="214"/>
      <c r="U56" s="215" t="s">
        <v>333</v>
      </c>
      <c r="V56" s="212"/>
      <c r="W56" s="213" t="s">
        <v>338</v>
      </c>
      <c r="X56" s="214"/>
      <c r="Y56" s="213" t="s">
        <v>290</v>
      </c>
      <c r="Z56" s="214"/>
      <c r="AA56" s="215" t="s">
        <v>341</v>
      </c>
      <c r="AB56" s="1059"/>
      <c r="AC56" s="1060"/>
      <c r="AD56" s="1060"/>
      <c r="AE56" s="1060"/>
      <c r="AF56" s="1060"/>
      <c r="AG56" s="1061"/>
      <c r="AH56" s="1069"/>
      <c r="AI56" s="216"/>
      <c r="AJ56" s="216"/>
      <c r="AK56" s="214"/>
      <c r="AL56" s="1072"/>
      <c r="AM56" s="212"/>
      <c r="AN56" s="213" t="s">
        <v>338</v>
      </c>
      <c r="AO56" s="214"/>
      <c r="AP56" s="213" t="s">
        <v>332</v>
      </c>
      <c r="AQ56" s="214"/>
      <c r="AR56" s="215" t="s">
        <v>333</v>
      </c>
      <c r="AS56" s="211"/>
      <c r="AT56" s="212"/>
      <c r="AU56" s="213" t="s">
        <v>343</v>
      </c>
      <c r="AV56" s="214"/>
      <c r="AW56" s="213" t="s">
        <v>290</v>
      </c>
      <c r="AX56" s="214"/>
      <c r="AY56" s="215" t="s">
        <v>333</v>
      </c>
      <c r="AZ56" s="1077"/>
      <c r="BA56" s="1078"/>
      <c r="BB56" s="1078"/>
      <c r="BC56" s="1079"/>
      <c r="BD56" s="1026"/>
      <c r="BE56" s="1027"/>
      <c r="BF56" s="1027"/>
      <c r="BG56" s="1028"/>
      <c r="BH56" s="1031"/>
      <c r="BI56" s="1032"/>
      <c r="BJ56" s="1032"/>
      <c r="BK56" s="1032"/>
      <c r="BL56" s="1032"/>
      <c r="BM56" s="1032"/>
      <c r="BN56" s="1032"/>
      <c r="BO56" s="1032"/>
      <c r="BP56" s="1031"/>
      <c r="BQ56" s="1032"/>
      <c r="BR56" s="1036"/>
      <c r="BS56" s="1040"/>
      <c r="BT56" s="1040"/>
      <c r="BU56" s="1041"/>
      <c r="BV56" s="1045"/>
      <c r="BW56" s="1040"/>
      <c r="BX56" s="1041"/>
      <c r="BY56" s="1045"/>
      <c r="BZ56" s="1040"/>
      <c r="CA56" s="1041"/>
      <c r="CB56" s="212"/>
      <c r="CC56" s="213" t="s">
        <v>331</v>
      </c>
      <c r="CD56" s="214"/>
      <c r="CE56" s="213" t="s">
        <v>342</v>
      </c>
      <c r="CF56" s="214"/>
      <c r="CG56" s="215" t="s">
        <v>333</v>
      </c>
    </row>
    <row r="57" spans="1:85" ht="9" customHeight="1" x14ac:dyDescent="0.2">
      <c r="A57" s="191"/>
      <c r="B57" s="217"/>
      <c r="C57" s="1090"/>
      <c r="D57" s="1091"/>
      <c r="E57" s="1091"/>
      <c r="F57" s="1091"/>
      <c r="G57" s="1092"/>
      <c r="H57" s="1059"/>
      <c r="I57" s="1060"/>
      <c r="J57" s="1061"/>
      <c r="K57" s="1059"/>
      <c r="L57" s="1060"/>
      <c r="M57" s="1061"/>
      <c r="N57" s="1045"/>
      <c r="O57" s="1041"/>
      <c r="P57" s="218"/>
      <c r="Q57" s="219"/>
      <c r="R57" s="220"/>
      <c r="S57" s="219"/>
      <c r="T57" s="220"/>
      <c r="U57" s="221"/>
      <c r="V57" s="218"/>
      <c r="W57" s="219"/>
      <c r="X57" s="220"/>
      <c r="Y57" s="219"/>
      <c r="Z57" s="220"/>
      <c r="AA57" s="221"/>
      <c r="AB57" s="1065"/>
      <c r="AC57" s="1066"/>
      <c r="AD57" s="1066"/>
      <c r="AE57" s="1066"/>
      <c r="AF57" s="1066"/>
      <c r="AG57" s="1067"/>
      <c r="AH57" s="1070"/>
      <c r="AI57" s="220"/>
      <c r="AJ57" s="220"/>
      <c r="AK57" s="220"/>
      <c r="AL57" s="1073"/>
      <c r="AM57" s="218"/>
      <c r="AN57" s="219"/>
      <c r="AO57" s="220"/>
      <c r="AP57" s="219"/>
      <c r="AQ57" s="220"/>
      <c r="AR57" s="221"/>
      <c r="AS57" s="217"/>
      <c r="AT57" s="218"/>
      <c r="AU57" s="219"/>
      <c r="AV57" s="220"/>
      <c r="AW57" s="219"/>
      <c r="AX57" s="220"/>
      <c r="AY57" s="221"/>
      <c r="AZ57" s="1093"/>
      <c r="BA57" s="1094"/>
      <c r="BB57" s="1094"/>
      <c r="BC57" s="1095"/>
      <c r="BD57" s="1023"/>
      <c r="BE57" s="1024"/>
      <c r="BF57" s="1024"/>
      <c r="BG57" s="1025"/>
      <c r="BH57" s="1033"/>
      <c r="BI57" s="1034"/>
      <c r="BJ57" s="1034"/>
      <c r="BK57" s="1034"/>
      <c r="BL57" s="1034"/>
      <c r="BM57" s="1034"/>
      <c r="BN57" s="1034"/>
      <c r="BO57" s="1034"/>
      <c r="BP57" s="1033"/>
      <c r="BQ57" s="1034"/>
      <c r="BR57" s="1037"/>
      <c r="BS57" s="1040"/>
      <c r="BT57" s="1040"/>
      <c r="BU57" s="1041"/>
      <c r="BV57" s="1045"/>
      <c r="BW57" s="1040"/>
      <c r="BX57" s="1041"/>
      <c r="BY57" s="1045"/>
      <c r="BZ57" s="1040"/>
      <c r="CA57" s="1041"/>
      <c r="CB57" s="218"/>
      <c r="CC57" s="219"/>
      <c r="CD57" s="220"/>
      <c r="CE57" s="219"/>
      <c r="CF57" s="220"/>
      <c r="CG57" s="221"/>
    </row>
    <row r="58" spans="1:85" ht="9" customHeight="1" x14ac:dyDescent="0.2">
      <c r="A58" s="191"/>
      <c r="B58" s="211"/>
      <c r="C58" s="1053"/>
      <c r="D58" s="1054"/>
      <c r="E58" s="1054"/>
      <c r="F58" s="1054"/>
      <c r="G58" s="1055"/>
      <c r="H58" s="1059"/>
      <c r="I58" s="1060"/>
      <c r="J58" s="1061"/>
      <c r="K58" s="1059"/>
      <c r="L58" s="1060"/>
      <c r="M58" s="1061"/>
      <c r="N58" s="1045"/>
      <c r="O58" s="1041"/>
      <c r="P58" s="222"/>
      <c r="Q58" s="223"/>
      <c r="R58" s="223"/>
      <c r="S58" s="223"/>
      <c r="T58" s="223"/>
      <c r="U58" s="1096" t="s">
        <v>331</v>
      </c>
      <c r="V58" s="224"/>
      <c r="W58" s="225"/>
      <c r="X58" s="225"/>
      <c r="Y58" s="225"/>
      <c r="Z58" s="225"/>
      <c r="AA58" s="226"/>
      <c r="AB58" s="1059"/>
      <c r="AC58" s="1060"/>
      <c r="AD58" s="1060"/>
      <c r="AE58" s="1060"/>
      <c r="AF58" s="1060"/>
      <c r="AG58" s="1061"/>
      <c r="AH58" s="1069" t="s">
        <v>335</v>
      </c>
      <c r="AI58" s="214"/>
      <c r="AJ58" s="214"/>
      <c r="AK58" s="214"/>
      <c r="AL58" s="1072" t="s">
        <v>330</v>
      </c>
      <c r="AM58" s="212"/>
      <c r="AN58" s="214"/>
      <c r="AO58" s="227"/>
      <c r="AP58" s="227"/>
      <c r="AQ58" s="214"/>
      <c r="AR58" s="228"/>
      <c r="AS58" s="211"/>
      <c r="AT58" s="1059"/>
      <c r="AU58" s="1060"/>
      <c r="AV58" s="1060"/>
      <c r="AW58" s="1060"/>
      <c r="AX58" s="1060"/>
      <c r="AY58" s="1061"/>
      <c r="AZ58" s="1077"/>
      <c r="BA58" s="1078"/>
      <c r="BB58" s="1078"/>
      <c r="BC58" s="1079"/>
      <c r="BD58" s="1026"/>
      <c r="BE58" s="1027"/>
      <c r="BF58" s="1027"/>
      <c r="BG58" s="1028"/>
      <c r="BH58" s="1031"/>
      <c r="BI58" s="1032"/>
      <c r="BJ58" s="1032"/>
      <c r="BK58" s="1032"/>
      <c r="BL58" s="1032"/>
      <c r="BM58" s="1032"/>
      <c r="BN58" s="1032"/>
      <c r="BO58" s="1032"/>
      <c r="BP58" s="1031"/>
      <c r="BQ58" s="1032"/>
      <c r="BR58" s="1036"/>
      <c r="BS58" s="1040"/>
      <c r="BT58" s="1040"/>
      <c r="BU58" s="1041"/>
      <c r="BV58" s="1045"/>
      <c r="BW58" s="1040"/>
      <c r="BX58" s="1041"/>
      <c r="BY58" s="1045"/>
      <c r="BZ58" s="1040"/>
      <c r="CA58" s="1041"/>
      <c r="CB58" s="212"/>
      <c r="CC58" s="213"/>
      <c r="CD58" s="214"/>
      <c r="CE58" s="213"/>
      <c r="CF58" s="214"/>
      <c r="CG58" s="215"/>
    </row>
    <row r="59" spans="1:85" ht="9" customHeight="1" x14ac:dyDescent="0.2">
      <c r="A59" s="191"/>
      <c r="B59" s="211"/>
      <c r="C59" s="1099"/>
      <c r="D59" s="1100"/>
      <c r="E59" s="1100"/>
      <c r="F59" s="1100"/>
      <c r="G59" s="1101"/>
      <c r="H59" s="1059"/>
      <c r="I59" s="1060"/>
      <c r="J59" s="1061"/>
      <c r="K59" s="1059"/>
      <c r="L59" s="1060"/>
      <c r="M59" s="1061"/>
      <c r="N59" s="1045"/>
      <c r="O59" s="1041"/>
      <c r="P59" s="229"/>
      <c r="Q59" s="230"/>
      <c r="R59" s="230"/>
      <c r="S59" s="230"/>
      <c r="T59" s="230"/>
      <c r="U59" s="1036"/>
      <c r="V59" s="224"/>
      <c r="W59" s="225"/>
      <c r="X59" s="225"/>
      <c r="Y59" s="231"/>
      <c r="Z59" s="231"/>
      <c r="AA59" s="226"/>
      <c r="AB59" s="1059"/>
      <c r="AC59" s="1060"/>
      <c r="AD59" s="1060"/>
      <c r="AE59" s="1060"/>
      <c r="AF59" s="1060"/>
      <c r="AG59" s="1061"/>
      <c r="AH59" s="1069"/>
      <c r="AI59" s="216"/>
      <c r="AJ59" s="214"/>
      <c r="AK59" s="214"/>
      <c r="AL59" s="1072"/>
      <c r="AM59" s="212"/>
      <c r="AN59" s="216"/>
      <c r="AO59" s="1105" t="s">
        <v>337</v>
      </c>
      <c r="AP59" s="1105"/>
      <c r="AQ59" s="216"/>
      <c r="AR59" s="228"/>
      <c r="AS59" s="211"/>
      <c r="AT59" s="1059"/>
      <c r="AU59" s="1060"/>
      <c r="AV59" s="1060"/>
      <c r="AW59" s="1060"/>
      <c r="AX59" s="1060"/>
      <c r="AY59" s="1061"/>
      <c r="AZ59" s="1080"/>
      <c r="BA59" s="1081"/>
      <c r="BB59" s="1081"/>
      <c r="BC59" s="1082"/>
      <c r="BD59" s="1086"/>
      <c r="BE59" s="1081"/>
      <c r="BF59" s="1081"/>
      <c r="BG59" s="1087"/>
      <c r="BH59" s="1031"/>
      <c r="BI59" s="1032"/>
      <c r="BJ59" s="1032"/>
      <c r="BK59" s="1032"/>
      <c r="BL59" s="1032"/>
      <c r="BM59" s="1032"/>
      <c r="BN59" s="1032"/>
      <c r="BO59" s="1032"/>
      <c r="BP59" s="1031"/>
      <c r="BQ59" s="1032"/>
      <c r="BR59" s="1036"/>
      <c r="BS59" s="1040"/>
      <c r="BT59" s="1040"/>
      <c r="BU59" s="1041"/>
      <c r="BV59" s="1045"/>
      <c r="BW59" s="1040"/>
      <c r="BX59" s="1041"/>
      <c r="BY59" s="1045"/>
      <c r="BZ59" s="1040"/>
      <c r="CA59" s="1041"/>
      <c r="CB59" s="212"/>
      <c r="CC59" s="213" t="s">
        <v>338</v>
      </c>
      <c r="CD59" s="214"/>
      <c r="CE59" s="213" t="s">
        <v>332</v>
      </c>
      <c r="CF59" s="214"/>
      <c r="CG59" s="215" t="s">
        <v>341</v>
      </c>
    </row>
    <row r="60" spans="1:85" ht="9" customHeight="1" x14ac:dyDescent="0.2">
      <c r="A60" s="191"/>
      <c r="B60" s="232"/>
      <c r="C60" s="1102"/>
      <c r="D60" s="1103"/>
      <c r="E60" s="1103"/>
      <c r="F60" s="1103"/>
      <c r="G60" s="1104"/>
      <c r="H60" s="1062"/>
      <c r="I60" s="1063"/>
      <c r="J60" s="1064"/>
      <c r="K60" s="1062"/>
      <c r="L60" s="1063"/>
      <c r="M60" s="1064"/>
      <c r="N60" s="1046"/>
      <c r="O60" s="1043"/>
      <c r="P60" s="233"/>
      <c r="Q60" s="234"/>
      <c r="R60" s="234"/>
      <c r="S60" s="234"/>
      <c r="T60" s="234"/>
      <c r="U60" s="1049"/>
      <c r="V60" s="235"/>
      <c r="W60" s="236"/>
      <c r="X60" s="236"/>
      <c r="Y60" s="236"/>
      <c r="Z60" s="236"/>
      <c r="AA60" s="237"/>
      <c r="AB60" s="1062"/>
      <c r="AC60" s="1063"/>
      <c r="AD60" s="1063"/>
      <c r="AE60" s="1063"/>
      <c r="AF60" s="1063"/>
      <c r="AG60" s="1064"/>
      <c r="AH60" s="1097"/>
      <c r="AI60" s="238"/>
      <c r="AJ60" s="238"/>
      <c r="AK60" s="238"/>
      <c r="AL60" s="1098"/>
      <c r="AM60" s="239"/>
      <c r="AN60" s="238"/>
      <c r="AO60" s="240"/>
      <c r="AP60" s="240"/>
      <c r="AQ60" s="238"/>
      <c r="AR60" s="241"/>
      <c r="AS60" s="232"/>
      <c r="AT60" s="1062"/>
      <c r="AU60" s="1063"/>
      <c r="AV60" s="1063"/>
      <c r="AW60" s="1063"/>
      <c r="AX60" s="1063"/>
      <c r="AY60" s="1064"/>
      <c r="AZ60" s="1083"/>
      <c r="BA60" s="1084"/>
      <c r="BB60" s="1084"/>
      <c r="BC60" s="1085"/>
      <c r="BD60" s="1088"/>
      <c r="BE60" s="1084"/>
      <c r="BF60" s="1084"/>
      <c r="BG60" s="1089"/>
      <c r="BH60" s="1047"/>
      <c r="BI60" s="1048"/>
      <c r="BJ60" s="1048"/>
      <c r="BK60" s="1048"/>
      <c r="BL60" s="1048"/>
      <c r="BM60" s="1048"/>
      <c r="BN60" s="1048"/>
      <c r="BO60" s="1048"/>
      <c r="BP60" s="1047"/>
      <c r="BQ60" s="1048"/>
      <c r="BR60" s="1049"/>
      <c r="BS60" s="1042"/>
      <c r="BT60" s="1042"/>
      <c r="BU60" s="1043"/>
      <c r="BV60" s="1046"/>
      <c r="BW60" s="1042"/>
      <c r="BX60" s="1043"/>
      <c r="BY60" s="1046"/>
      <c r="BZ60" s="1042"/>
      <c r="CA60" s="1043"/>
      <c r="CB60" s="239"/>
      <c r="CC60" s="242"/>
      <c r="CD60" s="238"/>
      <c r="CE60" s="242"/>
      <c r="CF60" s="238"/>
      <c r="CG60" s="243"/>
    </row>
    <row r="61" spans="1:85" ht="9" customHeight="1" x14ac:dyDescent="0.2">
      <c r="A61" s="191"/>
      <c r="B61" s="206"/>
      <c r="C61" s="1050"/>
      <c r="D61" s="1051"/>
      <c r="E61" s="1051"/>
      <c r="F61" s="1051"/>
      <c r="G61" s="1052"/>
      <c r="H61" s="1056"/>
      <c r="I61" s="1057"/>
      <c r="J61" s="1058"/>
      <c r="K61" s="1056"/>
      <c r="L61" s="1057"/>
      <c r="M61" s="1058"/>
      <c r="N61" s="1044"/>
      <c r="O61" s="1039"/>
      <c r="P61" s="207"/>
      <c r="Q61" s="208"/>
      <c r="R61" s="209"/>
      <c r="S61" s="208"/>
      <c r="T61" s="209"/>
      <c r="U61" s="210"/>
      <c r="V61" s="207"/>
      <c r="W61" s="208"/>
      <c r="X61" s="209"/>
      <c r="Y61" s="208"/>
      <c r="Z61" s="209"/>
      <c r="AA61" s="210"/>
      <c r="AB61" s="1056"/>
      <c r="AC61" s="1057"/>
      <c r="AD61" s="1057"/>
      <c r="AE61" s="1057"/>
      <c r="AF61" s="1057"/>
      <c r="AG61" s="1058"/>
      <c r="AH61" s="1068" t="s">
        <v>335</v>
      </c>
      <c r="AI61" s="209"/>
      <c r="AJ61" s="209"/>
      <c r="AK61" s="209"/>
      <c r="AL61" s="1071" t="s">
        <v>336</v>
      </c>
      <c r="AM61" s="207"/>
      <c r="AN61" s="208"/>
      <c r="AO61" s="209"/>
      <c r="AP61" s="208"/>
      <c r="AQ61" s="209"/>
      <c r="AR61" s="210"/>
      <c r="AS61" s="206"/>
      <c r="AT61" s="207"/>
      <c r="AU61" s="208"/>
      <c r="AV61" s="209"/>
      <c r="AW61" s="208"/>
      <c r="AX61" s="209"/>
      <c r="AY61" s="210"/>
      <c r="AZ61" s="1074"/>
      <c r="BA61" s="1075"/>
      <c r="BB61" s="1075"/>
      <c r="BC61" s="1076"/>
      <c r="BD61" s="1023"/>
      <c r="BE61" s="1024"/>
      <c r="BF61" s="1024"/>
      <c r="BG61" s="1025"/>
      <c r="BH61" s="1029"/>
      <c r="BI61" s="1030"/>
      <c r="BJ61" s="1030"/>
      <c r="BK61" s="1030"/>
      <c r="BL61" s="1030"/>
      <c r="BM61" s="1030"/>
      <c r="BN61" s="1030"/>
      <c r="BO61" s="1030"/>
      <c r="BP61" s="1029"/>
      <c r="BQ61" s="1030"/>
      <c r="BR61" s="1035"/>
      <c r="BS61" s="1038"/>
      <c r="BT61" s="1038"/>
      <c r="BU61" s="1039"/>
      <c r="BV61" s="1044"/>
      <c r="BW61" s="1038"/>
      <c r="BX61" s="1039"/>
      <c r="BY61" s="1044"/>
      <c r="BZ61" s="1038"/>
      <c r="CA61" s="1039"/>
      <c r="CB61" s="207"/>
      <c r="CC61" s="208"/>
      <c r="CD61" s="209"/>
      <c r="CE61" s="208"/>
      <c r="CF61" s="209"/>
      <c r="CG61" s="210"/>
    </row>
    <row r="62" spans="1:85" ht="9" customHeight="1" x14ac:dyDescent="0.2">
      <c r="A62" s="191"/>
      <c r="B62" s="211"/>
      <c r="C62" s="1053"/>
      <c r="D62" s="1054"/>
      <c r="E62" s="1054"/>
      <c r="F62" s="1054"/>
      <c r="G62" s="1055"/>
      <c r="H62" s="1059"/>
      <c r="I62" s="1060"/>
      <c r="J62" s="1061"/>
      <c r="K62" s="1059"/>
      <c r="L62" s="1060"/>
      <c r="M62" s="1061"/>
      <c r="N62" s="1045"/>
      <c r="O62" s="1041"/>
      <c r="P62" s="212"/>
      <c r="Q62" s="213" t="s">
        <v>331</v>
      </c>
      <c r="R62" s="214"/>
      <c r="S62" s="213" t="s">
        <v>332</v>
      </c>
      <c r="T62" s="214"/>
      <c r="U62" s="215" t="s">
        <v>333</v>
      </c>
      <c r="V62" s="212"/>
      <c r="W62" s="213" t="s">
        <v>331</v>
      </c>
      <c r="X62" s="214"/>
      <c r="Y62" s="213" t="s">
        <v>332</v>
      </c>
      <c r="Z62" s="214"/>
      <c r="AA62" s="215" t="s">
        <v>333</v>
      </c>
      <c r="AB62" s="1059"/>
      <c r="AC62" s="1060"/>
      <c r="AD62" s="1060"/>
      <c r="AE62" s="1060"/>
      <c r="AF62" s="1060"/>
      <c r="AG62" s="1061"/>
      <c r="AH62" s="1069"/>
      <c r="AI62" s="216"/>
      <c r="AJ62" s="216"/>
      <c r="AK62" s="214"/>
      <c r="AL62" s="1072"/>
      <c r="AM62" s="212"/>
      <c r="AN62" s="213" t="s">
        <v>338</v>
      </c>
      <c r="AO62" s="214"/>
      <c r="AP62" s="213" t="s">
        <v>332</v>
      </c>
      <c r="AQ62" s="214"/>
      <c r="AR62" s="215" t="s">
        <v>333</v>
      </c>
      <c r="AS62" s="211"/>
      <c r="AT62" s="212"/>
      <c r="AU62" s="213" t="s">
        <v>338</v>
      </c>
      <c r="AV62" s="214"/>
      <c r="AW62" s="213" t="s">
        <v>290</v>
      </c>
      <c r="AX62" s="214"/>
      <c r="AY62" s="215" t="s">
        <v>333</v>
      </c>
      <c r="AZ62" s="1077"/>
      <c r="BA62" s="1078"/>
      <c r="BB62" s="1078"/>
      <c r="BC62" s="1079"/>
      <c r="BD62" s="1026"/>
      <c r="BE62" s="1027"/>
      <c r="BF62" s="1027"/>
      <c r="BG62" s="1028"/>
      <c r="BH62" s="1031"/>
      <c r="BI62" s="1032"/>
      <c r="BJ62" s="1032"/>
      <c r="BK62" s="1032"/>
      <c r="BL62" s="1032"/>
      <c r="BM62" s="1032"/>
      <c r="BN62" s="1032"/>
      <c r="BO62" s="1032"/>
      <c r="BP62" s="1031"/>
      <c r="BQ62" s="1032"/>
      <c r="BR62" s="1036"/>
      <c r="BS62" s="1040"/>
      <c r="BT62" s="1040"/>
      <c r="BU62" s="1041"/>
      <c r="BV62" s="1045"/>
      <c r="BW62" s="1040"/>
      <c r="BX62" s="1041"/>
      <c r="BY62" s="1045"/>
      <c r="BZ62" s="1040"/>
      <c r="CA62" s="1041"/>
      <c r="CB62" s="212"/>
      <c r="CC62" s="213" t="s">
        <v>331</v>
      </c>
      <c r="CD62" s="214"/>
      <c r="CE62" s="213" t="s">
        <v>332</v>
      </c>
      <c r="CF62" s="214"/>
      <c r="CG62" s="215" t="s">
        <v>340</v>
      </c>
    </row>
    <row r="63" spans="1:85" ht="9" customHeight="1" x14ac:dyDescent="0.2">
      <c r="A63" s="191"/>
      <c r="B63" s="217"/>
      <c r="C63" s="1090"/>
      <c r="D63" s="1091"/>
      <c r="E63" s="1091"/>
      <c r="F63" s="1091"/>
      <c r="G63" s="1092"/>
      <c r="H63" s="1059"/>
      <c r="I63" s="1060"/>
      <c r="J63" s="1061"/>
      <c r="K63" s="1059"/>
      <c r="L63" s="1060"/>
      <c r="M63" s="1061"/>
      <c r="N63" s="1045"/>
      <c r="O63" s="1041"/>
      <c r="P63" s="218"/>
      <c r="Q63" s="219"/>
      <c r="R63" s="220"/>
      <c r="S63" s="219"/>
      <c r="T63" s="220"/>
      <c r="U63" s="221"/>
      <c r="V63" s="218"/>
      <c r="W63" s="219"/>
      <c r="X63" s="220"/>
      <c r="Y63" s="219"/>
      <c r="Z63" s="220"/>
      <c r="AA63" s="221"/>
      <c r="AB63" s="1065"/>
      <c r="AC63" s="1066"/>
      <c r="AD63" s="1066"/>
      <c r="AE63" s="1066"/>
      <c r="AF63" s="1066"/>
      <c r="AG63" s="1067"/>
      <c r="AH63" s="1070"/>
      <c r="AI63" s="220"/>
      <c r="AJ63" s="220"/>
      <c r="AK63" s="220"/>
      <c r="AL63" s="1073"/>
      <c r="AM63" s="218"/>
      <c r="AN63" s="219"/>
      <c r="AO63" s="220"/>
      <c r="AP63" s="219"/>
      <c r="AQ63" s="220"/>
      <c r="AR63" s="221"/>
      <c r="AS63" s="217"/>
      <c r="AT63" s="218"/>
      <c r="AU63" s="219"/>
      <c r="AV63" s="220"/>
      <c r="AW63" s="219"/>
      <c r="AX63" s="220"/>
      <c r="AY63" s="221"/>
      <c r="AZ63" s="1093"/>
      <c r="BA63" s="1094"/>
      <c r="BB63" s="1094"/>
      <c r="BC63" s="1095"/>
      <c r="BD63" s="1023"/>
      <c r="BE63" s="1024"/>
      <c r="BF63" s="1024"/>
      <c r="BG63" s="1025"/>
      <c r="BH63" s="1033"/>
      <c r="BI63" s="1034"/>
      <c r="BJ63" s="1034"/>
      <c r="BK63" s="1034"/>
      <c r="BL63" s="1034"/>
      <c r="BM63" s="1034"/>
      <c r="BN63" s="1034"/>
      <c r="BO63" s="1034"/>
      <c r="BP63" s="1033"/>
      <c r="BQ63" s="1034"/>
      <c r="BR63" s="1037"/>
      <c r="BS63" s="1040"/>
      <c r="BT63" s="1040"/>
      <c r="BU63" s="1041"/>
      <c r="BV63" s="1045"/>
      <c r="BW63" s="1040"/>
      <c r="BX63" s="1041"/>
      <c r="BY63" s="1045"/>
      <c r="BZ63" s="1040"/>
      <c r="CA63" s="1041"/>
      <c r="CB63" s="218"/>
      <c r="CC63" s="219"/>
      <c r="CD63" s="220"/>
      <c r="CE63" s="219"/>
      <c r="CF63" s="220"/>
      <c r="CG63" s="221"/>
    </row>
    <row r="64" spans="1:85" ht="9" customHeight="1" x14ac:dyDescent="0.2">
      <c r="A64" s="191"/>
      <c r="B64" s="211"/>
      <c r="C64" s="1053"/>
      <c r="D64" s="1054"/>
      <c r="E64" s="1054"/>
      <c r="F64" s="1054"/>
      <c r="G64" s="1055"/>
      <c r="H64" s="1059"/>
      <c r="I64" s="1060"/>
      <c r="J64" s="1061"/>
      <c r="K64" s="1059"/>
      <c r="L64" s="1060"/>
      <c r="M64" s="1061"/>
      <c r="N64" s="1045"/>
      <c r="O64" s="1041"/>
      <c r="P64" s="222"/>
      <c r="Q64" s="223"/>
      <c r="R64" s="223"/>
      <c r="S64" s="223"/>
      <c r="T64" s="223"/>
      <c r="U64" s="1096" t="s">
        <v>331</v>
      </c>
      <c r="V64" s="224"/>
      <c r="W64" s="225"/>
      <c r="X64" s="225"/>
      <c r="Y64" s="225"/>
      <c r="Z64" s="225"/>
      <c r="AA64" s="226"/>
      <c r="AB64" s="1059"/>
      <c r="AC64" s="1060"/>
      <c r="AD64" s="1060"/>
      <c r="AE64" s="1060"/>
      <c r="AF64" s="1060"/>
      <c r="AG64" s="1061"/>
      <c r="AH64" s="1069" t="s">
        <v>344</v>
      </c>
      <c r="AI64" s="214"/>
      <c r="AJ64" s="214"/>
      <c r="AK64" s="214"/>
      <c r="AL64" s="1072" t="s">
        <v>330</v>
      </c>
      <c r="AM64" s="212"/>
      <c r="AN64" s="214"/>
      <c r="AO64" s="227"/>
      <c r="AP64" s="227"/>
      <c r="AQ64" s="214"/>
      <c r="AR64" s="228"/>
      <c r="AS64" s="211"/>
      <c r="AT64" s="1059"/>
      <c r="AU64" s="1060"/>
      <c r="AV64" s="1060"/>
      <c r="AW64" s="1060"/>
      <c r="AX64" s="1060"/>
      <c r="AY64" s="1061"/>
      <c r="AZ64" s="1077"/>
      <c r="BA64" s="1078"/>
      <c r="BB64" s="1078"/>
      <c r="BC64" s="1079"/>
      <c r="BD64" s="1026"/>
      <c r="BE64" s="1027"/>
      <c r="BF64" s="1027"/>
      <c r="BG64" s="1028"/>
      <c r="BH64" s="1031"/>
      <c r="BI64" s="1032"/>
      <c r="BJ64" s="1032"/>
      <c r="BK64" s="1032"/>
      <c r="BL64" s="1032"/>
      <c r="BM64" s="1032"/>
      <c r="BN64" s="1032"/>
      <c r="BO64" s="1032"/>
      <c r="BP64" s="1031"/>
      <c r="BQ64" s="1032"/>
      <c r="BR64" s="1036"/>
      <c r="BS64" s="1040"/>
      <c r="BT64" s="1040"/>
      <c r="BU64" s="1041"/>
      <c r="BV64" s="1045"/>
      <c r="BW64" s="1040"/>
      <c r="BX64" s="1041"/>
      <c r="BY64" s="1045"/>
      <c r="BZ64" s="1040"/>
      <c r="CA64" s="1041"/>
      <c r="CB64" s="212"/>
      <c r="CC64" s="213"/>
      <c r="CD64" s="214"/>
      <c r="CE64" s="213"/>
      <c r="CF64" s="214"/>
      <c r="CG64" s="215"/>
    </row>
    <row r="65" spans="1:85" ht="9" customHeight="1" x14ac:dyDescent="0.2">
      <c r="A65" s="191"/>
      <c r="B65" s="211"/>
      <c r="C65" s="1099"/>
      <c r="D65" s="1100"/>
      <c r="E65" s="1100"/>
      <c r="F65" s="1100"/>
      <c r="G65" s="1101"/>
      <c r="H65" s="1059"/>
      <c r="I65" s="1060"/>
      <c r="J65" s="1061"/>
      <c r="K65" s="1059"/>
      <c r="L65" s="1060"/>
      <c r="M65" s="1061"/>
      <c r="N65" s="1045"/>
      <c r="O65" s="1041"/>
      <c r="P65" s="229"/>
      <c r="Q65" s="230"/>
      <c r="R65" s="230"/>
      <c r="S65" s="230"/>
      <c r="T65" s="230"/>
      <c r="U65" s="1036"/>
      <c r="V65" s="224"/>
      <c r="W65" s="225"/>
      <c r="X65" s="225"/>
      <c r="Y65" s="231"/>
      <c r="Z65" s="231"/>
      <c r="AA65" s="226"/>
      <c r="AB65" s="1059"/>
      <c r="AC65" s="1060"/>
      <c r="AD65" s="1060"/>
      <c r="AE65" s="1060"/>
      <c r="AF65" s="1060"/>
      <c r="AG65" s="1061"/>
      <c r="AH65" s="1069"/>
      <c r="AI65" s="216"/>
      <c r="AJ65" s="214"/>
      <c r="AK65" s="214"/>
      <c r="AL65" s="1072"/>
      <c r="AM65" s="212"/>
      <c r="AN65" s="216"/>
      <c r="AO65" s="1105" t="s">
        <v>337</v>
      </c>
      <c r="AP65" s="1105"/>
      <c r="AQ65" s="216"/>
      <c r="AR65" s="228"/>
      <c r="AS65" s="211"/>
      <c r="AT65" s="1059"/>
      <c r="AU65" s="1060"/>
      <c r="AV65" s="1060"/>
      <c r="AW65" s="1060"/>
      <c r="AX65" s="1060"/>
      <c r="AY65" s="1061"/>
      <c r="AZ65" s="1080"/>
      <c r="BA65" s="1081"/>
      <c r="BB65" s="1081"/>
      <c r="BC65" s="1082"/>
      <c r="BD65" s="1086"/>
      <c r="BE65" s="1081"/>
      <c r="BF65" s="1081"/>
      <c r="BG65" s="1087"/>
      <c r="BH65" s="1031"/>
      <c r="BI65" s="1032"/>
      <c r="BJ65" s="1032"/>
      <c r="BK65" s="1032"/>
      <c r="BL65" s="1032"/>
      <c r="BM65" s="1032"/>
      <c r="BN65" s="1032"/>
      <c r="BO65" s="1032"/>
      <c r="BP65" s="1031"/>
      <c r="BQ65" s="1032"/>
      <c r="BR65" s="1036"/>
      <c r="BS65" s="1040"/>
      <c r="BT65" s="1040"/>
      <c r="BU65" s="1041"/>
      <c r="BV65" s="1045"/>
      <c r="BW65" s="1040"/>
      <c r="BX65" s="1041"/>
      <c r="BY65" s="1045"/>
      <c r="BZ65" s="1040"/>
      <c r="CA65" s="1041"/>
      <c r="CB65" s="212"/>
      <c r="CC65" s="213" t="s">
        <v>331</v>
      </c>
      <c r="CD65" s="214"/>
      <c r="CE65" s="213" t="s">
        <v>290</v>
      </c>
      <c r="CF65" s="214"/>
      <c r="CG65" s="215" t="s">
        <v>333</v>
      </c>
    </row>
    <row r="66" spans="1:85" ht="9" customHeight="1" x14ac:dyDescent="0.2">
      <c r="A66" s="191"/>
      <c r="B66" s="232"/>
      <c r="C66" s="1102"/>
      <c r="D66" s="1103"/>
      <c r="E66" s="1103"/>
      <c r="F66" s="1103"/>
      <c r="G66" s="1104"/>
      <c r="H66" s="1062"/>
      <c r="I66" s="1063"/>
      <c r="J66" s="1064"/>
      <c r="K66" s="1062"/>
      <c r="L66" s="1063"/>
      <c r="M66" s="1064"/>
      <c r="N66" s="1046"/>
      <c r="O66" s="1043"/>
      <c r="P66" s="233"/>
      <c r="Q66" s="234"/>
      <c r="R66" s="234"/>
      <c r="S66" s="234"/>
      <c r="T66" s="234"/>
      <c r="U66" s="1049"/>
      <c r="V66" s="235"/>
      <c r="W66" s="236"/>
      <c r="X66" s="236"/>
      <c r="Y66" s="236"/>
      <c r="Z66" s="236"/>
      <c r="AA66" s="237"/>
      <c r="AB66" s="1062"/>
      <c r="AC66" s="1063"/>
      <c r="AD66" s="1063"/>
      <c r="AE66" s="1063"/>
      <c r="AF66" s="1063"/>
      <c r="AG66" s="1064"/>
      <c r="AH66" s="1097"/>
      <c r="AI66" s="238"/>
      <c r="AJ66" s="238"/>
      <c r="AK66" s="238"/>
      <c r="AL66" s="1098"/>
      <c r="AM66" s="239"/>
      <c r="AN66" s="238"/>
      <c r="AO66" s="240"/>
      <c r="AP66" s="240"/>
      <c r="AQ66" s="238"/>
      <c r="AR66" s="241"/>
      <c r="AS66" s="232"/>
      <c r="AT66" s="1062"/>
      <c r="AU66" s="1063"/>
      <c r="AV66" s="1063"/>
      <c r="AW66" s="1063"/>
      <c r="AX66" s="1063"/>
      <c r="AY66" s="1064"/>
      <c r="AZ66" s="1083"/>
      <c r="BA66" s="1084"/>
      <c r="BB66" s="1084"/>
      <c r="BC66" s="1085"/>
      <c r="BD66" s="1088"/>
      <c r="BE66" s="1084"/>
      <c r="BF66" s="1084"/>
      <c r="BG66" s="1089"/>
      <c r="BH66" s="1047"/>
      <c r="BI66" s="1048"/>
      <c r="BJ66" s="1048"/>
      <c r="BK66" s="1048"/>
      <c r="BL66" s="1048"/>
      <c r="BM66" s="1048"/>
      <c r="BN66" s="1048"/>
      <c r="BO66" s="1048"/>
      <c r="BP66" s="1047"/>
      <c r="BQ66" s="1048"/>
      <c r="BR66" s="1049"/>
      <c r="BS66" s="1042"/>
      <c r="BT66" s="1042"/>
      <c r="BU66" s="1043"/>
      <c r="BV66" s="1046"/>
      <c r="BW66" s="1042"/>
      <c r="BX66" s="1043"/>
      <c r="BY66" s="1046"/>
      <c r="BZ66" s="1042"/>
      <c r="CA66" s="1043"/>
      <c r="CB66" s="239"/>
      <c r="CC66" s="242"/>
      <c r="CD66" s="238"/>
      <c r="CE66" s="242"/>
      <c r="CF66" s="238"/>
      <c r="CG66" s="243"/>
    </row>
    <row r="67" spans="1:85" ht="9" customHeight="1" x14ac:dyDescent="0.2">
      <c r="A67" s="191"/>
      <c r="B67" s="206"/>
      <c r="C67" s="1050"/>
      <c r="D67" s="1051"/>
      <c r="E67" s="1051"/>
      <c r="F67" s="1051"/>
      <c r="G67" s="1052"/>
      <c r="H67" s="1056"/>
      <c r="I67" s="1057"/>
      <c r="J67" s="1058"/>
      <c r="K67" s="1056"/>
      <c r="L67" s="1057"/>
      <c r="M67" s="1058"/>
      <c r="N67" s="1044"/>
      <c r="O67" s="1039"/>
      <c r="P67" s="207"/>
      <c r="Q67" s="208"/>
      <c r="R67" s="209"/>
      <c r="S67" s="208"/>
      <c r="T67" s="209"/>
      <c r="U67" s="210"/>
      <c r="V67" s="207"/>
      <c r="W67" s="208"/>
      <c r="X67" s="209"/>
      <c r="Y67" s="208"/>
      <c r="Z67" s="209"/>
      <c r="AA67" s="210"/>
      <c r="AB67" s="1056"/>
      <c r="AC67" s="1057"/>
      <c r="AD67" s="1057"/>
      <c r="AE67" s="1057"/>
      <c r="AF67" s="1057"/>
      <c r="AG67" s="1058"/>
      <c r="AH67" s="1068" t="s">
        <v>294</v>
      </c>
      <c r="AI67" s="209"/>
      <c r="AJ67" s="209"/>
      <c r="AK67" s="209"/>
      <c r="AL67" s="1071" t="s">
        <v>339</v>
      </c>
      <c r="AM67" s="207"/>
      <c r="AN67" s="208"/>
      <c r="AO67" s="209"/>
      <c r="AP67" s="208"/>
      <c r="AQ67" s="209"/>
      <c r="AR67" s="210"/>
      <c r="AS67" s="206"/>
      <c r="AT67" s="207"/>
      <c r="AU67" s="208"/>
      <c r="AV67" s="209"/>
      <c r="AW67" s="208"/>
      <c r="AX67" s="209"/>
      <c r="AY67" s="210"/>
      <c r="AZ67" s="1074"/>
      <c r="BA67" s="1075"/>
      <c r="BB67" s="1075"/>
      <c r="BC67" s="1076"/>
      <c r="BD67" s="1023"/>
      <c r="BE67" s="1024"/>
      <c r="BF67" s="1024"/>
      <c r="BG67" s="1025"/>
      <c r="BH67" s="1029"/>
      <c r="BI67" s="1030"/>
      <c r="BJ67" s="1030"/>
      <c r="BK67" s="1030"/>
      <c r="BL67" s="1030"/>
      <c r="BM67" s="1030"/>
      <c r="BN67" s="1030"/>
      <c r="BO67" s="1030"/>
      <c r="BP67" s="1029"/>
      <c r="BQ67" s="1030"/>
      <c r="BR67" s="1035"/>
      <c r="BS67" s="1038"/>
      <c r="BT67" s="1038"/>
      <c r="BU67" s="1039"/>
      <c r="BV67" s="1044"/>
      <c r="BW67" s="1038"/>
      <c r="BX67" s="1039"/>
      <c r="BY67" s="1044"/>
      <c r="BZ67" s="1038"/>
      <c r="CA67" s="1039"/>
      <c r="CB67" s="207"/>
      <c r="CC67" s="208"/>
      <c r="CD67" s="209"/>
      <c r="CE67" s="208"/>
      <c r="CF67" s="209"/>
      <c r="CG67" s="210"/>
    </row>
    <row r="68" spans="1:85" ht="9" customHeight="1" x14ac:dyDescent="0.2">
      <c r="A68" s="191"/>
      <c r="B68" s="211"/>
      <c r="C68" s="1053"/>
      <c r="D68" s="1054"/>
      <c r="E68" s="1054"/>
      <c r="F68" s="1054"/>
      <c r="G68" s="1055"/>
      <c r="H68" s="1059"/>
      <c r="I68" s="1060"/>
      <c r="J68" s="1061"/>
      <c r="K68" s="1059"/>
      <c r="L68" s="1060"/>
      <c r="M68" s="1061"/>
      <c r="N68" s="1045"/>
      <c r="O68" s="1041"/>
      <c r="P68" s="212"/>
      <c r="Q68" s="213" t="s">
        <v>331</v>
      </c>
      <c r="R68" s="214"/>
      <c r="S68" s="213" t="s">
        <v>332</v>
      </c>
      <c r="T68" s="214"/>
      <c r="U68" s="215" t="s">
        <v>333</v>
      </c>
      <c r="V68" s="212"/>
      <c r="W68" s="213" t="s">
        <v>331</v>
      </c>
      <c r="X68" s="214"/>
      <c r="Y68" s="213" t="s">
        <v>290</v>
      </c>
      <c r="Z68" s="214"/>
      <c r="AA68" s="215" t="s">
        <v>341</v>
      </c>
      <c r="AB68" s="1059"/>
      <c r="AC68" s="1060"/>
      <c r="AD68" s="1060"/>
      <c r="AE68" s="1060"/>
      <c r="AF68" s="1060"/>
      <c r="AG68" s="1061"/>
      <c r="AH68" s="1069"/>
      <c r="AI68" s="216"/>
      <c r="AJ68" s="216"/>
      <c r="AK68" s="214"/>
      <c r="AL68" s="1072"/>
      <c r="AM68" s="212"/>
      <c r="AN68" s="213" t="s">
        <v>338</v>
      </c>
      <c r="AO68" s="214"/>
      <c r="AP68" s="213" t="s">
        <v>332</v>
      </c>
      <c r="AQ68" s="214"/>
      <c r="AR68" s="215" t="s">
        <v>341</v>
      </c>
      <c r="AS68" s="211"/>
      <c r="AT68" s="212"/>
      <c r="AU68" s="213" t="s">
        <v>338</v>
      </c>
      <c r="AV68" s="214"/>
      <c r="AW68" s="213" t="s">
        <v>332</v>
      </c>
      <c r="AX68" s="214"/>
      <c r="AY68" s="215" t="s">
        <v>333</v>
      </c>
      <c r="AZ68" s="1077"/>
      <c r="BA68" s="1078"/>
      <c r="BB68" s="1078"/>
      <c r="BC68" s="1079"/>
      <c r="BD68" s="1026"/>
      <c r="BE68" s="1027"/>
      <c r="BF68" s="1027"/>
      <c r="BG68" s="1028"/>
      <c r="BH68" s="1031"/>
      <c r="BI68" s="1032"/>
      <c r="BJ68" s="1032"/>
      <c r="BK68" s="1032"/>
      <c r="BL68" s="1032"/>
      <c r="BM68" s="1032"/>
      <c r="BN68" s="1032"/>
      <c r="BO68" s="1032"/>
      <c r="BP68" s="1031"/>
      <c r="BQ68" s="1032"/>
      <c r="BR68" s="1036"/>
      <c r="BS68" s="1040"/>
      <c r="BT68" s="1040"/>
      <c r="BU68" s="1041"/>
      <c r="BV68" s="1045"/>
      <c r="BW68" s="1040"/>
      <c r="BX68" s="1041"/>
      <c r="BY68" s="1045"/>
      <c r="BZ68" s="1040"/>
      <c r="CA68" s="1041"/>
      <c r="CB68" s="212"/>
      <c r="CC68" s="213" t="s">
        <v>331</v>
      </c>
      <c r="CD68" s="214"/>
      <c r="CE68" s="213" t="s">
        <v>332</v>
      </c>
      <c r="CF68" s="214"/>
      <c r="CG68" s="215" t="s">
        <v>333</v>
      </c>
    </row>
    <row r="69" spans="1:85" ht="9" customHeight="1" x14ac:dyDescent="0.2">
      <c r="A69" s="191"/>
      <c r="B69" s="217"/>
      <c r="C69" s="1090"/>
      <c r="D69" s="1091"/>
      <c r="E69" s="1091"/>
      <c r="F69" s="1091"/>
      <c r="G69" s="1092"/>
      <c r="H69" s="1059"/>
      <c r="I69" s="1060"/>
      <c r="J69" s="1061"/>
      <c r="K69" s="1059"/>
      <c r="L69" s="1060"/>
      <c r="M69" s="1061"/>
      <c r="N69" s="1045"/>
      <c r="O69" s="1041"/>
      <c r="P69" s="218"/>
      <c r="Q69" s="219"/>
      <c r="R69" s="220"/>
      <c r="S69" s="219"/>
      <c r="T69" s="220"/>
      <c r="U69" s="221"/>
      <c r="V69" s="218"/>
      <c r="W69" s="219"/>
      <c r="X69" s="220"/>
      <c r="Y69" s="219"/>
      <c r="Z69" s="220"/>
      <c r="AA69" s="221"/>
      <c r="AB69" s="1065"/>
      <c r="AC69" s="1066"/>
      <c r="AD69" s="1066"/>
      <c r="AE69" s="1066"/>
      <c r="AF69" s="1066"/>
      <c r="AG69" s="1067"/>
      <c r="AH69" s="1070"/>
      <c r="AI69" s="220"/>
      <c r="AJ69" s="220"/>
      <c r="AK69" s="220"/>
      <c r="AL69" s="1073"/>
      <c r="AM69" s="218"/>
      <c r="AN69" s="219"/>
      <c r="AO69" s="220"/>
      <c r="AP69" s="219"/>
      <c r="AQ69" s="220"/>
      <c r="AR69" s="221"/>
      <c r="AS69" s="217"/>
      <c r="AT69" s="218"/>
      <c r="AU69" s="219"/>
      <c r="AV69" s="220"/>
      <c r="AW69" s="219"/>
      <c r="AX69" s="220"/>
      <c r="AY69" s="221"/>
      <c r="AZ69" s="1093"/>
      <c r="BA69" s="1094"/>
      <c r="BB69" s="1094"/>
      <c r="BC69" s="1095"/>
      <c r="BD69" s="1023"/>
      <c r="BE69" s="1024"/>
      <c r="BF69" s="1024"/>
      <c r="BG69" s="1025"/>
      <c r="BH69" s="1033"/>
      <c r="BI69" s="1034"/>
      <c r="BJ69" s="1034"/>
      <c r="BK69" s="1034"/>
      <c r="BL69" s="1034"/>
      <c r="BM69" s="1034"/>
      <c r="BN69" s="1034"/>
      <c r="BO69" s="1034"/>
      <c r="BP69" s="1033"/>
      <c r="BQ69" s="1034"/>
      <c r="BR69" s="1037"/>
      <c r="BS69" s="1040"/>
      <c r="BT69" s="1040"/>
      <c r="BU69" s="1041"/>
      <c r="BV69" s="1045"/>
      <c r="BW69" s="1040"/>
      <c r="BX69" s="1041"/>
      <c r="BY69" s="1045"/>
      <c r="BZ69" s="1040"/>
      <c r="CA69" s="1041"/>
      <c r="CB69" s="218"/>
      <c r="CC69" s="219"/>
      <c r="CD69" s="220"/>
      <c r="CE69" s="219"/>
      <c r="CF69" s="220"/>
      <c r="CG69" s="221"/>
    </row>
    <row r="70" spans="1:85" ht="9" customHeight="1" x14ac:dyDescent="0.2">
      <c r="A70" s="191"/>
      <c r="B70" s="211"/>
      <c r="C70" s="1053"/>
      <c r="D70" s="1054"/>
      <c r="E70" s="1054"/>
      <c r="F70" s="1054"/>
      <c r="G70" s="1055"/>
      <c r="H70" s="1059"/>
      <c r="I70" s="1060"/>
      <c r="J70" s="1061"/>
      <c r="K70" s="1059"/>
      <c r="L70" s="1060"/>
      <c r="M70" s="1061"/>
      <c r="N70" s="1045"/>
      <c r="O70" s="1041"/>
      <c r="P70" s="222"/>
      <c r="Q70" s="223"/>
      <c r="R70" s="223"/>
      <c r="S70" s="223"/>
      <c r="T70" s="223"/>
      <c r="U70" s="1096" t="s">
        <v>331</v>
      </c>
      <c r="V70" s="224"/>
      <c r="W70" s="225"/>
      <c r="X70" s="225"/>
      <c r="Y70" s="225"/>
      <c r="Z70" s="225"/>
      <c r="AA70" s="226"/>
      <c r="AB70" s="1059"/>
      <c r="AC70" s="1060"/>
      <c r="AD70" s="1060"/>
      <c r="AE70" s="1060"/>
      <c r="AF70" s="1060"/>
      <c r="AG70" s="1061"/>
      <c r="AH70" s="1069" t="s">
        <v>344</v>
      </c>
      <c r="AI70" s="214"/>
      <c r="AJ70" s="214"/>
      <c r="AK70" s="214"/>
      <c r="AL70" s="1072" t="s">
        <v>330</v>
      </c>
      <c r="AM70" s="212"/>
      <c r="AN70" s="214"/>
      <c r="AO70" s="227"/>
      <c r="AP70" s="227"/>
      <c r="AQ70" s="214"/>
      <c r="AR70" s="228"/>
      <c r="AS70" s="211"/>
      <c r="AT70" s="1059"/>
      <c r="AU70" s="1060"/>
      <c r="AV70" s="1060"/>
      <c r="AW70" s="1060"/>
      <c r="AX70" s="1060"/>
      <c r="AY70" s="1061"/>
      <c r="AZ70" s="1077"/>
      <c r="BA70" s="1078"/>
      <c r="BB70" s="1078"/>
      <c r="BC70" s="1079"/>
      <c r="BD70" s="1026"/>
      <c r="BE70" s="1027"/>
      <c r="BF70" s="1027"/>
      <c r="BG70" s="1028"/>
      <c r="BH70" s="1031"/>
      <c r="BI70" s="1032"/>
      <c r="BJ70" s="1032"/>
      <c r="BK70" s="1032"/>
      <c r="BL70" s="1032"/>
      <c r="BM70" s="1032"/>
      <c r="BN70" s="1032"/>
      <c r="BO70" s="1032"/>
      <c r="BP70" s="1031"/>
      <c r="BQ70" s="1032"/>
      <c r="BR70" s="1036"/>
      <c r="BS70" s="1040"/>
      <c r="BT70" s="1040"/>
      <c r="BU70" s="1041"/>
      <c r="BV70" s="1045"/>
      <c r="BW70" s="1040"/>
      <c r="BX70" s="1041"/>
      <c r="BY70" s="1045"/>
      <c r="BZ70" s="1040"/>
      <c r="CA70" s="1041"/>
      <c r="CB70" s="212"/>
      <c r="CC70" s="213"/>
      <c r="CD70" s="214"/>
      <c r="CE70" s="213"/>
      <c r="CF70" s="214"/>
      <c r="CG70" s="215"/>
    </row>
    <row r="71" spans="1:85" ht="9" customHeight="1" x14ac:dyDescent="0.2">
      <c r="A71" s="191"/>
      <c r="B71" s="211"/>
      <c r="C71" s="1099"/>
      <c r="D71" s="1100"/>
      <c r="E71" s="1100"/>
      <c r="F71" s="1100"/>
      <c r="G71" s="1101"/>
      <c r="H71" s="1059"/>
      <c r="I71" s="1060"/>
      <c r="J71" s="1061"/>
      <c r="K71" s="1059"/>
      <c r="L71" s="1060"/>
      <c r="M71" s="1061"/>
      <c r="N71" s="1045"/>
      <c r="O71" s="1041"/>
      <c r="P71" s="229"/>
      <c r="Q71" s="230"/>
      <c r="R71" s="230"/>
      <c r="S71" s="230"/>
      <c r="T71" s="230"/>
      <c r="U71" s="1036"/>
      <c r="V71" s="224"/>
      <c r="W71" s="225"/>
      <c r="X71" s="225"/>
      <c r="Y71" s="231"/>
      <c r="Z71" s="231"/>
      <c r="AA71" s="226"/>
      <c r="AB71" s="1059"/>
      <c r="AC71" s="1060"/>
      <c r="AD71" s="1060"/>
      <c r="AE71" s="1060"/>
      <c r="AF71" s="1060"/>
      <c r="AG71" s="1061"/>
      <c r="AH71" s="1069"/>
      <c r="AI71" s="216"/>
      <c r="AJ71" s="214"/>
      <c r="AK71" s="214"/>
      <c r="AL71" s="1072"/>
      <c r="AM71" s="212"/>
      <c r="AN71" s="216"/>
      <c r="AO71" s="1105" t="s">
        <v>345</v>
      </c>
      <c r="AP71" s="1105"/>
      <c r="AQ71" s="216"/>
      <c r="AR71" s="228"/>
      <c r="AS71" s="211"/>
      <c r="AT71" s="1059"/>
      <c r="AU71" s="1060"/>
      <c r="AV71" s="1060"/>
      <c r="AW71" s="1060"/>
      <c r="AX71" s="1060"/>
      <c r="AY71" s="1061"/>
      <c r="AZ71" s="1080"/>
      <c r="BA71" s="1081"/>
      <c r="BB71" s="1081"/>
      <c r="BC71" s="1082"/>
      <c r="BD71" s="1086"/>
      <c r="BE71" s="1081"/>
      <c r="BF71" s="1081"/>
      <c r="BG71" s="1087"/>
      <c r="BH71" s="1031"/>
      <c r="BI71" s="1032"/>
      <c r="BJ71" s="1032"/>
      <c r="BK71" s="1032"/>
      <c r="BL71" s="1032"/>
      <c r="BM71" s="1032"/>
      <c r="BN71" s="1032"/>
      <c r="BO71" s="1032"/>
      <c r="BP71" s="1031"/>
      <c r="BQ71" s="1032"/>
      <c r="BR71" s="1036"/>
      <c r="BS71" s="1040"/>
      <c r="BT71" s="1040"/>
      <c r="BU71" s="1041"/>
      <c r="BV71" s="1045"/>
      <c r="BW71" s="1040"/>
      <c r="BX71" s="1041"/>
      <c r="BY71" s="1045"/>
      <c r="BZ71" s="1040"/>
      <c r="CA71" s="1041"/>
      <c r="CB71" s="212"/>
      <c r="CC71" s="213" t="s">
        <v>331</v>
      </c>
      <c r="CD71" s="214"/>
      <c r="CE71" s="213" t="s">
        <v>332</v>
      </c>
      <c r="CF71" s="214"/>
      <c r="CG71" s="215" t="s">
        <v>341</v>
      </c>
    </row>
    <row r="72" spans="1:85" ht="9" customHeight="1" x14ac:dyDescent="0.2">
      <c r="A72" s="191"/>
      <c r="B72" s="232"/>
      <c r="C72" s="1102"/>
      <c r="D72" s="1103"/>
      <c r="E72" s="1103"/>
      <c r="F72" s="1103"/>
      <c r="G72" s="1104"/>
      <c r="H72" s="1062"/>
      <c r="I72" s="1063"/>
      <c r="J72" s="1064"/>
      <c r="K72" s="1062"/>
      <c r="L72" s="1063"/>
      <c r="M72" s="1064"/>
      <c r="N72" s="1046"/>
      <c r="O72" s="1043"/>
      <c r="P72" s="233"/>
      <c r="Q72" s="234"/>
      <c r="R72" s="234"/>
      <c r="S72" s="234"/>
      <c r="T72" s="234"/>
      <c r="U72" s="1049"/>
      <c r="V72" s="235"/>
      <c r="W72" s="236"/>
      <c r="X72" s="236"/>
      <c r="Y72" s="236"/>
      <c r="Z72" s="236"/>
      <c r="AA72" s="237"/>
      <c r="AB72" s="1062"/>
      <c r="AC72" s="1063"/>
      <c r="AD72" s="1063"/>
      <c r="AE72" s="1063"/>
      <c r="AF72" s="1063"/>
      <c r="AG72" s="1064"/>
      <c r="AH72" s="1097"/>
      <c r="AI72" s="238"/>
      <c r="AJ72" s="238"/>
      <c r="AK72" s="238"/>
      <c r="AL72" s="1098"/>
      <c r="AM72" s="239"/>
      <c r="AN72" s="238"/>
      <c r="AO72" s="240"/>
      <c r="AP72" s="240"/>
      <c r="AQ72" s="238"/>
      <c r="AR72" s="241"/>
      <c r="AS72" s="232"/>
      <c r="AT72" s="1062"/>
      <c r="AU72" s="1063"/>
      <c r="AV72" s="1063"/>
      <c r="AW72" s="1063"/>
      <c r="AX72" s="1063"/>
      <c r="AY72" s="1064"/>
      <c r="AZ72" s="1083"/>
      <c r="BA72" s="1084"/>
      <c r="BB72" s="1084"/>
      <c r="BC72" s="1085"/>
      <c r="BD72" s="1088"/>
      <c r="BE72" s="1084"/>
      <c r="BF72" s="1084"/>
      <c r="BG72" s="1089"/>
      <c r="BH72" s="1047"/>
      <c r="BI72" s="1048"/>
      <c r="BJ72" s="1048"/>
      <c r="BK72" s="1048"/>
      <c r="BL72" s="1048"/>
      <c r="BM72" s="1048"/>
      <c r="BN72" s="1048"/>
      <c r="BO72" s="1048"/>
      <c r="BP72" s="1047"/>
      <c r="BQ72" s="1048"/>
      <c r="BR72" s="1049"/>
      <c r="BS72" s="1042"/>
      <c r="BT72" s="1042"/>
      <c r="BU72" s="1043"/>
      <c r="BV72" s="1046"/>
      <c r="BW72" s="1042"/>
      <c r="BX72" s="1043"/>
      <c r="BY72" s="1046"/>
      <c r="BZ72" s="1042"/>
      <c r="CA72" s="1043"/>
      <c r="CB72" s="239"/>
      <c r="CC72" s="242"/>
      <c r="CD72" s="238"/>
      <c r="CE72" s="242"/>
      <c r="CF72" s="238"/>
      <c r="CG72" s="243"/>
    </row>
    <row r="73" spans="1:85" ht="9" customHeight="1" x14ac:dyDescent="0.2">
      <c r="A73" s="191"/>
      <c r="B73" s="206"/>
      <c r="C73" s="1050"/>
      <c r="D73" s="1051"/>
      <c r="E73" s="1051"/>
      <c r="F73" s="1051"/>
      <c r="G73" s="1052"/>
      <c r="H73" s="1056"/>
      <c r="I73" s="1057"/>
      <c r="J73" s="1058"/>
      <c r="K73" s="1056"/>
      <c r="L73" s="1057"/>
      <c r="M73" s="1058"/>
      <c r="N73" s="1044"/>
      <c r="O73" s="1039"/>
      <c r="P73" s="207"/>
      <c r="Q73" s="208"/>
      <c r="R73" s="209"/>
      <c r="S73" s="208"/>
      <c r="T73" s="209"/>
      <c r="U73" s="210"/>
      <c r="V73" s="207"/>
      <c r="W73" s="208"/>
      <c r="X73" s="209"/>
      <c r="Y73" s="208"/>
      <c r="Z73" s="209"/>
      <c r="AA73" s="210"/>
      <c r="AB73" s="1056"/>
      <c r="AC73" s="1057"/>
      <c r="AD73" s="1057"/>
      <c r="AE73" s="1057"/>
      <c r="AF73" s="1057"/>
      <c r="AG73" s="1058"/>
      <c r="AH73" s="1068" t="s">
        <v>335</v>
      </c>
      <c r="AI73" s="209"/>
      <c r="AJ73" s="209"/>
      <c r="AK73" s="209"/>
      <c r="AL73" s="1071" t="s">
        <v>339</v>
      </c>
      <c r="AM73" s="207"/>
      <c r="AN73" s="208"/>
      <c r="AO73" s="209"/>
      <c r="AP73" s="208"/>
      <c r="AQ73" s="209"/>
      <c r="AR73" s="210"/>
      <c r="AS73" s="206"/>
      <c r="AT73" s="207"/>
      <c r="AU73" s="208"/>
      <c r="AV73" s="209"/>
      <c r="AW73" s="208"/>
      <c r="AX73" s="209"/>
      <c r="AY73" s="210"/>
      <c r="AZ73" s="1074"/>
      <c r="BA73" s="1075"/>
      <c r="BB73" s="1075"/>
      <c r="BC73" s="1076"/>
      <c r="BD73" s="1023"/>
      <c r="BE73" s="1024"/>
      <c r="BF73" s="1024"/>
      <c r="BG73" s="1025"/>
      <c r="BH73" s="1029"/>
      <c r="BI73" s="1030"/>
      <c r="BJ73" s="1030"/>
      <c r="BK73" s="1030"/>
      <c r="BL73" s="1030"/>
      <c r="BM73" s="1030"/>
      <c r="BN73" s="1030"/>
      <c r="BO73" s="1030"/>
      <c r="BP73" s="1029"/>
      <c r="BQ73" s="1030"/>
      <c r="BR73" s="1035"/>
      <c r="BS73" s="1038"/>
      <c r="BT73" s="1038"/>
      <c r="BU73" s="1039"/>
      <c r="BV73" s="1044"/>
      <c r="BW73" s="1038"/>
      <c r="BX73" s="1039"/>
      <c r="BY73" s="1044"/>
      <c r="BZ73" s="1038"/>
      <c r="CA73" s="1039"/>
      <c r="CB73" s="207"/>
      <c r="CC73" s="208"/>
      <c r="CD73" s="209"/>
      <c r="CE73" s="208"/>
      <c r="CF73" s="209"/>
      <c r="CG73" s="210"/>
    </row>
    <row r="74" spans="1:85" ht="9" customHeight="1" x14ac:dyDescent="0.2">
      <c r="A74" s="191"/>
      <c r="B74" s="211"/>
      <c r="C74" s="1053"/>
      <c r="D74" s="1054"/>
      <c r="E74" s="1054"/>
      <c r="F74" s="1054"/>
      <c r="G74" s="1055"/>
      <c r="H74" s="1059"/>
      <c r="I74" s="1060"/>
      <c r="J74" s="1061"/>
      <c r="K74" s="1059"/>
      <c r="L74" s="1060"/>
      <c r="M74" s="1061"/>
      <c r="N74" s="1045"/>
      <c r="O74" s="1041"/>
      <c r="P74" s="212"/>
      <c r="Q74" s="213" t="s">
        <v>338</v>
      </c>
      <c r="R74" s="214"/>
      <c r="S74" s="213" t="s">
        <v>332</v>
      </c>
      <c r="T74" s="214"/>
      <c r="U74" s="215" t="s">
        <v>333</v>
      </c>
      <c r="V74" s="212"/>
      <c r="W74" s="213" t="s">
        <v>338</v>
      </c>
      <c r="X74" s="214"/>
      <c r="Y74" s="213" t="s">
        <v>332</v>
      </c>
      <c r="Z74" s="214"/>
      <c r="AA74" s="215" t="s">
        <v>340</v>
      </c>
      <c r="AB74" s="1059"/>
      <c r="AC74" s="1060"/>
      <c r="AD74" s="1060"/>
      <c r="AE74" s="1060"/>
      <c r="AF74" s="1060"/>
      <c r="AG74" s="1061"/>
      <c r="AH74" s="1069"/>
      <c r="AI74" s="216"/>
      <c r="AJ74" s="216"/>
      <c r="AK74" s="214"/>
      <c r="AL74" s="1072"/>
      <c r="AM74" s="212"/>
      <c r="AN74" s="213" t="s">
        <v>331</v>
      </c>
      <c r="AO74" s="214"/>
      <c r="AP74" s="213" t="s">
        <v>332</v>
      </c>
      <c r="AQ74" s="214"/>
      <c r="AR74" s="215" t="s">
        <v>333</v>
      </c>
      <c r="AS74" s="211"/>
      <c r="AT74" s="212"/>
      <c r="AU74" s="213" t="s">
        <v>331</v>
      </c>
      <c r="AV74" s="214"/>
      <c r="AW74" s="213" t="s">
        <v>290</v>
      </c>
      <c r="AX74" s="214"/>
      <c r="AY74" s="215" t="s">
        <v>341</v>
      </c>
      <c r="AZ74" s="1077"/>
      <c r="BA74" s="1078"/>
      <c r="BB74" s="1078"/>
      <c r="BC74" s="1079"/>
      <c r="BD74" s="1026"/>
      <c r="BE74" s="1027"/>
      <c r="BF74" s="1027"/>
      <c r="BG74" s="1028"/>
      <c r="BH74" s="1031"/>
      <c r="BI74" s="1032"/>
      <c r="BJ74" s="1032"/>
      <c r="BK74" s="1032"/>
      <c r="BL74" s="1032"/>
      <c r="BM74" s="1032"/>
      <c r="BN74" s="1032"/>
      <c r="BO74" s="1032"/>
      <c r="BP74" s="1031"/>
      <c r="BQ74" s="1032"/>
      <c r="BR74" s="1036"/>
      <c r="BS74" s="1040"/>
      <c r="BT74" s="1040"/>
      <c r="BU74" s="1041"/>
      <c r="BV74" s="1045"/>
      <c r="BW74" s="1040"/>
      <c r="BX74" s="1041"/>
      <c r="BY74" s="1045"/>
      <c r="BZ74" s="1040"/>
      <c r="CA74" s="1041"/>
      <c r="CB74" s="212"/>
      <c r="CC74" s="213" t="s">
        <v>338</v>
      </c>
      <c r="CD74" s="214"/>
      <c r="CE74" s="213" t="s">
        <v>290</v>
      </c>
      <c r="CF74" s="214"/>
      <c r="CG74" s="215" t="s">
        <v>333</v>
      </c>
    </row>
    <row r="75" spans="1:85" ht="9" customHeight="1" x14ac:dyDescent="0.2">
      <c r="A75" s="191"/>
      <c r="B75" s="217"/>
      <c r="C75" s="1090"/>
      <c r="D75" s="1091"/>
      <c r="E75" s="1091"/>
      <c r="F75" s="1091"/>
      <c r="G75" s="1092"/>
      <c r="H75" s="1059"/>
      <c r="I75" s="1060"/>
      <c r="J75" s="1061"/>
      <c r="K75" s="1059"/>
      <c r="L75" s="1060"/>
      <c r="M75" s="1061"/>
      <c r="N75" s="1045"/>
      <c r="O75" s="1041"/>
      <c r="P75" s="218"/>
      <c r="Q75" s="219"/>
      <c r="R75" s="220"/>
      <c r="S75" s="219"/>
      <c r="T75" s="220"/>
      <c r="U75" s="221"/>
      <c r="V75" s="218"/>
      <c r="W75" s="219"/>
      <c r="X75" s="220"/>
      <c r="Y75" s="219"/>
      <c r="Z75" s="220"/>
      <c r="AA75" s="221"/>
      <c r="AB75" s="1065"/>
      <c r="AC75" s="1066"/>
      <c r="AD75" s="1066"/>
      <c r="AE75" s="1066"/>
      <c r="AF75" s="1066"/>
      <c r="AG75" s="1067"/>
      <c r="AH75" s="1070"/>
      <c r="AI75" s="220"/>
      <c r="AJ75" s="220"/>
      <c r="AK75" s="220"/>
      <c r="AL75" s="1073"/>
      <c r="AM75" s="218"/>
      <c r="AN75" s="219"/>
      <c r="AO75" s="220"/>
      <c r="AP75" s="219"/>
      <c r="AQ75" s="220"/>
      <c r="AR75" s="221"/>
      <c r="AS75" s="217"/>
      <c r="AT75" s="218"/>
      <c r="AU75" s="219"/>
      <c r="AV75" s="220"/>
      <c r="AW75" s="219"/>
      <c r="AX75" s="220"/>
      <c r="AY75" s="221"/>
      <c r="AZ75" s="1093"/>
      <c r="BA75" s="1094"/>
      <c r="BB75" s="1094"/>
      <c r="BC75" s="1095"/>
      <c r="BD75" s="1023"/>
      <c r="BE75" s="1024"/>
      <c r="BF75" s="1024"/>
      <c r="BG75" s="1025"/>
      <c r="BH75" s="1033"/>
      <c r="BI75" s="1034"/>
      <c r="BJ75" s="1034"/>
      <c r="BK75" s="1034"/>
      <c r="BL75" s="1034"/>
      <c r="BM75" s="1034"/>
      <c r="BN75" s="1034"/>
      <c r="BO75" s="1034"/>
      <c r="BP75" s="1033"/>
      <c r="BQ75" s="1034"/>
      <c r="BR75" s="1037"/>
      <c r="BS75" s="1040"/>
      <c r="BT75" s="1040"/>
      <c r="BU75" s="1041"/>
      <c r="BV75" s="1045"/>
      <c r="BW75" s="1040"/>
      <c r="BX75" s="1041"/>
      <c r="BY75" s="1045"/>
      <c r="BZ75" s="1040"/>
      <c r="CA75" s="1041"/>
      <c r="CB75" s="218"/>
      <c r="CC75" s="219"/>
      <c r="CD75" s="220"/>
      <c r="CE75" s="219"/>
      <c r="CF75" s="220"/>
      <c r="CG75" s="221"/>
    </row>
    <row r="76" spans="1:85" ht="9" customHeight="1" x14ac:dyDescent="0.2">
      <c r="A76" s="191"/>
      <c r="B76" s="211"/>
      <c r="C76" s="1053"/>
      <c r="D76" s="1054"/>
      <c r="E76" s="1054"/>
      <c r="F76" s="1054"/>
      <c r="G76" s="1055"/>
      <c r="H76" s="1059"/>
      <c r="I76" s="1060"/>
      <c r="J76" s="1061"/>
      <c r="K76" s="1059"/>
      <c r="L76" s="1060"/>
      <c r="M76" s="1061"/>
      <c r="N76" s="1045"/>
      <c r="O76" s="1041"/>
      <c r="P76" s="222"/>
      <c r="Q76" s="223"/>
      <c r="R76" s="223"/>
      <c r="S76" s="223"/>
      <c r="T76" s="223"/>
      <c r="U76" s="1096" t="s">
        <v>343</v>
      </c>
      <c r="V76" s="224"/>
      <c r="W76" s="225"/>
      <c r="X76" s="225"/>
      <c r="Y76" s="225"/>
      <c r="Z76" s="225"/>
      <c r="AA76" s="226"/>
      <c r="AB76" s="1059"/>
      <c r="AC76" s="1060"/>
      <c r="AD76" s="1060"/>
      <c r="AE76" s="1060"/>
      <c r="AF76" s="1060"/>
      <c r="AG76" s="1061"/>
      <c r="AH76" s="1069" t="s">
        <v>294</v>
      </c>
      <c r="AI76" s="214"/>
      <c r="AJ76" s="214"/>
      <c r="AK76" s="214"/>
      <c r="AL76" s="1072" t="s">
        <v>339</v>
      </c>
      <c r="AM76" s="212"/>
      <c r="AN76" s="214"/>
      <c r="AO76" s="227"/>
      <c r="AP76" s="227"/>
      <c r="AQ76" s="214"/>
      <c r="AR76" s="228"/>
      <c r="AS76" s="211"/>
      <c r="AT76" s="1059"/>
      <c r="AU76" s="1060"/>
      <c r="AV76" s="1060"/>
      <c r="AW76" s="1060"/>
      <c r="AX76" s="1060"/>
      <c r="AY76" s="1061"/>
      <c r="AZ76" s="1077"/>
      <c r="BA76" s="1078"/>
      <c r="BB76" s="1078"/>
      <c r="BC76" s="1079"/>
      <c r="BD76" s="1026"/>
      <c r="BE76" s="1027"/>
      <c r="BF76" s="1027"/>
      <c r="BG76" s="1028"/>
      <c r="BH76" s="1031"/>
      <c r="BI76" s="1032"/>
      <c r="BJ76" s="1032"/>
      <c r="BK76" s="1032"/>
      <c r="BL76" s="1032"/>
      <c r="BM76" s="1032"/>
      <c r="BN76" s="1032"/>
      <c r="BO76" s="1032"/>
      <c r="BP76" s="1031"/>
      <c r="BQ76" s="1032"/>
      <c r="BR76" s="1036"/>
      <c r="BS76" s="1040"/>
      <c r="BT76" s="1040"/>
      <c r="BU76" s="1041"/>
      <c r="BV76" s="1045"/>
      <c r="BW76" s="1040"/>
      <c r="BX76" s="1041"/>
      <c r="BY76" s="1045"/>
      <c r="BZ76" s="1040"/>
      <c r="CA76" s="1041"/>
      <c r="CB76" s="212"/>
      <c r="CC76" s="213"/>
      <c r="CD76" s="214"/>
      <c r="CE76" s="213"/>
      <c r="CF76" s="214"/>
      <c r="CG76" s="215"/>
    </row>
    <row r="77" spans="1:85" ht="9" customHeight="1" x14ac:dyDescent="0.2">
      <c r="A77" s="191"/>
      <c r="B77" s="211"/>
      <c r="C77" s="1099"/>
      <c r="D77" s="1100"/>
      <c r="E77" s="1100"/>
      <c r="F77" s="1100"/>
      <c r="G77" s="1101"/>
      <c r="H77" s="1059"/>
      <c r="I77" s="1060"/>
      <c r="J77" s="1061"/>
      <c r="K77" s="1059"/>
      <c r="L77" s="1060"/>
      <c r="M77" s="1061"/>
      <c r="N77" s="1045"/>
      <c r="O77" s="1041"/>
      <c r="P77" s="229"/>
      <c r="Q77" s="230"/>
      <c r="R77" s="230"/>
      <c r="S77" s="230"/>
      <c r="T77" s="230"/>
      <c r="U77" s="1036"/>
      <c r="V77" s="224"/>
      <c r="W77" s="225"/>
      <c r="X77" s="225"/>
      <c r="Y77" s="231"/>
      <c r="Z77" s="231"/>
      <c r="AA77" s="226"/>
      <c r="AB77" s="1059"/>
      <c r="AC77" s="1060"/>
      <c r="AD77" s="1060"/>
      <c r="AE77" s="1060"/>
      <c r="AF77" s="1060"/>
      <c r="AG77" s="1061"/>
      <c r="AH77" s="1069"/>
      <c r="AI77" s="216"/>
      <c r="AJ77" s="214"/>
      <c r="AK77" s="214"/>
      <c r="AL77" s="1072"/>
      <c r="AM77" s="212"/>
      <c r="AN77" s="216"/>
      <c r="AO77" s="1105" t="s">
        <v>337</v>
      </c>
      <c r="AP77" s="1105"/>
      <c r="AQ77" s="216"/>
      <c r="AR77" s="228"/>
      <c r="AS77" s="211"/>
      <c r="AT77" s="1059"/>
      <c r="AU77" s="1060"/>
      <c r="AV77" s="1060"/>
      <c r="AW77" s="1060"/>
      <c r="AX77" s="1060"/>
      <c r="AY77" s="1061"/>
      <c r="AZ77" s="1080"/>
      <c r="BA77" s="1081"/>
      <c r="BB77" s="1081"/>
      <c r="BC77" s="1082"/>
      <c r="BD77" s="1086"/>
      <c r="BE77" s="1081"/>
      <c r="BF77" s="1081"/>
      <c r="BG77" s="1087"/>
      <c r="BH77" s="1031"/>
      <c r="BI77" s="1032"/>
      <c r="BJ77" s="1032"/>
      <c r="BK77" s="1032"/>
      <c r="BL77" s="1032"/>
      <c r="BM77" s="1032"/>
      <c r="BN77" s="1032"/>
      <c r="BO77" s="1032"/>
      <c r="BP77" s="1031"/>
      <c r="BQ77" s="1032"/>
      <c r="BR77" s="1036"/>
      <c r="BS77" s="1040"/>
      <c r="BT77" s="1040"/>
      <c r="BU77" s="1041"/>
      <c r="BV77" s="1045"/>
      <c r="BW77" s="1040"/>
      <c r="BX77" s="1041"/>
      <c r="BY77" s="1045"/>
      <c r="BZ77" s="1040"/>
      <c r="CA77" s="1041"/>
      <c r="CB77" s="212"/>
      <c r="CC77" s="213" t="s">
        <v>331</v>
      </c>
      <c r="CD77" s="214"/>
      <c r="CE77" s="213" t="s">
        <v>332</v>
      </c>
      <c r="CF77" s="214"/>
      <c r="CG77" s="215" t="s">
        <v>333</v>
      </c>
    </row>
    <row r="78" spans="1:85" ht="9" customHeight="1" x14ac:dyDescent="0.2">
      <c r="A78" s="191"/>
      <c r="B78" s="232"/>
      <c r="C78" s="1102"/>
      <c r="D78" s="1103"/>
      <c r="E78" s="1103"/>
      <c r="F78" s="1103"/>
      <c r="G78" s="1104"/>
      <c r="H78" s="1062"/>
      <c r="I78" s="1063"/>
      <c r="J78" s="1064"/>
      <c r="K78" s="1062"/>
      <c r="L78" s="1063"/>
      <c r="M78" s="1064"/>
      <c r="N78" s="1046"/>
      <c r="O78" s="1043"/>
      <c r="P78" s="233"/>
      <c r="Q78" s="234"/>
      <c r="R78" s="234"/>
      <c r="S78" s="234"/>
      <c r="T78" s="234"/>
      <c r="U78" s="1049"/>
      <c r="V78" s="235"/>
      <c r="W78" s="236"/>
      <c r="X78" s="236"/>
      <c r="Y78" s="236"/>
      <c r="Z78" s="236"/>
      <c r="AA78" s="237"/>
      <c r="AB78" s="1062"/>
      <c r="AC78" s="1063"/>
      <c r="AD78" s="1063"/>
      <c r="AE78" s="1063"/>
      <c r="AF78" s="1063"/>
      <c r="AG78" s="1064"/>
      <c r="AH78" s="1097"/>
      <c r="AI78" s="238"/>
      <c r="AJ78" s="238"/>
      <c r="AK78" s="238"/>
      <c r="AL78" s="1098"/>
      <c r="AM78" s="239"/>
      <c r="AN78" s="238"/>
      <c r="AO78" s="240"/>
      <c r="AP78" s="240"/>
      <c r="AQ78" s="238"/>
      <c r="AR78" s="241"/>
      <c r="AS78" s="232"/>
      <c r="AT78" s="1062"/>
      <c r="AU78" s="1063"/>
      <c r="AV78" s="1063"/>
      <c r="AW78" s="1063"/>
      <c r="AX78" s="1063"/>
      <c r="AY78" s="1064"/>
      <c r="AZ78" s="1083"/>
      <c r="BA78" s="1084"/>
      <c r="BB78" s="1084"/>
      <c r="BC78" s="1085"/>
      <c r="BD78" s="1088"/>
      <c r="BE78" s="1084"/>
      <c r="BF78" s="1084"/>
      <c r="BG78" s="1089"/>
      <c r="BH78" s="1047"/>
      <c r="BI78" s="1048"/>
      <c r="BJ78" s="1048"/>
      <c r="BK78" s="1048"/>
      <c r="BL78" s="1048"/>
      <c r="BM78" s="1048"/>
      <c r="BN78" s="1048"/>
      <c r="BO78" s="1048"/>
      <c r="BP78" s="1047"/>
      <c r="BQ78" s="1048"/>
      <c r="BR78" s="1049"/>
      <c r="BS78" s="1042"/>
      <c r="BT78" s="1042"/>
      <c r="BU78" s="1043"/>
      <c r="BV78" s="1046"/>
      <c r="BW78" s="1042"/>
      <c r="BX78" s="1043"/>
      <c r="BY78" s="1046"/>
      <c r="BZ78" s="1042"/>
      <c r="CA78" s="1043"/>
      <c r="CB78" s="239"/>
      <c r="CC78" s="242"/>
      <c r="CD78" s="238"/>
      <c r="CE78" s="242"/>
      <c r="CF78" s="238"/>
      <c r="CG78" s="243"/>
    </row>
    <row r="79" spans="1:85" ht="9" customHeight="1" x14ac:dyDescent="0.2">
      <c r="C79" s="1106"/>
      <c r="D79" s="1106"/>
      <c r="E79" s="1106"/>
      <c r="F79" s="1106"/>
      <c r="G79" s="1106"/>
      <c r="H79" s="1106"/>
      <c r="I79" s="1106"/>
      <c r="J79" s="1106"/>
      <c r="K79" s="1106"/>
      <c r="L79" s="1106"/>
      <c r="M79" s="1106"/>
      <c r="N79" s="1106"/>
      <c r="O79" s="1106"/>
      <c r="AB79" s="1106"/>
      <c r="AC79" s="1106"/>
      <c r="AD79" s="1106"/>
      <c r="AE79" s="1106"/>
      <c r="AF79" s="1106"/>
      <c r="AG79" s="1106"/>
      <c r="AH79" s="1106"/>
      <c r="AL79" s="1106"/>
      <c r="AZ79" s="1106"/>
      <c r="BA79" s="1106"/>
      <c r="BB79" s="1106"/>
      <c r="BC79" s="1106"/>
      <c r="BD79" s="1106"/>
      <c r="BE79" s="1106"/>
      <c r="BF79" s="1106"/>
      <c r="BG79" s="1106"/>
      <c r="BH79" s="1106"/>
      <c r="BI79" s="1106"/>
      <c r="BJ79" s="1106"/>
      <c r="BK79" s="1106"/>
      <c r="BL79" s="1106"/>
      <c r="BM79" s="1106"/>
      <c r="BN79" s="1106"/>
      <c r="BO79" s="1106"/>
      <c r="BP79" s="1106"/>
      <c r="BQ79" s="1106"/>
      <c r="BR79" s="1106"/>
      <c r="BS79" s="1106"/>
      <c r="BT79" s="1106"/>
      <c r="BU79" s="1106"/>
      <c r="BV79" s="1106"/>
      <c r="BW79" s="1106"/>
      <c r="BX79" s="1106"/>
      <c r="BY79" s="1106"/>
      <c r="BZ79" s="1106"/>
      <c r="CA79" s="1106"/>
    </row>
    <row r="80" spans="1:85" ht="9" customHeight="1" x14ac:dyDescent="0.2">
      <c r="C80" s="1106"/>
      <c r="D80" s="1106"/>
      <c r="E80" s="1106"/>
      <c r="F80" s="1106"/>
      <c r="G80" s="1106"/>
      <c r="H80" s="1106"/>
      <c r="I80" s="1106"/>
      <c r="J80" s="1106"/>
      <c r="K80" s="1106"/>
      <c r="L80" s="1106"/>
      <c r="M80" s="1106"/>
      <c r="N80" s="1106"/>
      <c r="O80" s="1106"/>
      <c r="AB80" s="1106"/>
      <c r="AC80" s="1106"/>
      <c r="AD80" s="1106"/>
      <c r="AE80" s="1106"/>
      <c r="AF80" s="1106"/>
      <c r="AG80" s="1106"/>
      <c r="AH80" s="1106"/>
      <c r="AL80" s="1106"/>
      <c r="AZ80" s="1106"/>
      <c r="BA80" s="1106"/>
      <c r="BB80" s="1106"/>
      <c r="BC80" s="1106"/>
      <c r="BD80" s="1106"/>
      <c r="BE80" s="1106"/>
      <c r="BF80" s="1106"/>
      <c r="BG80" s="1106"/>
      <c r="BH80" s="1106"/>
      <c r="BI80" s="1106"/>
      <c r="BJ80" s="1106"/>
      <c r="BK80" s="1106"/>
      <c r="BL80" s="1106"/>
      <c r="BM80" s="1106"/>
      <c r="BN80" s="1106"/>
      <c r="BO80" s="1106"/>
      <c r="BP80" s="1106"/>
      <c r="BQ80" s="1106"/>
      <c r="BR80" s="1106"/>
      <c r="BS80" s="1106"/>
      <c r="BT80" s="1106"/>
      <c r="BU80" s="1106"/>
      <c r="BV80" s="1106"/>
      <c r="BW80" s="1106"/>
      <c r="BX80" s="1106"/>
      <c r="BY80" s="1106"/>
      <c r="BZ80" s="1106"/>
      <c r="CA80" s="1106"/>
    </row>
    <row r="81" spans="3:79" ht="9" customHeight="1" x14ac:dyDescent="0.2">
      <c r="C81" s="1106"/>
      <c r="D81" s="1106"/>
      <c r="E81" s="1106"/>
      <c r="F81" s="1106"/>
      <c r="G81" s="1106"/>
      <c r="H81" s="1106"/>
      <c r="I81" s="1106"/>
      <c r="J81" s="1106"/>
      <c r="K81" s="1106"/>
      <c r="L81" s="1106"/>
      <c r="M81" s="1106"/>
      <c r="N81" s="1106"/>
      <c r="O81" s="1106"/>
      <c r="AB81" s="1106"/>
      <c r="AC81" s="1106"/>
      <c r="AD81" s="1106"/>
      <c r="AE81" s="1106"/>
      <c r="AF81" s="1106"/>
      <c r="AG81" s="1106"/>
      <c r="AH81" s="1106"/>
      <c r="AL81" s="1106"/>
      <c r="AZ81" s="1106"/>
      <c r="BA81" s="1106"/>
      <c r="BB81" s="1106"/>
      <c r="BC81" s="1106"/>
      <c r="BD81" s="1106"/>
      <c r="BE81" s="1106"/>
      <c r="BF81" s="1106"/>
      <c r="BG81" s="1106"/>
      <c r="BH81" s="1106"/>
      <c r="BI81" s="1106"/>
      <c r="BJ81" s="1106"/>
      <c r="BK81" s="1106"/>
      <c r="BL81" s="1106"/>
      <c r="BM81" s="1106"/>
      <c r="BN81" s="1106"/>
      <c r="BO81" s="1106"/>
      <c r="BP81" s="1106"/>
      <c r="BQ81" s="1106"/>
      <c r="BR81" s="1106"/>
      <c r="BS81" s="1106"/>
      <c r="BT81" s="1106"/>
      <c r="BU81" s="1106"/>
      <c r="BV81" s="1106"/>
      <c r="BW81" s="1106"/>
      <c r="BX81" s="1106"/>
      <c r="BY81" s="1106"/>
      <c r="BZ81" s="1106"/>
      <c r="CA81" s="1106"/>
    </row>
    <row r="82" spans="3:79" ht="9" customHeight="1" x14ac:dyDescent="0.2">
      <c r="C82" s="1106"/>
      <c r="D82" s="1106"/>
      <c r="E82" s="1106"/>
      <c r="F82" s="1106"/>
      <c r="G82" s="1106"/>
      <c r="H82" s="1106"/>
      <c r="I82" s="1106"/>
      <c r="J82" s="1106"/>
      <c r="K82" s="1106"/>
      <c r="L82" s="1106"/>
      <c r="M82" s="1106"/>
      <c r="N82" s="1106"/>
      <c r="O82" s="1106"/>
      <c r="U82" s="1106"/>
      <c r="AB82" s="1106"/>
      <c r="AC82" s="1106"/>
      <c r="AD82" s="1106"/>
      <c r="AE82" s="1106"/>
      <c r="AF82" s="1106"/>
      <c r="AG82" s="1106"/>
      <c r="AH82" s="1106"/>
      <c r="AL82" s="1106"/>
      <c r="AT82" s="1106"/>
      <c r="AU82" s="1106"/>
      <c r="AV82" s="1106"/>
      <c r="AW82" s="1106"/>
      <c r="AX82" s="1106"/>
      <c r="AY82" s="1106"/>
      <c r="AZ82" s="1106"/>
      <c r="BA82" s="1106"/>
      <c r="BB82" s="1106"/>
      <c r="BC82" s="1106"/>
      <c r="BD82" s="1106"/>
      <c r="BE82" s="1106"/>
      <c r="BF82" s="1106"/>
      <c r="BG82" s="1106"/>
      <c r="BH82" s="1106"/>
      <c r="BI82" s="1106"/>
      <c r="BJ82" s="1106"/>
      <c r="BK82" s="1106"/>
      <c r="BL82" s="1106"/>
      <c r="BM82" s="1106"/>
      <c r="BN82" s="1106"/>
      <c r="BO82" s="1106"/>
      <c r="BP82" s="1106"/>
      <c r="BQ82" s="1106"/>
      <c r="BR82" s="1106"/>
      <c r="BS82" s="1106"/>
      <c r="BT82" s="1106"/>
      <c r="BU82" s="1106"/>
      <c r="BV82" s="1106"/>
      <c r="BW82" s="1106"/>
      <c r="BX82" s="1106"/>
      <c r="BY82" s="1106"/>
      <c r="BZ82" s="1106"/>
      <c r="CA82" s="1106"/>
    </row>
    <row r="83" spans="3:79" ht="9" customHeight="1" x14ac:dyDescent="0.2">
      <c r="C83" s="1106"/>
      <c r="D83" s="1106"/>
      <c r="E83" s="1106"/>
      <c r="F83" s="1106"/>
      <c r="G83" s="1106"/>
      <c r="H83" s="1106"/>
      <c r="I83" s="1106"/>
      <c r="J83" s="1106"/>
      <c r="K83" s="1106"/>
      <c r="L83" s="1106"/>
      <c r="M83" s="1106"/>
      <c r="N83" s="1106"/>
      <c r="O83" s="1106"/>
      <c r="U83" s="1106"/>
      <c r="AB83" s="1106"/>
      <c r="AC83" s="1106"/>
      <c r="AD83" s="1106"/>
      <c r="AE83" s="1106"/>
      <c r="AF83" s="1106"/>
      <c r="AG83" s="1106"/>
      <c r="AH83" s="1106"/>
      <c r="AL83" s="1106"/>
      <c r="AO83" s="1106"/>
      <c r="AP83" s="1106"/>
      <c r="AT83" s="1106"/>
      <c r="AU83" s="1106"/>
      <c r="AV83" s="1106"/>
      <c r="AW83" s="1106"/>
      <c r="AX83" s="1106"/>
      <c r="AY83" s="1106"/>
      <c r="AZ83" s="1106"/>
      <c r="BA83" s="1106"/>
      <c r="BB83" s="1106"/>
      <c r="BC83" s="1106"/>
      <c r="BD83" s="1106"/>
      <c r="BE83" s="1106"/>
      <c r="BF83" s="1106"/>
      <c r="BG83" s="1106"/>
      <c r="BH83" s="1106"/>
      <c r="BI83" s="1106"/>
      <c r="BJ83" s="1106"/>
      <c r="BK83" s="1106"/>
      <c r="BL83" s="1106"/>
      <c r="BM83" s="1106"/>
      <c r="BN83" s="1106"/>
      <c r="BO83" s="1106"/>
      <c r="BP83" s="1106"/>
      <c r="BQ83" s="1106"/>
      <c r="BR83" s="1106"/>
      <c r="BS83" s="1106"/>
      <c r="BT83" s="1106"/>
      <c r="BU83" s="1106"/>
      <c r="BV83" s="1106"/>
      <c r="BW83" s="1106"/>
      <c r="BX83" s="1106"/>
      <c r="BY83" s="1106"/>
      <c r="BZ83" s="1106"/>
      <c r="CA83" s="1106"/>
    </row>
    <row r="84" spans="3:79" ht="9" customHeight="1" x14ac:dyDescent="0.2">
      <c r="C84" s="1106"/>
      <c r="D84" s="1106"/>
      <c r="E84" s="1106"/>
      <c r="F84" s="1106"/>
      <c r="G84" s="1106"/>
      <c r="H84" s="1106"/>
      <c r="I84" s="1106"/>
      <c r="J84" s="1106"/>
      <c r="K84" s="1106"/>
      <c r="L84" s="1106"/>
      <c r="M84" s="1106"/>
      <c r="N84" s="1106"/>
      <c r="O84" s="1106"/>
      <c r="U84" s="1106"/>
      <c r="AB84" s="1106"/>
      <c r="AC84" s="1106"/>
      <c r="AD84" s="1106"/>
      <c r="AE84" s="1106"/>
      <c r="AF84" s="1106"/>
      <c r="AG84" s="1106"/>
      <c r="AH84" s="1106"/>
      <c r="AL84" s="1106"/>
      <c r="AT84" s="1106"/>
      <c r="AU84" s="1106"/>
      <c r="AV84" s="1106"/>
      <c r="AW84" s="1106"/>
      <c r="AX84" s="1106"/>
      <c r="AY84" s="1106"/>
      <c r="AZ84" s="1106"/>
      <c r="BA84" s="1106"/>
      <c r="BB84" s="1106"/>
      <c r="BC84" s="1106"/>
      <c r="BD84" s="1106"/>
      <c r="BE84" s="1106"/>
      <c r="BF84" s="1106"/>
      <c r="BG84" s="1106"/>
      <c r="BH84" s="1106"/>
      <c r="BI84" s="1106"/>
      <c r="BJ84" s="1106"/>
      <c r="BK84" s="1106"/>
      <c r="BL84" s="1106"/>
      <c r="BM84" s="1106"/>
      <c r="BN84" s="1106"/>
      <c r="BO84" s="1106"/>
      <c r="BP84" s="1106"/>
      <c r="BQ84" s="1106"/>
      <c r="BR84" s="1106"/>
      <c r="BS84" s="1106"/>
      <c r="BT84" s="1106"/>
      <c r="BU84" s="1106"/>
      <c r="BV84" s="1106"/>
      <c r="BW84" s="1106"/>
      <c r="BX84" s="1106"/>
      <c r="BY84" s="1106"/>
      <c r="BZ84" s="1106"/>
      <c r="CA84" s="1106"/>
    </row>
    <row r="85" spans="3:79" ht="9" customHeight="1" x14ac:dyDescent="0.2">
      <c r="C85" s="1106"/>
      <c r="D85" s="1106"/>
      <c r="E85" s="1106"/>
      <c r="F85" s="1106"/>
      <c r="G85" s="1106"/>
      <c r="H85" s="1106"/>
      <c r="I85" s="1106"/>
      <c r="J85" s="1106"/>
      <c r="K85" s="1106"/>
      <c r="L85" s="1106"/>
      <c r="M85" s="1106"/>
      <c r="N85" s="1106"/>
      <c r="O85" s="1106"/>
      <c r="AB85" s="1106"/>
      <c r="AC85" s="1106"/>
      <c r="AD85" s="1106"/>
      <c r="AE85" s="1106"/>
      <c r="AF85" s="1106"/>
      <c r="AG85" s="1106"/>
      <c r="AH85" s="1106"/>
      <c r="AL85" s="1106"/>
      <c r="AZ85" s="1106"/>
      <c r="BA85" s="1106"/>
      <c r="BB85" s="1106"/>
      <c r="BC85" s="1106"/>
      <c r="BD85" s="1106"/>
      <c r="BE85" s="1106"/>
      <c r="BF85" s="1106"/>
      <c r="BG85" s="1106"/>
      <c r="BH85" s="1106"/>
      <c r="BI85" s="1106"/>
      <c r="BJ85" s="1106"/>
      <c r="BK85" s="1106"/>
      <c r="BL85" s="1106"/>
      <c r="BM85" s="1106"/>
      <c r="BN85" s="1106"/>
      <c r="BO85" s="1106"/>
      <c r="BP85" s="1106"/>
      <c r="BQ85" s="1106"/>
      <c r="BR85" s="1106"/>
      <c r="BS85" s="1106"/>
      <c r="BT85" s="1106"/>
      <c r="BU85" s="1106"/>
      <c r="BV85" s="1106"/>
      <c r="BW85" s="1106"/>
      <c r="BX85" s="1106"/>
      <c r="BY85" s="1106"/>
      <c r="BZ85" s="1106"/>
      <c r="CA85" s="1106"/>
    </row>
    <row r="86" spans="3:79" ht="9" customHeight="1" x14ac:dyDescent="0.2">
      <c r="C86" s="1106"/>
      <c r="D86" s="1106"/>
      <c r="E86" s="1106"/>
      <c r="F86" s="1106"/>
      <c r="G86" s="1106"/>
      <c r="H86" s="1106"/>
      <c r="I86" s="1106"/>
      <c r="J86" s="1106"/>
      <c r="K86" s="1106"/>
      <c r="L86" s="1106"/>
      <c r="M86" s="1106"/>
      <c r="N86" s="1106"/>
      <c r="O86" s="1106"/>
      <c r="AB86" s="1106"/>
      <c r="AC86" s="1106"/>
      <c r="AD86" s="1106"/>
      <c r="AE86" s="1106"/>
      <c r="AF86" s="1106"/>
      <c r="AG86" s="1106"/>
      <c r="AH86" s="1106"/>
      <c r="AL86" s="1106"/>
      <c r="AZ86" s="1106"/>
      <c r="BA86" s="1106"/>
      <c r="BB86" s="1106"/>
      <c r="BC86" s="1106"/>
      <c r="BD86" s="1106"/>
      <c r="BE86" s="1106"/>
      <c r="BF86" s="1106"/>
      <c r="BG86" s="1106"/>
      <c r="BH86" s="1106"/>
      <c r="BI86" s="1106"/>
      <c r="BJ86" s="1106"/>
      <c r="BK86" s="1106"/>
      <c r="BL86" s="1106"/>
      <c r="BM86" s="1106"/>
      <c r="BN86" s="1106"/>
      <c r="BO86" s="1106"/>
      <c r="BP86" s="1106"/>
      <c r="BQ86" s="1106"/>
      <c r="BR86" s="1106"/>
      <c r="BS86" s="1106"/>
      <c r="BT86" s="1106"/>
      <c r="BU86" s="1106"/>
      <c r="BV86" s="1106"/>
      <c r="BW86" s="1106"/>
      <c r="BX86" s="1106"/>
      <c r="BY86" s="1106"/>
      <c r="BZ86" s="1106"/>
      <c r="CA86" s="1106"/>
    </row>
    <row r="87" spans="3:79" ht="9" customHeight="1" x14ac:dyDescent="0.2">
      <c r="C87" s="1106"/>
      <c r="D87" s="1106"/>
      <c r="E87" s="1106"/>
      <c r="F87" s="1106"/>
      <c r="G87" s="1106"/>
      <c r="H87" s="1106"/>
      <c r="I87" s="1106"/>
      <c r="J87" s="1106"/>
      <c r="K87" s="1106"/>
      <c r="L87" s="1106"/>
      <c r="M87" s="1106"/>
      <c r="N87" s="1106"/>
      <c r="O87" s="1106"/>
      <c r="AB87" s="1106"/>
      <c r="AC87" s="1106"/>
      <c r="AD87" s="1106"/>
      <c r="AE87" s="1106"/>
      <c r="AF87" s="1106"/>
      <c r="AG87" s="1106"/>
      <c r="AH87" s="1106"/>
      <c r="AL87" s="1106"/>
      <c r="AZ87" s="1106"/>
      <c r="BA87" s="1106"/>
      <c r="BB87" s="1106"/>
      <c r="BC87" s="1106"/>
      <c r="BD87" s="1106"/>
      <c r="BE87" s="1106"/>
      <c r="BF87" s="1106"/>
      <c r="BG87" s="1106"/>
      <c r="BH87" s="1106"/>
      <c r="BI87" s="1106"/>
      <c r="BJ87" s="1106"/>
      <c r="BK87" s="1106"/>
      <c r="BL87" s="1106"/>
      <c r="BM87" s="1106"/>
      <c r="BN87" s="1106"/>
      <c r="BO87" s="1106"/>
      <c r="BP87" s="1106"/>
      <c r="BQ87" s="1106"/>
      <c r="BR87" s="1106"/>
      <c r="BS87" s="1106"/>
      <c r="BT87" s="1106"/>
      <c r="BU87" s="1106"/>
      <c r="BV87" s="1106"/>
      <c r="BW87" s="1106"/>
      <c r="BX87" s="1106"/>
      <c r="BY87" s="1106"/>
      <c r="BZ87" s="1106"/>
      <c r="CA87" s="1106"/>
    </row>
    <row r="88" spans="3:79" ht="9" customHeight="1" x14ac:dyDescent="0.2">
      <c r="C88" s="1106"/>
      <c r="D88" s="1106"/>
      <c r="E88" s="1106"/>
      <c r="F88" s="1106"/>
      <c r="G88" s="1106"/>
      <c r="H88" s="1106"/>
      <c r="I88" s="1106"/>
      <c r="J88" s="1106"/>
      <c r="K88" s="1106"/>
      <c r="L88" s="1106"/>
      <c r="M88" s="1106"/>
      <c r="N88" s="1106"/>
      <c r="O88" s="1106"/>
      <c r="U88" s="1106"/>
      <c r="AB88" s="1106"/>
      <c r="AC88" s="1106"/>
      <c r="AD88" s="1106"/>
      <c r="AE88" s="1106"/>
      <c r="AF88" s="1106"/>
      <c r="AG88" s="1106"/>
      <c r="AH88" s="1106"/>
      <c r="AL88" s="1106"/>
      <c r="AT88" s="1106"/>
      <c r="AU88" s="1106"/>
      <c r="AV88" s="1106"/>
      <c r="AW88" s="1106"/>
      <c r="AX88" s="1106"/>
      <c r="AY88" s="1106"/>
      <c r="AZ88" s="1106"/>
      <c r="BA88" s="1106"/>
      <c r="BB88" s="1106"/>
      <c r="BC88" s="1106"/>
      <c r="BD88" s="1106"/>
      <c r="BE88" s="1106"/>
      <c r="BF88" s="1106"/>
      <c r="BG88" s="1106"/>
      <c r="BH88" s="1106"/>
      <c r="BI88" s="1106"/>
      <c r="BJ88" s="1106"/>
      <c r="BK88" s="1106"/>
      <c r="BL88" s="1106"/>
      <c r="BM88" s="1106"/>
      <c r="BN88" s="1106"/>
      <c r="BO88" s="1106"/>
      <c r="BP88" s="1106"/>
      <c r="BQ88" s="1106"/>
      <c r="BR88" s="1106"/>
      <c r="BS88" s="1106"/>
      <c r="BT88" s="1106"/>
      <c r="BU88" s="1106"/>
      <c r="BV88" s="1106"/>
      <c r="BW88" s="1106"/>
      <c r="BX88" s="1106"/>
      <c r="BY88" s="1106"/>
      <c r="BZ88" s="1106"/>
      <c r="CA88" s="1106"/>
    </row>
    <row r="89" spans="3:79" ht="9" customHeight="1" x14ac:dyDescent="0.2">
      <c r="C89" s="1106"/>
      <c r="D89" s="1106"/>
      <c r="E89" s="1106"/>
      <c r="F89" s="1106"/>
      <c r="G89" s="1106"/>
      <c r="H89" s="1106"/>
      <c r="I89" s="1106"/>
      <c r="J89" s="1106"/>
      <c r="K89" s="1106"/>
      <c r="L89" s="1106"/>
      <c r="M89" s="1106"/>
      <c r="N89" s="1106"/>
      <c r="O89" s="1106"/>
      <c r="U89" s="1106"/>
      <c r="AB89" s="1106"/>
      <c r="AC89" s="1106"/>
      <c r="AD89" s="1106"/>
      <c r="AE89" s="1106"/>
      <c r="AF89" s="1106"/>
      <c r="AG89" s="1106"/>
      <c r="AH89" s="1106"/>
      <c r="AL89" s="1106"/>
      <c r="AO89" s="1106"/>
      <c r="AP89" s="1106"/>
      <c r="AT89" s="1106"/>
      <c r="AU89" s="1106"/>
      <c r="AV89" s="1106"/>
      <c r="AW89" s="1106"/>
      <c r="AX89" s="1106"/>
      <c r="AY89" s="1106"/>
      <c r="AZ89" s="1106"/>
      <c r="BA89" s="1106"/>
      <c r="BB89" s="1106"/>
      <c r="BC89" s="1106"/>
      <c r="BD89" s="1106"/>
      <c r="BE89" s="1106"/>
      <c r="BF89" s="1106"/>
      <c r="BG89" s="1106"/>
      <c r="BH89" s="1106"/>
      <c r="BI89" s="1106"/>
      <c r="BJ89" s="1106"/>
      <c r="BK89" s="1106"/>
      <c r="BL89" s="1106"/>
      <c r="BM89" s="1106"/>
      <c r="BN89" s="1106"/>
      <c r="BO89" s="1106"/>
      <c r="BP89" s="1106"/>
      <c r="BQ89" s="1106"/>
      <c r="BR89" s="1106"/>
      <c r="BS89" s="1106"/>
      <c r="BT89" s="1106"/>
      <c r="BU89" s="1106"/>
      <c r="BV89" s="1106"/>
      <c r="BW89" s="1106"/>
      <c r="BX89" s="1106"/>
      <c r="BY89" s="1106"/>
      <c r="BZ89" s="1106"/>
      <c r="CA89" s="1106"/>
    </row>
    <row r="90" spans="3:79" ht="9" customHeight="1" x14ac:dyDescent="0.2">
      <c r="C90" s="1106"/>
      <c r="D90" s="1106"/>
      <c r="E90" s="1106"/>
      <c r="F90" s="1106"/>
      <c r="G90" s="1106"/>
      <c r="H90" s="1106"/>
      <c r="I90" s="1106"/>
      <c r="J90" s="1106"/>
      <c r="K90" s="1106"/>
      <c r="L90" s="1106"/>
      <c r="M90" s="1106"/>
      <c r="N90" s="1106"/>
      <c r="O90" s="1106"/>
      <c r="U90" s="1106"/>
      <c r="AB90" s="1106"/>
      <c r="AC90" s="1106"/>
      <c r="AD90" s="1106"/>
      <c r="AE90" s="1106"/>
      <c r="AF90" s="1106"/>
      <c r="AG90" s="1106"/>
      <c r="AH90" s="1106"/>
      <c r="AL90" s="1106"/>
      <c r="AT90" s="1106"/>
      <c r="AU90" s="1106"/>
      <c r="AV90" s="1106"/>
      <c r="AW90" s="1106"/>
      <c r="AX90" s="1106"/>
      <c r="AY90" s="1106"/>
      <c r="AZ90" s="1106"/>
      <c r="BA90" s="1106"/>
      <c r="BB90" s="1106"/>
      <c r="BC90" s="1106"/>
      <c r="BD90" s="1106"/>
      <c r="BE90" s="1106"/>
      <c r="BF90" s="1106"/>
      <c r="BG90" s="1106"/>
      <c r="BH90" s="1106"/>
      <c r="BI90" s="1106"/>
      <c r="BJ90" s="1106"/>
      <c r="BK90" s="1106"/>
      <c r="BL90" s="1106"/>
      <c r="BM90" s="1106"/>
      <c r="BN90" s="1106"/>
      <c r="BO90" s="1106"/>
      <c r="BP90" s="1106"/>
      <c r="BQ90" s="1106"/>
      <c r="BR90" s="1106"/>
      <c r="BS90" s="1106"/>
      <c r="BT90" s="1106"/>
      <c r="BU90" s="1106"/>
      <c r="BV90" s="1106"/>
      <c r="BW90" s="1106"/>
      <c r="BX90" s="1106"/>
      <c r="BY90" s="1106"/>
      <c r="BZ90" s="1106"/>
      <c r="CA90" s="1106"/>
    </row>
    <row r="91" spans="3:79" ht="9" customHeight="1" x14ac:dyDescent="0.2">
      <c r="C91" s="1106"/>
      <c r="D91" s="1106"/>
      <c r="E91" s="1106"/>
      <c r="F91" s="1106"/>
      <c r="G91" s="1106"/>
      <c r="H91" s="1106"/>
      <c r="I91" s="1106"/>
      <c r="J91" s="1106"/>
      <c r="K91" s="1106"/>
      <c r="L91" s="1106"/>
      <c r="M91" s="1106"/>
      <c r="N91" s="1106"/>
      <c r="O91" s="1106"/>
      <c r="AB91" s="1106"/>
      <c r="AC91" s="1106"/>
      <c r="AD91" s="1106"/>
      <c r="AE91" s="1106"/>
      <c r="AF91" s="1106"/>
      <c r="AG91" s="1106"/>
      <c r="AH91" s="1106"/>
      <c r="AL91" s="1106"/>
      <c r="AZ91" s="1106"/>
      <c r="BA91" s="1106"/>
      <c r="BB91" s="1106"/>
      <c r="BC91" s="1106"/>
      <c r="BD91" s="1106"/>
      <c r="BE91" s="1106"/>
      <c r="BF91" s="1106"/>
      <c r="BG91" s="1106"/>
      <c r="BH91" s="1106"/>
      <c r="BI91" s="1106"/>
      <c r="BJ91" s="1106"/>
      <c r="BK91" s="1106"/>
      <c r="BL91" s="1106"/>
      <c r="BM91" s="1106"/>
      <c r="BN91" s="1106"/>
      <c r="BO91" s="1106"/>
      <c r="BP91" s="1106"/>
      <c r="BQ91" s="1106"/>
      <c r="BR91" s="1106"/>
      <c r="BS91" s="1106"/>
      <c r="BT91" s="1106"/>
      <c r="BU91" s="1106"/>
      <c r="BV91" s="1106"/>
      <c r="BW91" s="1106"/>
      <c r="BX91" s="1106"/>
      <c r="BY91" s="1106"/>
      <c r="BZ91" s="1106"/>
      <c r="CA91" s="1106"/>
    </row>
    <row r="92" spans="3:79" ht="9" customHeight="1" x14ac:dyDescent="0.2">
      <c r="C92" s="1106"/>
      <c r="D92" s="1106"/>
      <c r="E92" s="1106"/>
      <c r="F92" s="1106"/>
      <c r="G92" s="1106"/>
      <c r="H92" s="1106"/>
      <c r="I92" s="1106"/>
      <c r="J92" s="1106"/>
      <c r="K92" s="1106"/>
      <c r="L92" s="1106"/>
      <c r="M92" s="1106"/>
      <c r="N92" s="1106"/>
      <c r="O92" s="1106"/>
      <c r="AB92" s="1106"/>
      <c r="AC92" s="1106"/>
      <c r="AD92" s="1106"/>
      <c r="AE92" s="1106"/>
      <c r="AF92" s="1106"/>
      <c r="AG92" s="1106"/>
      <c r="AH92" s="1106"/>
      <c r="AL92" s="1106"/>
      <c r="AZ92" s="1106"/>
      <c r="BA92" s="1106"/>
      <c r="BB92" s="1106"/>
      <c r="BC92" s="1106"/>
      <c r="BD92" s="1106"/>
      <c r="BE92" s="1106"/>
      <c r="BF92" s="1106"/>
      <c r="BG92" s="1106"/>
      <c r="BH92" s="1106"/>
      <c r="BI92" s="1106"/>
      <c r="BJ92" s="1106"/>
      <c r="BK92" s="1106"/>
      <c r="BL92" s="1106"/>
      <c r="BM92" s="1106"/>
      <c r="BN92" s="1106"/>
      <c r="BO92" s="1106"/>
      <c r="BP92" s="1106"/>
      <c r="BQ92" s="1106"/>
      <c r="BR92" s="1106"/>
      <c r="BS92" s="1106"/>
      <c r="BT92" s="1106"/>
      <c r="BU92" s="1106"/>
      <c r="BV92" s="1106"/>
      <c r="BW92" s="1106"/>
      <c r="BX92" s="1106"/>
      <c r="BY92" s="1106"/>
      <c r="BZ92" s="1106"/>
      <c r="CA92" s="1106"/>
    </row>
    <row r="93" spans="3:79" ht="9" customHeight="1" x14ac:dyDescent="0.2">
      <c r="C93" s="1106"/>
      <c r="D93" s="1106"/>
      <c r="E93" s="1106"/>
      <c r="F93" s="1106"/>
      <c r="G93" s="1106"/>
      <c r="H93" s="1106"/>
      <c r="I93" s="1106"/>
      <c r="J93" s="1106"/>
      <c r="K93" s="1106"/>
      <c r="L93" s="1106"/>
      <c r="M93" s="1106"/>
      <c r="N93" s="1106"/>
      <c r="O93" s="1106"/>
      <c r="AB93" s="1106"/>
      <c r="AC93" s="1106"/>
      <c r="AD93" s="1106"/>
      <c r="AE93" s="1106"/>
      <c r="AF93" s="1106"/>
      <c r="AG93" s="1106"/>
      <c r="AH93" s="1106"/>
      <c r="AL93" s="1106"/>
      <c r="AZ93" s="1106"/>
      <c r="BA93" s="1106"/>
      <c r="BB93" s="1106"/>
      <c r="BC93" s="1106"/>
      <c r="BD93" s="1106"/>
      <c r="BE93" s="1106"/>
      <c r="BF93" s="1106"/>
      <c r="BG93" s="1106"/>
      <c r="BH93" s="1106"/>
      <c r="BI93" s="1106"/>
      <c r="BJ93" s="1106"/>
      <c r="BK93" s="1106"/>
      <c r="BL93" s="1106"/>
      <c r="BM93" s="1106"/>
      <c r="BN93" s="1106"/>
      <c r="BO93" s="1106"/>
      <c r="BP93" s="1106"/>
      <c r="BQ93" s="1106"/>
      <c r="BR93" s="1106"/>
      <c r="BS93" s="1106"/>
      <c r="BT93" s="1106"/>
      <c r="BU93" s="1106"/>
      <c r="BV93" s="1106"/>
      <c r="BW93" s="1106"/>
      <c r="BX93" s="1106"/>
      <c r="BY93" s="1106"/>
      <c r="BZ93" s="1106"/>
      <c r="CA93" s="1106"/>
    </row>
    <row r="94" spans="3:79" ht="9" customHeight="1" x14ac:dyDescent="0.2">
      <c r="C94" s="1106"/>
      <c r="D94" s="1106"/>
      <c r="E94" s="1106"/>
      <c r="F94" s="1106"/>
      <c r="G94" s="1106"/>
      <c r="H94" s="1106"/>
      <c r="I94" s="1106"/>
      <c r="J94" s="1106"/>
      <c r="K94" s="1106"/>
      <c r="L94" s="1106"/>
      <c r="M94" s="1106"/>
      <c r="N94" s="1106"/>
      <c r="O94" s="1106"/>
      <c r="U94" s="1106"/>
      <c r="AB94" s="1106"/>
      <c r="AC94" s="1106"/>
      <c r="AD94" s="1106"/>
      <c r="AE94" s="1106"/>
      <c r="AF94" s="1106"/>
      <c r="AG94" s="1106"/>
      <c r="AH94" s="1106"/>
      <c r="AL94" s="1106"/>
      <c r="AT94" s="1106"/>
      <c r="AU94" s="1106"/>
      <c r="AV94" s="1106"/>
      <c r="AW94" s="1106"/>
      <c r="AX94" s="1106"/>
      <c r="AY94" s="1106"/>
      <c r="AZ94" s="1106"/>
      <c r="BA94" s="1106"/>
      <c r="BB94" s="1106"/>
      <c r="BC94" s="1106"/>
      <c r="BD94" s="1106"/>
      <c r="BE94" s="1106"/>
      <c r="BF94" s="1106"/>
      <c r="BG94" s="1106"/>
      <c r="BH94" s="1106"/>
      <c r="BI94" s="1106"/>
      <c r="BJ94" s="1106"/>
      <c r="BK94" s="1106"/>
      <c r="BL94" s="1106"/>
      <c r="BM94" s="1106"/>
      <c r="BN94" s="1106"/>
      <c r="BO94" s="1106"/>
      <c r="BP94" s="1106"/>
      <c r="BQ94" s="1106"/>
      <c r="BR94" s="1106"/>
      <c r="BS94" s="1106"/>
      <c r="BT94" s="1106"/>
      <c r="BU94" s="1106"/>
      <c r="BV94" s="1106"/>
      <c r="BW94" s="1106"/>
      <c r="BX94" s="1106"/>
      <c r="BY94" s="1106"/>
      <c r="BZ94" s="1106"/>
      <c r="CA94" s="1106"/>
    </row>
    <row r="95" spans="3:79" ht="9" customHeight="1" x14ac:dyDescent="0.2">
      <c r="C95" s="1106"/>
      <c r="D95" s="1106"/>
      <c r="E95" s="1106"/>
      <c r="F95" s="1106"/>
      <c r="G95" s="1106"/>
      <c r="H95" s="1106"/>
      <c r="I95" s="1106"/>
      <c r="J95" s="1106"/>
      <c r="K95" s="1106"/>
      <c r="L95" s="1106"/>
      <c r="M95" s="1106"/>
      <c r="N95" s="1106"/>
      <c r="O95" s="1106"/>
      <c r="U95" s="1106"/>
      <c r="AB95" s="1106"/>
      <c r="AC95" s="1106"/>
      <c r="AD95" s="1106"/>
      <c r="AE95" s="1106"/>
      <c r="AF95" s="1106"/>
      <c r="AG95" s="1106"/>
      <c r="AH95" s="1106"/>
      <c r="AL95" s="1106"/>
      <c r="AO95" s="1106"/>
      <c r="AP95" s="1106"/>
      <c r="AT95" s="1106"/>
      <c r="AU95" s="1106"/>
      <c r="AV95" s="1106"/>
      <c r="AW95" s="1106"/>
      <c r="AX95" s="1106"/>
      <c r="AY95" s="1106"/>
      <c r="AZ95" s="1106"/>
      <c r="BA95" s="1106"/>
      <c r="BB95" s="1106"/>
      <c r="BC95" s="1106"/>
      <c r="BD95" s="1106"/>
      <c r="BE95" s="1106"/>
      <c r="BF95" s="1106"/>
      <c r="BG95" s="1106"/>
      <c r="BH95" s="1106"/>
      <c r="BI95" s="1106"/>
      <c r="BJ95" s="1106"/>
      <c r="BK95" s="1106"/>
      <c r="BL95" s="1106"/>
      <c r="BM95" s="1106"/>
      <c r="BN95" s="1106"/>
      <c r="BO95" s="1106"/>
      <c r="BP95" s="1106"/>
      <c r="BQ95" s="1106"/>
      <c r="BR95" s="1106"/>
      <c r="BS95" s="1106"/>
      <c r="BT95" s="1106"/>
      <c r="BU95" s="1106"/>
      <c r="BV95" s="1106"/>
      <c r="BW95" s="1106"/>
      <c r="BX95" s="1106"/>
      <c r="BY95" s="1106"/>
      <c r="BZ95" s="1106"/>
      <c r="CA95" s="1106"/>
    </row>
    <row r="96" spans="3:79" ht="9" customHeight="1" x14ac:dyDescent="0.2">
      <c r="C96" s="1106"/>
      <c r="D96" s="1106"/>
      <c r="E96" s="1106"/>
      <c r="F96" s="1106"/>
      <c r="G96" s="1106"/>
      <c r="H96" s="1106"/>
      <c r="I96" s="1106"/>
      <c r="J96" s="1106"/>
      <c r="K96" s="1106"/>
      <c r="L96" s="1106"/>
      <c r="M96" s="1106"/>
      <c r="N96" s="1106"/>
      <c r="O96" s="1106"/>
      <c r="U96" s="1106"/>
      <c r="AB96" s="1106"/>
      <c r="AC96" s="1106"/>
      <c r="AD96" s="1106"/>
      <c r="AE96" s="1106"/>
      <c r="AF96" s="1106"/>
      <c r="AG96" s="1106"/>
      <c r="AH96" s="1106"/>
      <c r="AL96" s="1106"/>
      <c r="AT96" s="1106"/>
      <c r="AU96" s="1106"/>
      <c r="AV96" s="1106"/>
      <c r="AW96" s="1106"/>
      <c r="AX96" s="1106"/>
      <c r="AY96" s="1106"/>
      <c r="AZ96" s="1106"/>
      <c r="BA96" s="1106"/>
      <c r="BB96" s="1106"/>
      <c r="BC96" s="1106"/>
      <c r="BD96" s="1106"/>
      <c r="BE96" s="1106"/>
      <c r="BF96" s="1106"/>
      <c r="BG96" s="1106"/>
      <c r="BH96" s="1106"/>
      <c r="BI96" s="1106"/>
      <c r="BJ96" s="1106"/>
      <c r="BK96" s="1106"/>
      <c r="BL96" s="1106"/>
      <c r="BM96" s="1106"/>
      <c r="BN96" s="1106"/>
      <c r="BO96" s="1106"/>
      <c r="BP96" s="1106"/>
      <c r="BQ96" s="1106"/>
      <c r="BR96" s="1106"/>
      <c r="BS96" s="1106"/>
      <c r="BT96" s="1106"/>
      <c r="BU96" s="1106"/>
      <c r="BV96" s="1106"/>
      <c r="BW96" s="1106"/>
      <c r="BX96" s="1106"/>
      <c r="BY96" s="1106"/>
      <c r="BZ96" s="1106"/>
      <c r="CA96" s="1106"/>
    </row>
    <row r="97" spans="3:79" ht="9" customHeight="1" x14ac:dyDescent="0.2">
      <c r="C97" s="1106"/>
      <c r="D97" s="1106"/>
      <c r="E97" s="1106"/>
      <c r="F97" s="1106"/>
      <c r="G97" s="1106"/>
      <c r="H97" s="1106"/>
      <c r="I97" s="1106"/>
      <c r="J97" s="1106"/>
      <c r="K97" s="1106"/>
      <c r="L97" s="1106"/>
      <c r="M97" s="1106"/>
      <c r="N97" s="1106"/>
      <c r="O97" s="1106"/>
      <c r="AB97" s="1106"/>
      <c r="AC97" s="1106"/>
      <c r="AD97" s="1106"/>
      <c r="AE97" s="1106"/>
      <c r="AF97" s="1106"/>
      <c r="AG97" s="1106"/>
      <c r="AH97" s="1106"/>
      <c r="AL97" s="1106"/>
      <c r="AZ97" s="1106"/>
      <c r="BA97" s="1106"/>
      <c r="BB97" s="1106"/>
      <c r="BC97" s="1106"/>
      <c r="BD97" s="1106"/>
      <c r="BE97" s="1106"/>
      <c r="BF97" s="1106"/>
      <c r="BG97" s="1106"/>
      <c r="BH97" s="1106"/>
      <c r="BI97" s="1106"/>
      <c r="BJ97" s="1106"/>
      <c r="BK97" s="1106"/>
      <c r="BL97" s="1106"/>
      <c r="BM97" s="1106"/>
      <c r="BN97" s="1106"/>
      <c r="BO97" s="1106"/>
      <c r="BP97" s="1106"/>
      <c r="BQ97" s="1106"/>
      <c r="BR97" s="1106"/>
      <c r="BS97" s="1106"/>
      <c r="BT97" s="1106"/>
      <c r="BU97" s="1106"/>
      <c r="BV97" s="1106"/>
      <c r="BW97" s="1106"/>
      <c r="BX97" s="1106"/>
      <c r="BY97" s="1106"/>
      <c r="BZ97" s="1106"/>
      <c r="CA97" s="1106"/>
    </row>
    <row r="98" spans="3:79" ht="9" customHeight="1" x14ac:dyDescent="0.2">
      <c r="C98" s="1106"/>
      <c r="D98" s="1106"/>
      <c r="E98" s="1106"/>
      <c r="F98" s="1106"/>
      <c r="G98" s="1106"/>
      <c r="H98" s="1106"/>
      <c r="I98" s="1106"/>
      <c r="J98" s="1106"/>
      <c r="K98" s="1106"/>
      <c r="L98" s="1106"/>
      <c r="M98" s="1106"/>
      <c r="N98" s="1106"/>
      <c r="O98" s="1106"/>
      <c r="AB98" s="1106"/>
      <c r="AC98" s="1106"/>
      <c r="AD98" s="1106"/>
      <c r="AE98" s="1106"/>
      <c r="AF98" s="1106"/>
      <c r="AG98" s="1106"/>
      <c r="AH98" s="1106"/>
      <c r="AL98" s="1106"/>
      <c r="AZ98" s="1106"/>
      <c r="BA98" s="1106"/>
      <c r="BB98" s="1106"/>
      <c r="BC98" s="1106"/>
      <c r="BD98" s="1106"/>
      <c r="BE98" s="1106"/>
      <c r="BF98" s="1106"/>
      <c r="BG98" s="1106"/>
      <c r="BH98" s="1106"/>
      <c r="BI98" s="1106"/>
      <c r="BJ98" s="1106"/>
      <c r="BK98" s="1106"/>
      <c r="BL98" s="1106"/>
      <c r="BM98" s="1106"/>
      <c r="BN98" s="1106"/>
      <c r="BO98" s="1106"/>
      <c r="BP98" s="1106"/>
      <c r="BQ98" s="1106"/>
      <c r="BR98" s="1106"/>
      <c r="BS98" s="1106"/>
      <c r="BT98" s="1106"/>
      <c r="BU98" s="1106"/>
      <c r="BV98" s="1106"/>
      <c r="BW98" s="1106"/>
      <c r="BX98" s="1106"/>
      <c r="BY98" s="1106"/>
      <c r="BZ98" s="1106"/>
      <c r="CA98" s="1106"/>
    </row>
    <row r="99" spans="3:79" ht="9" customHeight="1" x14ac:dyDescent="0.2">
      <c r="C99" s="1106"/>
      <c r="D99" s="1106"/>
      <c r="E99" s="1106"/>
      <c r="F99" s="1106"/>
      <c r="G99" s="1106"/>
      <c r="H99" s="1106"/>
      <c r="I99" s="1106"/>
      <c r="J99" s="1106"/>
      <c r="K99" s="1106"/>
      <c r="L99" s="1106"/>
      <c r="M99" s="1106"/>
      <c r="N99" s="1106"/>
      <c r="O99" s="1106"/>
      <c r="AB99" s="1106"/>
      <c r="AC99" s="1106"/>
      <c r="AD99" s="1106"/>
      <c r="AE99" s="1106"/>
      <c r="AF99" s="1106"/>
      <c r="AG99" s="1106"/>
      <c r="AH99" s="1106"/>
      <c r="AL99" s="1106"/>
      <c r="AZ99" s="1106"/>
      <c r="BA99" s="1106"/>
      <c r="BB99" s="1106"/>
      <c r="BC99" s="1106"/>
      <c r="BD99" s="1106"/>
      <c r="BE99" s="1106"/>
      <c r="BF99" s="1106"/>
      <c r="BG99" s="1106"/>
      <c r="BH99" s="1106"/>
      <c r="BI99" s="1106"/>
      <c r="BJ99" s="1106"/>
      <c r="BK99" s="1106"/>
      <c r="BL99" s="1106"/>
      <c r="BM99" s="1106"/>
      <c r="BN99" s="1106"/>
      <c r="BO99" s="1106"/>
      <c r="BP99" s="1106"/>
      <c r="BQ99" s="1106"/>
      <c r="BR99" s="1106"/>
      <c r="BS99" s="1106"/>
      <c r="BT99" s="1106"/>
      <c r="BU99" s="1106"/>
      <c r="BV99" s="1106"/>
      <c r="BW99" s="1106"/>
      <c r="BX99" s="1106"/>
      <c r="BY99" s="1106"/>
      <c r="BZ99" s="1106"/>
      <c r="CA99" s="1106"/>
    </row>
    <row r="100" spans="3:79" ht="9" customHeight="1" x14ac:dyDescent="0.2">
      <c r="C100" s="1106"/>
      <c r="D100" s="1106"/>
      <c r="E100" s="1106"/>
      <c r="F100" s="1106"/>
      <c r="G100" s="1106"/>
      <c r="H100" s="1106"/>
      <c r="I100" s="1106"/>
      <c r="J100" s="1106"/>
      <c r="K100" s="1106"/>
      <c r="L100" s="1106"/>
      <c r="M100" s="1106"/>
      <c r="N100" s="1106"/>
      <c r="O100" s="1106"/>
      <c r="U100" s="1106"/>
      <c r="AB100" s="1106"/>
      <c r="AC100" s="1106"/>
      <c r="AD100" s="1106"/>
      <c r="AE100" s="1106"/>
      <c r="AF100" s="1106"/>
      <c r="AG100" s="1106"/>
      <c r="AH100" s="1106"/>
      <c r="AL100" s="1106"/>
      <c r="AT100" s="1106"/>
      <c r="AU100" s="1106"/>
      <c r="AV100" s="1106"/>
      <c r="AW100" s="1106"/>
      <c r="AX100" s="1106"/>
      <c r="AY100" s="1106"/>
      <c r="AZ100" s="1106"/>
      <c r="BA100" s="1106"/>
      <c r="BB100" s="1106"/>
      <c r="BC100" s="1106"/>
      <c r="BD100" s="1106"/>
      <c r="BE100" s="1106"/>
      <c r="BF100" s="1106"/>
      <c r="BG100" s="1106"/>
      <c r="BH100" s="1106"/>
      <c r="BI100" s="1106"/>
      <c r="BJ100" s="1106"/>
      <c r="BK100" s="1106"/>
      <c r="BL100" s="1106"/>
      <c r="BM100" s="1106"/>
      <c r="BN100" s="1106"/>
      <c r="BO100" s="1106"/>
      <c r="BP100" s="1106"/>
      <c r="BQ100" s="1106"/>
      <c r="BR100" s="1106"/>
      <c r="BS100" s="1106"/>
      <c r="BT100" s="1106"/>
      <c r="BU100" s="1106"/>
      <c r="BV100" s="1106"/>
      <c r="BW100" s="1106"/>
      <c r="BX100" s="1106"/>
      <c r="BY100" s="1106"/>
      <c r="BZ100" s="1106"/>
      <c r="CA100" s="1106"/>
    </row>
    <row r="101" spans="3:79" ht="9" customHeight="1" x14ac:dyDescent="0.2">
      <c r="C101" s="1106"/>
      <c r="D101" s="1106"/>
      <c r="E101" s="1106"/>
      <c r="F101" s="1106"/>
      <c r="G101" s="1106"/>
      <c r="H101" s="1106"/>
      <c r="I101" s="1106"/>
      <c r="J101" s="1106"/>
      <c r="K101" s="1106"/>
      <c r="L101" s="1106"/>
      <c r="M101" s="1106"/>
      <c r="N101" s="1106"/>
      <c r="O101" s="1106"/>
      <c r="U101" s="1106"/>
      <c r="AB101" s="1106"/>
      <c r="AC101" s="1106"/>
      <c r="AD101" s="1106"/>
      <c r="AE101" s="1106"/>
      <c r="AF101" s="1106"/>
      <c r="AG101" s="1106"/>
      <c r="AH101" s="1106"/>
      <c r="AL101" s="1106"/>
      <c r="AO101" s="1106"/>
      <c r="AP101" s="1106"/>
      <c r="AT101" s="1106"/>
      <c r="AU101" s="1106"/>
      <c r="AV101" s="1106"/>
      <c r="AW101" s="1106"/>
      <c r="AX101" s="1106"/>
      <c r="AY101" s="1106"/>
      <c r="AZ101" s="1106"/>
      <c r="BA101" s="1106"/>
      <c r="BB101" s="1106"/>
      <c r="BC101" s="1106"/>
      <c r="BD101" s="1106"/>
      <c r="BE101" s="1106"/>
      <c r="BF101" s="1106"/>
      <c r="BG101" s="1106"/>
      <c r="BH101" s="1106"/>
      <c r="BI101" s="1106"/>
      <c r="BJ101" s="1106"/>
      <c r="BK101" s="1106"/>
      <c r="BL101" s="1106"/>
      <c r="BM101" s="1106"/>
      <c r="BN101" s="1106"/>
      <c r="BO101" s="1106"/>
      <c r="BP101" s="1106"/>
      <c r="BQ101" s="1106"/>
      <c r="BR101" s="1106"/>
      <c r="BS101" s="1106"/>
      <c r="BT101" s="1106"/>
      <c r="BU101" s="1106"/>
      <c r="BV101" s="1106"/>
      <c r="BW101" s="1106"/>
      <c r="BX101" s="1106"/>
      <c r="BY101" s="1106"/>
      <c r="BZ101" s="1106"/>
      <c r="CA101" s="1106"/>
    </row>
    <row r="102" spans="3:79" ht="9" customHeight="1" x14ac:dyDescent="0.2">
      <c r="C102" s="1106"/>
      <c r="D102" s="1106"/>
      <c r="E102" s="1106"/>
      <c r="F102" s="1106"/>
      <c r="G102" s="1106"/>
      <c r="H102" s="1106"/>
      <c r="I102" s="1106"/>
      <c r="J102" s="1106"/>
      <c r="K102" s="1106"/>
      <c r="L102" s="1106"/>
      <c r="M102" s="1106"/>
      <c r="N102" s="1106"/>
      <c r="O102" s="1106"/>
      <c r="U102" s="1106"/>
      <c r="AB102" s="1106"/>
      <c r="AC102" s="1106"/>
      <c r="AD102" s="1106"/>
      <c r="AE102" s="1106"/>
      <c r="AF102" s="1106"/>
      <c r="AG102" s="1106"/>
      <c r="AH102" s="1106"/>
      <c r="AL102" s="1106"/>
      <c r="AT102" s="1106"/>
      <c r="AU102" s="1106"/>
      <c r="AV102" s="1106"/>
      <c r="AW102" s="1106"/>
      <c r="AX102" s="1106"/>
      <c r="AY102" s="1106"/>
      <c r="AZ102" s="1106"/>
      <c r="BA102" s="1106"/>
      <c r="BB102" s="1106"/>
      <c r="BC102" s="1106"/>
      <c r="BD102" s="1106"/>
      <c r="BE102" s="1106"/>
      <c r="BF102" s="1106"/>
      <c r="BG102" s="1106"/>
      <c r="BH102" s="1106"/>
      <c r="BI102" s="1106"/>
      <c r="BJ102" s="1106"/>
      <c r="BK102" s="1106"/>
      <c r="BL102" s="1106"/>
      <c r="BM102" s="1106"/>
      <c r="BN102" s="1106"/>
      <c r="BO102" s="1106"/>
      <c r="BP102" s="1106"/>
      <c r="BQ102" s="1106"/>
      <c r="BR102" s="1106"/>
      <c r="BS102" s="1106"/>
      <c r="BT102" s="1106"/>
      <c r="BU102" s="1106"/>
      <c r="BV102" s="1106"/>
      <c r="BW102" s="1106"/>
      <c r="BX102" s="1106"/>
      <c r="BY102" s="1106"/>
      <c r="BZ102" s="1106"/>
      <c r="CA102" s="1106"/>
    </row>
    <row r="103" spans="3:79" ht="9" customHeight="1" x14ac:dyDescent="0.2">
      <c r="C103" s="1106"/>
      <c r="D103" s="1106"/>
      <c r="E103" s="1106"/>
      <c r="F103" s="1106"/>
      <c r="G103" s="1106"/>
      <c r="H103" s="1106"/>
      <c r="I103" s="1106"/>
      <c r="J103" s="1106"/>
      <c r="K103" s="1106"/>
      <c r="L103" s="1106"/>
      <c r="M103" s="1106"/>
      <c r="N103" s="1106"/>
      <c r="O103" s="1106"/>
      <c r="AB103" s="1106"/>
      <c r="AC103" s="1106"/>
      <c r="AD103" s="1106"/>
      <c r="AE103" s="1106"/>
      <c r="AF103" s="1106"/>
      <c r="AG103" s="1106"/>
      <c r="AH103" s="1106"/>
      <c r="AL103" s="1106"/>
      <c r="AZ103" s="1106"/>
      <c r="BA103" s="1106"/>
      <c r="BB103" s="1106"/>
      <c r="BC103" s="1106"/>
      <c r="BD103" s="1106"/>
      <c r="BE103" s="1106"/>
      <c r="BF103" s="1106"/>
      <c r="BG103" s="1106"/>
      <c r="BH103" s="1106"/>
      <c r="BI103" s="1106"/>
      <c r="BJ103" s="1106"/>
      <c r="BK103" s="1106"/>
      <c r="BL103" s="1106"/>
      <c r="BM103" s="1106"/>
      <c r="BN103" s="1106"/>
      <c r="BO103" s="1106"/>
      <c r="BP103" s="1106"/>
      <c r="BQ103" s="1106"/>
      <c r="BR103" s="1106"/>
      <c r="BS103" s="1106"/>
      <c r="BT103" s="1106"/>
      <c r="BU103" s="1106"/>
      <c r="BV103" s="1106"/>
      <c r="BW103" s="1106"/>
      <c r="BX103" s="1106"/>
      <c r="BY103" s="1106"/>
      <c r="BZ103" s="1106"/>
      <c r="CA103" s="1106"/>
    </row>
    <row r="104" spans="3:79" ht="9" customHeight="1" x14ac:dyDescent="0.2">
      <c r="C104" s="1106"/>
      <c r="D104" s="1106"/>
      <c r="E104" s="1106"/>
      <c r="F104" s="1106"/>
      <c r="G104" s="1106"/>
      <c r="H104" s="1106"/>
      <c r="I104" s="1106"/>
      <c r="J104" s="1106"/>
      <c r="K104" s="1106"/>
      <c r="L104" s="1106"/>
      <c r="M104" s="1106"/>
      <c r="N104" s="1106"/>
      <c r="O104" s="1106"/>
      <c r="AB104" s="1106"/>
      <c r="AC104" s="1106"/>
      <c r="AD104" s="1106"/>
      <c r="AE104" s="1106"/>
      <c r="AF104" s="1106"/>
      <c r="AG104" s="1106"/>
      <c r="AH104" s="1106"/>
      <c r="AL104" s="1106"/>
      <c r="AZ104" s="1106"/>
      <c r="BA104" s="1106"/>
      <c r="BB104" s="1106"/>
      <c r="BC104" s="1106"/>
      <c r="BD104" s="1106"/>
      <c r="BE104" s="1106"/>
      <c r="BF104" s="1106"/>
      <c r="BG104" s="1106"/>
      <c r="BH104" s="1106"/>
      <c r="BI104" s="1106"/>
      <c r="BJ104" s="1106"/>
      <c r="BK104" s="1106"/>
      <c r="BL104" s="1106"/>
      <c r="BM104" s="1106"/>
      <c r="BN104" s="1106"/>
      <c r="BO104" s="1106"/>
      <c r="BP104" s="1106"/>
      <c r="BQ104" s="1106"/>
      <c r="BR104" s="1106"/>
      <c r="BS104" s="1106"/>
      <c r="BT104" s="1106"/>
      <c r="BU104" s="1106"/>
      <c r="BV104" s="1106"/>
      <c r="BW104" s="1106"/>
      <c r="BX104" s="1106"/>
      <c r="BY104" s="1106"/>
      <c r="BZ104" s="1106"/>
      <c r="CA104" s="1106"/>
    </row>
    <row r="105" spans="3:79" ht="9" customHeight="1" x14ac:dyDescent="0.2">
      <c r="C105" s="1106"/>
      <c r="D105" s="1106"/>
      <c r="E105" s="1106"/>
      <c r="F105" s="1106"/>
      <c r="G105" s="1106"/>
      <c r="H105" s="1106"/>
      <c r="I105" s="1106"/>
      <c r="J105" s="1106"/>
      <c r="K105" s="1106"/>
      <c r="L105" s="1106"/>
      <c r="M105" s="1106"/>
      <c r="N105" s="1106"/>
      <c r="O105" s="1106"/>
      <c r="AB105" s="1106"/>
      <c r="AC105" s="1106"/>
      <c r="AD105" s="1106"/>
      <c r="AE105" s="1106"/>
      <c r="AF105" s="1106"/>
      <c r="AG105" s="1106"/>
      <c r="AH105" s="1106"/>
      <c r="AL105" s="1106"/>
      <c r="AZ105" s="1106"/>
      <c r="BA105" s="1106"/>
      <c r="BB105" s="1106"/>
      <c r="BC105" s="1106"/>
      <c r="BD105" s="1106"/>
      <c r="BE105" s="1106"/>
      <c r="BF105" s="1106"/>
      <c r="BG105" s="1106"/>
      <c r="BH105" s="1106"/>
      <c r="BI105" s="1106"/>
      <c r="BJ105" s="1106"/>
      <c r="BK105" s="1106"/>
      <c r="BL105" s="1106"/>
      <c r="BM105" s="1106"/>
      <c r="BN105" s="1106"/>
      <c r="BO105" s="1106"/>
      <c r="BP105" s="1106"/>
      <c r="BQ105" s="1106"/>
      <c r="BR105" s="1106"/>
      <c r="BS105" s="1106"/>
      <c r="BT105" s="1106"/>
      <c r="BU105" s="1106"/>
      <c r="BV105" s="1106"/>
      <c r="BW105" s="1106"/>
      <c r="BX105" s="1106"/>
      <c r="BY105" s="1106"/>
      <c r="BZ105" s="1106"/>
      <c r="CA105" s="1106"/>
    </row>
    <row r="106" spans="3:79" ht="9" customHeight="1" x14ac:dyDescent="0.2">
      <c r="C106" s="1106"/>
      <c r="D106" s="1106"/>
      <c r="E106" s="1106"/>
      <c r="F106" s="1106"/>
      <c r="G106" s="1106"/>
      <c r="H106" s="1106"/>
      <c r="I106" s="1106"/>
      <c r="J106" s="1106"/>
      <c r="K106" s="1106"/>
      <c r="L106" s="1106"/>
      <c r="M106" s="1106"/>
      <c r="N106" s="1106"/>
      <c r="O106" s="1106"/>
      <c r="U106" s="1106"/>
      <c r="AB106" s="1106"/>
      <c r="AC106" s="1106"/>
      <c r="AD106" s="1106"/>
      <c r="AE106" s="1106"/>
      <c r="AF106" s="1106"/>
      <c r="AG106" s="1106"/>
      <c r="AH106" s="1106"/>
      <c r="AL106" s="1106"/>
      <c r="AT106" s="1106"/>
      <c r="AU106" s="1106"/>
      <c r="AV106" s="1106"/>
      <c r="AW106" s="1106"/>
      <c r="AX106" s="1106"/>
      <c r="AY106" s="1106"/>
      <c r="AZ106" s="1106"/>
      <c r="BA106" s="1106"/>
      <c r="BB106" s="1106"/>
      <c r="BC106" s="1106"/>
      <c r="BD106" s="1106"/>
      <c r="BE106" s="1106"/>
      <c r="BF106" s="1106"/>
      <c r="BG106" s="1106"/>
      <c r="BH106" s="1106"/>
      <c r="BI106" s="1106"/>
      <c r="BJ106" s="1106"/>
      <c r="BK106" s="1106"/>
      <c r="BL106" s="1106"/>
      <c r="BM106" s="1106"/>
      <c r="BN106" s="1106"/>
      <c r="BO106" s="1106"/>
      <c r="BP106" s="1106"/>
      <c r="BQ106" s="1106"/>
      <c r="BR106" s="1106"/>
      <c r="BS106" s="1106"/>
      <c r="BT106" s="1106"/>
      <c r="BU106" s="1106"/>
      <c r="BV106" s="1106"/>
      <c r="BW106" s="1106"/>
      <c r="BX106" s="1106"/>
      <c r="BY106" s="1106"/>
      <c r="BZ106" s="1106"/>
      <c r="CA106" s="1106"/>
    </row>
    <row r="107" spans="3:79" ht="9" customHeight="1" x14ac:dyDescent="0.2">
      <c r="C107" s="1106"/>
      <c r="D107" s="1106"/>
      <c r="E107" s="1106"/>
      <c r="F107" s="1106"/>
      <c r="G107" s="1106"/>
      <c r="H107" s="1106"/>
      <c r="I107" s="1106"/>
      <c r="J107" s="1106"/>
      <c r="K107" s="1106"/>
      <c r="L107" s="1106"/>
      <c r="M107" s="1106"/>
      <c r="N107" s="1106"/>
      <c r="O107" s="1106"/>
      <c r="U107" s="1106"/>
      <c r="AB107" s="1106"/>
      <c r="AC107" s="1106"/>
      <c r="AD107" s="1106"/>
      <c r="AE107" s="1106"/>
      <c r="AF107" s="1106"/>
      <c r="AG107" s="1106"/>
      <c r="AH107" s="1106"/>
      <c r="AL107" s="1106"/>
      <c r="AO107" s="1106"/>
      <c r="AP107" s="1106"/>
      <c r="AT107" s="1106"/>
      <c r="AU107" s="1106"/>
      <c r="AV107" s="1106"/>
      <c r="AW107" s="1106"/>
      <c r="AX107" s="1106"/>
      <c r="AY107" s="1106"/>
      <c r="AZ107" s="1106"/>
      <c r="BA107" s="1106"/>
      <c r="BB107" s="1106"/>
      <c r="BC107" s="1106"/>
      <c r="BD107" s="1106"/>
      <c r="BE107" s="1106"/>
      <c r="BF107" s="1106"/>
      <c r="BG107" s="1106"/>
      <c r="BH107" s="1106"/>
      <c r="BI107" s="1106"/>
      <c r="BJ107" s="1106"/>
      <c r="BK107" s="1106"/>
      <c r="BL107" s="1106"/>
      <c r="BM107" s="1106"/>
      <c r="BN107" s="1106"/>
      <c r="BO107" s="1106"/>
      <c r="BP107" s="1106"/>
      <c r="BQ107" s="1106"/>
      <c r="BR107" s="1106"/>
      <c r="BS107" s="1106"/>
      <c r="BT107" s="1106"/>
      <c r="BU107" s="1106"/>
      <c r="BV107" s="1106"/>
      <c r="BW107" s="1106"/>
      <c r="BX107" s="1106"/>
      <c r="BY107" s="1106"/>
      <c r="BZ107" s="1106"/>
      <c r="CA107" s="1106"/>
    </row>
    <row r="108" spans="3:79" ht="9" customHeight="1" x14ac:dyDescent="0.2">
      <c r="C108" s="1106"/>
      <c r="D108" s="1106"/>
      <c r="E108" s="1106"/>
      <c r="F108" s="1106"/>
      <c r="G108" s="1106"/>
      <c r="H108" s="1106"/>
      <c r="I108" s="1106"/>
      <c r="J108" s="1106"/>
      <c r="K108" s="1106"/>
      <c r="L108" s="1106"/>
      <c r="M108" s="1106"/>
      <c r="N108" s="1106"/>
      <c r="O108" s="1106"/>
      <c r="U108" s="1106"/>
      <c r="AB108" s="1106"/>
      <c r="AC108" s="1106"/>
      <c r="AD108" s="1106"/>
      <c r="AE108" s="1106"/>
      <c r="AF108" s="1106"/>
      <c r="AG108" s="1106"/>
      <c r="AH108" s="1106"/>
      <c r="AL108" s="1106"/>
      <c r="AT108" s="1106"/>
      <c r="AU108" s="1106"/>
      <c r="AV108" s="1106"/>
      <c r="AW108" s="1106"/>
      <c r="AX108" s="1106"/>
      <c r="AY108" s="1106"/>
      <c r="AZ108" s="1106"/>
      <c r="BA108" s="1106"/>
      <c r="BB108" s="1106"/>
      <c r="BC108" s="1106"/>
      <c r="BD108" s="1106"/>
      <c r="BE108" s="1106"/>
      <c r="BF108" s="1106"/>
      <c r="BG108" s="1106"/>
      <c r="BH108" s="1106"/>
      <c r="BI108" s="1106"/>
      <c r="BJ108" s="1106"/>
      <c r="BK108" s="1106"/>
      <c r="BL108" s="1106"/>
      <c r="BM108" s="1106"/>
      <c r="BN108" s="1106"/>
      <c r="BO108" s="1106"/>
      <c r="BP108" s="1106"/>
      <c r="BQ108" s="1106"/>
      <c r="BR108" s="1106"/>
      <c r="BS108" s="1106"/>
      <c r="BT108" s="1106"/>
      <c r="BU108" s="1106"/>
      <c r="BV108" s="1106"/>
      <c r="BW108" s="1106"/>
      <c r="BX108" s="1106"/>
      <c r="BY108" s="1106"/>
      <c r="BZ108" s="1106"/>
      <c r="CA108" s="1106"/>
    </row>
    <row r="109" spans="3:79" ht="9" customHeight="1" x14ac:dyDescent="0.2">
      <c r="C109" s="1106"/>
      <c r="D109" s="1106"/>
      <c r="E109" s="1106"/>
      <c r="F109" s="1106"/>
      <c r="G109" s="1106"/>
      <c r="H109" s="1106"/>
      <c r="I109" s="1106"/>
      <c r="J109" s="1106"/>
      <c r="K109" s="1106"/>
      <c r="L109" s="1106"/>
      <c r="M109" s="1106"/>
      <c r="N109" s="1106"/>
      <c r="O109" s="1106"/>
      <c r="AB109" s="1106"/>
      <c r="AC109" s="1106"/>
      <c r="AD109" s="1106"/>
      <c r="AE109" s="1106"/>
      <c r="AF109" s="1106"/>
      <c r="AG109" s="1106"/>
      <c r="AH109" s="1106"/>
      <c r="AL109" s="1106"/>
      <c r="AZ109" s="1106"/>
      <c r="BA109" s="1106"/>
      <c r="BB109" s="1106"/>
      <c r="BC109" s="1106"/>
      <c r="BD109" s="1106"/>
      <c r="BE109" s="1106"/>
      <c r="BF109" s="1106"/>
      <c r="BG109" s="1106"/>
      <c r="BH109" s="1106"/>
      <c r="BI109" s="1106"/>
      <c r="BJ109" s="1106"/>
      <c r="BK109" s="1106"/>
      <c r="BL109" s="1106"/>
      <c r="BM109" s="1106"/>
      <c r="BN109" s="1106"/>
      <c r="BO109" s="1106"/>
      <c r="BP109" s="1106"/>
      <c r="BQ109" s="1106"/>
      <c r="BR109" s="1106"/>
      <c r="BS109" s="1106"/>
      <c r="BT109" s="1106"/>
      <c r="BU109" s="1106"/>
      <c r="BV109" s="1106"/>
      <c r="BW109" s="1106"/>
      <c r="BX109" s="1106"/>
      <c r="BY109" s="1106"/>
      <c r="BZ109" s="1106"/>
      <c r="CA109" s="1106"/>
    </row>
    <row r="110" spans="3:79" ht="9" customHeight="1" x14ac:dyDescent="0.2">
      <c r="C110" s="1106"/>
      <c r="D110" s="1106"/>
      <c r="E110" s="1106"/>
      <c r="F110" s="1106"/>
      <c r="G110" s="1106"/>
      <c r="H110" s="1106"/>
      <c r="I110" s="1106"/>
      <c r="J110" s="1106"/>
      <c r="K110" s="1106"/>
      <c r="L110" s="1106"/>
      <c r="M110" s="1106"/>
      <c r="N110" s="1106"/>
      <c r="O110" s="1106"/>
      <c r="AB110" s="1106"/>
      <c r="AC110" s="1106"/>
      <c r="AD110" s="1106"/>
      <c r="AE110" s="1106"/>
      <c r="AF110" s="1106"/>
      <c r="AG110" s="1106"/>
      <c r="AH110" s="1106"/>
      <c r="AL110" s="1106"/>
      <c r="AZ110" s="1106"/>
      <c r="BA110" s="1106"/>
      <c r="BB110" s="1106"/>
      <c r="BC110" s="1106"/>
      <c r="BD110" s="1106"/>
      <c r="BE110" s="1106"/>
      <c r="BF110" s="1106"/>
      <c r="BG110" s="1106"/>
      <c r="BH110" s="1106"/>
      <c r="BI110" s="1106"/>
      <c r="BJ110" s="1106"/>
      <c r="BK110" s="1106"/>
      <c r="BL110" s="1106"/>
      <c r="BM110" s="1106"/>
      <c r="BN110" s="1106"/>
      <c r="BO110" s="1106"/>
      <c r="BP110" s="1106"/>
      <c r="BQ110" s="1106"/>
      <c r="BR110" s="1106"/>
      <c r="BS110" s="1106"/>
      <c r="BT110" s="1106"/>
      <c r="BU110" s="1106"/>
      <c r="BV110" s="1106"/>
      <c r="BW110" s="1106"/>
      <c r="BX110" s="1106"/>
      <c r="BY110" s="1106"/>
      <c r="BZ110" s="1106"/>
      <c r="CA110" s="1106"/>
    </row>
    <row r="111" spans="3:79" ht="9" customHeight="1" x14ac:dyDescent="0.2">
      <c r="C111" s="1106"/>
      <c r="D111" s="1106"/>
      <c r="E111" s="1106"/>
      <c r="F111" s="1106"/>
      <c r="G111" s="1106"/>
      <c r="H111" s="1106"/>
      <c r="I111" s="1106"/>
      <c r="J111" s="1106"/>
      <c r="K111" s="1106"/>
      <c r="L111" s="1106"/>
      <c r="M111" s="1106"/>
      <c r="N111" s="1106"/>
      <c r="O111" s="1106"/>
      <c r="AB111" s="1106"/>
      <c r="AC111" s="1106"/>
      <c r="AD111" s="1106"/>
      <c r="AE111" s="1106"/>
      <c r="AF111" s="1106"/>
      <c r="AG111" s="1106"/>
      <c r="AH111" s="1106"/>
      <c r="AL111" s="1106"/>
      <c r="AZ111" s="1106"/>
      <c r="BA111" s="1106"/>
      <c r="BB111" s="1106"/>
      <c r="BC111" s="1106"/>
      <c r="BD111" s="1106"/>
      <c r="BE111" s="1106"/>
      <c r="BF111" s="1106"/>
      <c r="BG111" s="1106"/>
      <c r="BH111" s="1106"/>
      <c r="BI111" s="1106"/>
      <c r="BJ111" s="1106"/>
      <c r="BK111" s="1106"/>
      <c r="BL111" s="1106"/>
      <c r="BM111" s="1106"/>
      <c r="BN111" s="1106"/>
      <c r="BO111" s="1106"/>
      <c r="BP111" s="1106"/>
      <c r="BQ111" s="1106"/>
      <c r="BR111" s="1106"/>
      <c r="BS111" s="1106"/>
      <c r="BT111" s="1106"/>
      <c r="BU111" s="1106"/>
      <c r="BV111" s="1106"/>
      <c r="BW111" s="1106"/>
      <c r="BX111" s="1106"/>
      <c r="BY111" s="1106"/>
      <c r="BZ111" s="1106"/>
      <c r="CA111" s="1106"/>
    </row>
    <row r="112" spans="3:79" ht="9" customHeight="1" x14ac:dyDescent="0.2">
      <c r="C112" s="1106"/>
      <c r="D112" s="1106"/>
      <c r="E112" s="1106"/>
      <c r="F112" s="1106"/>
      <c r="G112" s="1106"/>
      <c r="H112" s="1106"/>
      <c r="I112" s="1106"/>
      <c r="J112" s="1106"/>
      <c r="K112" s="1106"/>
      <c r="L112" s="1106"/>
      <c r="M112" s="1106"/>
      <c r="N112" s="1106"/>
      <c r="O112" s="1106"/>
      <c r="U112" s="1106"/>
      <c r="AB112" s="1106"/>
      <c r="AC112" s="1106"/>
      <c r="AD112" s="1106"/>
      <c r="AE112" s="1106"/>
      <c r="AF112" s="1106"/>
      <c r="AG112" s="1106"/>
      <c r="AH112" s="1106"/>
      <c r="AL112" s="1106"/>
      <c r="AT112" s="1106"/>
      <c r="AU112" s="1106"/>
      <c r="AV112" s="1106"/>
      <c r="AW112" s="1106"/>
      <c r="AX112" s="1106"/>
      <c r="AY112" s="1106"/>
      <c r="AZ112" s="1106"/>
      <c r="BA112" s="1106"/>
      <c r="BB112" s="1106"/>
      <c r="BC112" s="1106"/>
      <c r="BD112" s="1106"/>
      <c r="BE112" s="1106"/>
      <c r="BF112" s="1106"/>
      <c r="BG112" s="1106"/>
      <c r="BH112" s="1106"/>
      <c r="BI112" s="1106"/>
      <c r="BJ112" s="1106"/>
      <c r="BK112" s="1106"/>
      <c r="BL112" s="1106"/>
      <c r="BM112" s="1106"/>
      <c r="BN112" s="1106"/>
      <c r="BO112" s="1106"/>
      <c r="BP112" s="1106"/>
      <c r="BQ112" s="1106"/>
      <c r="BR112" s="1106"/>
      <c r="BS112" s="1106"/>
      <c r="BT112" s="1106"/>
      <c r="BU112" s="1106"/>
      <c r="BV112" s="1106"/>
      <c r="BW112" s="1106"/>
      <c r="BX112" s="1106"/>
      <c r="BY112" s="1106"/>
      <c r="BZ112" s="1106"/>
      <c r="CA112" s="1106"/>
    </row>
    <row r="113" spans="3:79" ht="9" customHeight="1" x14ac:dyDescent="0.2">
      <c r="C113" s="1106"/>
      <c r="D113" s="1106"/>
      <c r="E113" s="1106"/>
      <c r="F113" s="1106"/>
      <c r="G113" s="1106"/>
      <c r="H113" s="1106"/>
      <c r="I113" s="1106"/>
      <c r="J113" s="1106"/>
      <c r="K113" s="1106"/>
      <c r="L113" s="1106"/>
      <c r="M113" s="1106"/>
      <c r="N113" s="1106"/>
      <c r="O113" s="1106"/>
      <c r="U113" s="1106"/>
      <c r="AB113" s="1106"/>
      <c r="AC113" s="1106"/>
      <c r="AD113" s="1106"/>
      <c r="AE113" s="1106"/>
      <c r="AF113" s="1106"/>
      <c r="AG113" s="1106"/>
      <c r="AH113" s="1106"/>
      <c r="AL113" s="1106"/>
      <c r="AO113" s="1106"/>
      <c r="AP113" s="1106"/>
      <c r="AT113" s="1106"/>
      <c r="AU113" s="1106"/>
      <c r="AV113" s="1106"/>
      <c r="AW113" s="1106"/>
      <c r="AX113" s="1106"/>
      <c r="AY113" s="1106"/>
      <c r="AZ113" s="1106"/>
      <c r="BA113" s="1106"/>
      <c r="BB113" s="1106"/>
      <c r="BC113" s="1106"/>
      <c r="BD113" s="1106"/>
      <c r="BE113" s="1106"/>
      <c r="BF113" s="1106"/>
      <c r="BG113" s="1106"/>
      <c r="BH113" s="1106"/>
      <c r="BI113" s="1106"/>
      <c r="BJ113" s="1106"/>
      <c r="BK113" s="1106"/>
      <c r="BL113" s="1106"/>
      <c r="BM113" s="1106"/>
      <c r="BN113" s="1106"/>
      <c r="BO113" s="1106"/>
      <c r="BP113" s="1106"/>
      <c r="BQ113" s="1106"/>
      <c r="BR113" s="1106"/>
      <c r="BS113" s="1106"/>
      <c r="BT113" s="1106"/>
      <c r="BU113" s="1106"/>
      <c r="BV113" s="1106"/>
      <c r="BW113" s="1106"/>
      <c r="BX113" s="1106"/>
      <c r="BY113" s="1106"/>
      <c r="BZ113" s="1106"/>
      <c r="CA113" s="1106"/>
    </row>
    <row r="114" spans="3:79" ht="9" customHeight="1" x14ac:dyDescent="0.2">
      <c r="C114" s="1106"/>
      <c r="D114" s="1106"/>
      <c r="E114" s="1106"/>
      <c r="F114" s="1106"/>
      <c r="G114" s="1106"/>
      <c r="H114" s="1106"/>
      <c r="I114" s="1106"/>
      <c r="J114" s="1106"/>
      <c r="K114" s="1106"/>
      <c r="L114" s="1106"/>
      <c r="M114" s="1106"/>
      <c r="N114" s="1106"/>
      <c r="O114" s="1106"/>
      <c r="U114" s="1106"/>
      <c r="AB114" s="1106"/>
      <c r="AC114" s="1106"/>
      <c r="AD114" s="1106"/>
      <c r="AE114" s="1106"/>
      <c r="AF114" s="1106"/>
      <c r="AG114" s="1106"/>
      <c r="AH114" s="1106"/>
      <c r="AL114" s="1106"/>
      <c r="AT114" s="1106"/>
      <c r="AU114" s="1106"/>
      <c r="AV114" s="1106"/>
      <c r="AW114" s="1106"/>
      <c r="AX114" s="1106"/>
      <c r="AY114" s="1106"/>
      <c r="AZ114" s="1106"/>
      <c r="BA114" s="1106"/>
      <c r="BB114" s="1106"/>
      <c r="BC114" s="1106"/>
      <c r="BD114" s="1106"/>
      <c r="BE114" s="1106"/>
      <c r="BF114" s="1106"/>
      <c r="BG114" s="1106"/>
      <c r="BH114" s="1106"/>
      <c r="BI114" s="1106"/>
      <c r="BJ114" s="1106"/>
      <c r="BK114" s="1106"/>
      <c r="BL114" s="1106"/>
      <c r="BM114" s="1106"/>
      <c r="BN114" s="1106"/>
      <c r="BO114" s="1106"/>
      <c r="BP114" s="1106"/>
      <c r="BQ114" s="1106"/>
      <c r="BR114" s="1106"/>
      <c r="BS114" s="1106"/>
      <c r="BT114" s="1106"/>
      <c r="BU114" s="1106"/>
      <c r="BV114" s="1106"/>
      <c r="BW114" s="1106"/>
      <c r="BX114" s="1106"/>
      <c r="BY114" s="1106"/>
      <c r="BZ114" s="1106"/>
      <c r="CA114" s="1106"/>
    </row>
    <row r="115" spans="3:79" ht="9" customHeight="1" x14ac:dyDescent="0.2">
      <c r="C115" s="1106"/>
      <c r="D115" s="1106"/>
      <c r="E115" s="1106"/>
      <c r="F115" s="1106"/>
      <c r="G115" s="1106"/>
      <c r="H115" s="1106"/>
      <c r="I115" s="1106"/>
      <c r="J115" s="1106"/>
      <c r="K115" s="1106"/>
      <c r="L115" s="1106"/>
      <c r="M115" s="1106"/>
      <c r="N115" s="1106"/>
      <c r="O115" s="1106"/>
      <c r="AB115" s="1106"/>
      <c r="AC115" s="1106"/>
      <c r="AD115" s="1106"/>
      <c r="AE115" s="1106"/>
      <c r="AF115" s="1106"/>
      <c r="AG115" s="1106"/>
      <c r="AH115" s="1106"/>
      <c r="AL115" s="1106"/>
      <c r="AZ115" s="1106"/>
      <c r="BA115" s="1106"/>
      <c r="BB115" s="1106"/>
      <c r="BC115" s="1106"/>
      <c r="BD115" s="1106"/>
      <c r="BE115" s="1106"/>
      <c r="BF115" s="1106"/>
      <c r="BG115" s="1106"/>
      <c r="BH115" s="1106"/>
      <c r="BI115" s="1106"/>
      <c r="BJ115" s="1106"/>
      <c r="BK115" s="1106"/>
      <c r="BL115" s="1106"/>
      <c r="BM115" s="1106"/>
      <c r="BN115" s="1106"/>
      <c r="BO115" s="1106"/>
      <c r="BP115" s="1106"/>
      <c r="BQ115" s="1106"/>
      <c r="BR115" s="1106"/>
      <c r="BS115" s="1106"/>
      <c r="BT115" s="1106"/>
      <c r="BU115" s="1106"/>
      <c r="BV115" s="1106"/>
      <c r="BW115" s="1106"/>
      <c r="BX115" s="1106"/>
      <c r="BY115" s="1106"/>
      <c r="BZ115" s="1106"/>
      <c r="CA115" s="1106"/>
    </row>
    <row r="116" spans="3:79" ht="9" customHeight="1" x14ac:dyDescent="0.2">
      <c r="C116" s="1106"/>
      <c r="D116" s="1106"/>
      <c r="E116" s="1106"/>
      <c r="F116" s="1106"/>
      <c r="G116" s="1106"/>
      <c r="H116" s="1106"/>
      <c r="I116" s="1106"/>
      <c r="J116" s="1106"/>
      <c r="K116" s="1106"/>
      <c r="L116" s="1106"/>
      <c r="M116" s="1106"/>
      <c r="N116" s="1106"/>
      <c r="O116" s="1106"/>
      <c r="AB116" s="1106"/>
      <c r="AC116" s="1106"/>
      <c r="AD116" s="1106"/>
      <c r="AE116" s="1106"/>
      <c r="AF116" s="1106"/>
      <c r="AG116" s="1106"/>
      <c r="AH116" s="1106"/>
      <c r="AL116" s="1106"/>
      <c r="AZ116" s="1106"/>
      <c r="BA116" s="1106"/>
      <c r="BB116" s="1106"/>
      <c r="BC116" s="1106"/>
      <c r="BD116" s="1106"/>
      <c r="BE116" s="1106"/>
      <c r="BF116" s="1106"/>
      <c r="BG116" s="1106"/>
      <c r="BH116" s="1106"/>
      <c r="BI116" s="1106"/>
      <c r="BJ116" s="1106"/>
      <c r="BK116" s="1106"/>
      <c r="BL116" s="1106"/>
      <c r="BM116" s="1106"/>
      <c r="BN116" s="1106"/>
      <c r="BO116" s="1106"/>
      <c r="BP116" s="1106"/>
      <c r="BQ116" s="1106"/>
      <c r="BR116" s="1106"/>
      <c r="BS116" s="1106"/>
      <c r="BT116" s="1106"/>
      <c r="BU116" s="1106"/>
      <c r="BV116" s="1106"/>
      <c r="BW116" s="1106"/>
      <c r="BX116" s="1106"/>
      <c r="BY116" s="1106"/>
      <c r="BZ116" s="1106"/>
      <c r="CA116" s="1106"/>
    </row>
    <row r="117" spans="3:79" ht="9" customHeight="1" x14ac:dyDescent="0.2">
      <c r="C117" s="1106"/>
      <c r="D117" s="1106"/>
      <c r="E117" s="1106"/>
      <c r="F117" s="1106"/>
      <c r="G117" s="1106"/>
      <c r="H117" s="1106"/>
      <c r="I117" s="1106"/>
      <c r="J117" s="1106"/>
      <c r="K117" s="1106"/>
      <c r="L117" s="1106"/>
      <c r="M117" s="1106"/>
      <c r="N117" s="1106"/>
      <c r="O117" s="1106"/>
      <c r="AB117" s="1106"/>
      <c r="AC117" s="1106"/>
      <c r="AD117" s="1106"/>
      <c r="AE117" s="1106"/>
      <c r="AF117" s="1106"/>
      <c r="AG117" s="1106"/>
      <c r="AH117" s="1106"/>
      <c r="AL117" s="1106"/>
      <c r="AZ117" s="1106"/>
      <c r="BA117" s="1106"/>
      <c r="BB117" s="1106"/>
      <c r="BC117" s="1106"/>
      <c r="BD117" s="1106"/>
      <c r="BE117" s="1106"/>
      <c r="BF117" s="1106"/>
      <c r="BG117" s="1106"/>
      <c r="BH117" s="1106"/>
      <c r="BI117" s="1106"/>
      <c r="BJ117" s="1106"/>
      <c r="BK117" s="1106"/>
      <c r="BL117" s="1106"/>
      <c r="BM117" s="1106"/>
      <c r="BN117" s="1106"/>
      <c r="BO117" s="1106"/>
      <c r="BP117" s="1106"/>
      <c r="BQ117" s="1106"/>
      <c r="BR117" s="1106"/>
      <c r="BS117" s="1106"/>
      <c r="BT117" s="1106"/>
      <c r="BU117" s="1106"/>
      <c r="BV117" s="1106"/>
      <c r="BW117" s="1106"/>
      <c r="BX117" s="1106"/>
      <c r="BY117" s="1106"/>
      <c r="BZ117" s="1106"/>
      <c r="CA117" s="1106"/>
    </row>
    <row r="118" spans="3:79" ht="9" customHeight="1" x14ac:dyDescent="0.2">
      <c r="C118" s="1106"/>
      <c r="D118" s="1106"/>
      <c r="E118" s="1106"/>
      <c r="F118" s="1106"/>
      <c r="G118" s="1106"/>
      <c r="H118" s="1106"/>
      <c r="I118" s="1106"/>
      <c r="J118" s="1106"/>
      <c r="K118" s="1106"/>
      <c r="L118" s="1106"/>
      <c r="M118" s="1106"/>
      <c r="N118" s="1106"/>
      <c r="O118" s="1106"/>
      <c r="U118" s="1106"/>
      <c r="AB118" s="1106"/>
      <c r="AC118" s="1106"/>
      <c r="AD118" s="1106"/>
      <c r="AE118" s="1106"/>
      <c r="AF118" s="1106"/>
      <c r="AG118" s="1106"/>
      <c r="AH118" s="1106"/>
      <c r="AL118" s="1106"/>
      <c r="AT118" s="1106"/>
      <c r="AU118" s="1106"/>
      <c r="AV118" s="1106"/>
      <c r="AW118" s="1106"/>
      <c r="AX118" s="1106"/>
      <c r="AY118" s="1106"/>
      <c r="AZ118" s="1106"/>
      <c r="BA118" s="1106"/>
      <c r="BB118" s="1106"/>
      <c r="BC118" s="1106"/>
      <c r="BD118" s="1106"/>
      <c r="BE118" s="1106"/>
      <c r="BF118" s="1106"/>
      <c r="BG118" s="1106"/>
      <c r="BH118" s="1106"/>
      <c r="BI118" s="1106"/>
      <c r="BJ118" s="1106"/>
      <c r="BK118" s="1106"/>
      <c r="BL118" s="1106"/>
      <c r="BM118" s="1106"/>
      <c r="BN118" s="1106"/>
      <c r="BO118" s="1106"/>
      <c r="BP118" s="1106"/>
      <c r="BQ118" s="1106"/>
      <c r="BR118" s="1106"/>
      <c r="BS118" s="1106"/>
      <c r="BT118" s="1106"/>
      <c r="BU118" s="1106"/>
      <c r="BV118" s="1106"/>
      <c r="BW118" s="1106"/>
      <c r="BX118" s="1106"/>
      <c r="BY118" s="1106"/>
      <c r="BZ118" s="1106"/>
      <c r="CA118" s="1106"/>
    </row>
    <row r="119" spans="3:79" ht="9" customHeight="1" x14ac:dyDescent="0.2">
      <c r="C119" s="1106"/>
      <c r="D119" s="1106"/>
      <c r="E119" s="1106"/>
      <c r="F119" s="1106"/>
      <c r="G119" s="1106"/>
      <c r="H119" s="1106"/>
      <c r="I119" s="1106"/>
      <c r="J119" s="1106"/>
      <c r="K119" s="1106"/>
      <c r="L119" s="1106"/>
      <c r="M119" s="1106"/>
      <c r="N119" s="1106"/>
      <c r="O119" s="1106"/>
      <c r="U119" s="1106"/>
      <c r="AB119" s="1106"/>
      <c r="AC119" s="1106"/>
      <c r="AD119" s="1106"/>
      <c r="AE119" s="1106"/>
      <c r="AF119" s="1106"/>
      <c r="AG119" s="1106"/>
      <c r="AH119" s="1106"/>
      <c r="AL119" s="1106"/>
      <c r="AO119" s="1106"/>
      <c r="AP119" s="1106"/>
      <c r="AT119" s="1106"/>
      <c r="AU119" s="1106"/>
      <c r="AV119" s="1106"/>
      <c r="AW119" s="1106"/>
      <c r="AX119" s="1106"/>
      <c r="AY119" s="1106"/>
      <c r="AZ119" s="1106"/>
      <c r="BA119" s="1106"/>
      <c r="BB119" s="1106"/>
      <c r="BC119" s="1106"/>
      <c r="BD119" s="1106"/>
      <c r="BE119" s="1106"/>
      <c r="BF119" s="1106"/>
      <c r="BG119" s="1106"/>
      <c r="BH119" s="1106"/>
      <c r="BI119" s="1106"/>
      <c r="BJ119" s="1106"/>
      <c r="BK119" s="1106"/>
      <c r="BL119" s="1106"/>
      <c r="BM119" s="1106"/>
      <c r="BN119" s="1106"/>
      <c r="BO119" s="1106"/>
      <c r="BP119" s="1106"/>
      <c r="BQ119" s="1106"/>
      <c r="BR119" s="1106"/>
      <c r="BS119" s="1106"/>
      <c r="BT119" s="1106"/>
      <c r="BU119" s="1106"/>
      <c r="BV119" s="1106"/>
      <c r="BW119" s="1106"/>
      <c r="BX119" s="1106"/>
      <c r="BY119" s="1106"/>
      <c r="BZ119" s="1106"/>
      <c r="CA119" s="1106"/>
    </row>
    <row r="120" spans="3:79" ht="9" customHeight="1" x14ac:dyDescent="0.2">
      <c r="C120" s="1106"/>
      <c r="D120" s="1106"/>
      <c r="E120" s="1106"/>
      <c r="F120" s="1106"/>
      <c r="G120" s="1106"/>
      <c r="H120" s="1106"/>
      <c r="I120" s="1106"/>
      <c r="J120" s="1106"/>
      <c r="K120" s="1106"/>
      <c r="L120" s="1106"/>
      <c r="M120" s="1106"/>
      <c r="N120" s="1106"/>
      <c r="O120" s="1106"/>
      <c r="U120" s="1106"/>
      <c r="AB120" s="1106"/>
      <c r="AC120" s="1106"/>
      <c r="AD120" s="1106"/>
      <c r="AE120" s="1106"/>
      <c r="AF120" s="1106"/>
      <c r="AG120" s="1106"/>
      <c r="AH120" s="1106"/>
      <c r="AL120" s="1106"/>
      <c r="AT120" s="1106"/>
      <c r="AU120" s="1106"/>
      <c r="AV120" s="1106"/>
      <c r="AW120" s="1106"/>
      <c r="AX120" s="1106"/>
      <c r="AY120" s="1106"/>
      <c r="AZ120" s="1106"/>
      <c r="BA120" s="1106"/>
      <c r="BB120" s="1106"/>
      <c r="BC120" s="1106"/>
      <c r="BD120" s="1106"/>
      <c r="BE120" s="1106"/>
      <c r="BF120" s="1106"/>
      <c r="BG120" s="1106"/>
      <c r="BH120" s="1106"/>
      <c r="BI120" s="1106"/>
      <c r="BJ120" s="1106"/>
      <c r="BK120" s="1106"/>
      <c r="BL120" s="1106"/>
      <c r="BM120" s="1106"/>
      <c r="BN120" s="1106"/>
      <c r="BO120" s="1106"/>
      <c r="BP120" s="1106"/>
      <c r="BQ120" s="1106"/>
      <c r="BR120" s="1106"/>
      <c r="BS120" s="1106"/>
      <c r="BT120" s="1106"/>
      <c r="BU120" s="1106"/>
      <c r="BV120" s="1106"/>
      <c r="BW120" s="1106"/>
      <c r="BX120" s="1106"/>
      <c r="BY120" s="1106"/>
      <c r="BZ120" s="1106"/>
      <c r="CA120" s="1106"/>
    </row>
    <row r="121" spans="3:79" ht="9" customHeight="1" x14ac:dyDescent="0.2">
      <c r="C121" s="1106"/>
      <c r="D121" s="1106"/>
      <c r="E121" s="1106"/>
      <c r="F121" s="1106"/>
      <c r="G121" s="1106"/>
      <c r="H121" s="1106"/>
      <c r="I121" s="1106"/>
      <c r="J121" s="1106"/>
      <c r="K121" s="1106"/>
      <c r="L121" s="1106"/>
      <c r="M121" s="1106"/>
      <c r="N121" s="1106"/>
      <c r="O121" s="1106"/>
      <c r="AB121" s="1106"/>
      <c r="AC121" s="1106"/>
      <c r="AD121" s="1106"/>
      <c r="AE121" s="1106"/>
      <c r="AF121" s="1106"/>
      <c r="AG121" s="1106"/>
      <c r="AH121" s="1106"/>
      <c r="AL121" s="1106"/>
      <c r="AZ121" s="1106"/>
      <c r="BA121" s="1106"/>
      <c r="BB121" s="1106"/>
      <c r="BC121" s="1106"/>
      <c r="BD121" s="1106"/>
      <c r="BE121" s="1106"/>
      <c r="BF121" s="1106"/>
      <c r="BG121" s="1106"/>
      <c r="BH121" s="1106"/>
      <c r="BI121" s="1106"/>
      <c r="BJ121" s="1106"/>
      <c r="BK121" s="1106"/>
      <c r="BL121" s="1106"/>
      <c r="BM121" s="1106"/>
      <c r="BN121" s="1106"/>
      <c r="BO121" s="1106"/>
      <c r="BP121" s="1106"/>
      <c r="BQ121" s="1106"/>
      <c r="BR121" s="1106"/>
      <c r="BS121" s="1106"/>
      <c r="BT121" s="1106"/>
      <c r="BU121" s="1106"/>
      <c r="BV121" s="1106"/>
      <c r="BW121" s="1106"/>
      <c r="BX121" s="1106"/>
      <c r="BY121" s="1106"/>
      <c r="BZ121" s="1106"/>
      <c r="CA121" s="1106"/>
    </row>
    <row r="122" spans="3:79" ht="9" customHeight="1" x14ac:dyDescent="0.2">
      <c r="C122" s="1106"/>
      <c r="D122" s="1106"/>
      <c r="E122" s="1106"/>
      <c r="F122" s="1106"/>
      <c r="G122" s="1106"/>
      <c r="H122" s="1106"/>
      <c r="I122" s="1106"/>
      <c r="J122" s="1106"/>
      <c r="K122" s="1106"/>
      <c r="L122" s="1106"/>
      <c r="M122" s="1106"/>
      <c r="N122" s="1106"/>
      <c r="O122" s="1106"/>
      <c r="AB122" s="1106"/>
      <c r="AC122" s="1106"/>
      <c r="AD122" s="1106"/>
      <c r="AE122" s="1106"/>
      <c r="AF122" s="1106"/>
      <c r="AG122" s="1106"/>
      <c r="AH122" s="1106"/>
      <c r="AL122" s="1106"/>
      <c r="AZ122" s="1106"/>
      <c r="BA122" s="1106"/>
      <c r="BB122" s="1106"/>
      <c r="BC122" s="1106"/>
      <c r="BD122" s="1106"/>
      <c r="BE122" s="1106"/>
      <c r="BF122" s="1106"/>
      <c r="BG122" s="1106"/>
      <c r="BH122" s="1106"/>
      <c r="BI122" s="1106"/>
      <c r="BJ122" s="1106"/>
      <c r="BK122" s="1106"/>
      <c r="BL122" s="1106"/>
      <c r="BM122" s="1106"/>
      <c r="BN122" s="1106"/>
      <c r="BO122" s="1106"/>
      <c r="BP122" s="1106"/>
      <c r="BQ122" s="1106"/>
      <c r="BR122" s="1106"/>
      <c r="BS122" s="1106"/>
      <c r="BT122" s="1106"/>
      <c r="BU122" s="1106"/>
      <c r="BV122" s="1106"/>
      <c r="BW122" s="1106"/>
      <c r="BX122" s="1106"/>
      <c r="BY122" s="1106"/>
      <c r="BZ122" s="1106"/>
      <c r="CA122" s="1106"/>
    </row>
    <row r="123" spans="3:79" ht="9" customHeight="1" x14ac:dyDescent="0.2">
      <c r="C123" s="1106"/>
      <c r="D123" s="1106"/>
      <c r="E123" s="1106"/>
      <c r="F123" s="1106"/>
      <c r="G123" s="1106"/>
      <c r="H123" s="1106"/>
      <c r="I123" s="1106"/>
      <c r="J123" s="1106"/>
      <c r="K123" s="1106"/>
      <c r="L123" s="1106"/>
      <c r="M123" s="1106"/>
      <c r="N123" s="1106"/>
      <c r="O123" s="1106"/>
      <c r="AB123" s="1106"/>
      <c r="AC123" s="1106"/>
      <c r="AD123" s="1106"/>
      <c r="AE123" s="1106"/>
      <c r="AF123" s="1106"/>
      <c r="AG123" s="1106"/>
      <c r="AH123" s="1106"/>
      <c r="AL123" s="1106"/>
      <c r="AZ123" s="1106"/>
      <c r="BA123" s="1106"/>
      <c r="BB123" s="1106"/>
      <c r="BC123" s="1106"/>
      <c r="BD123" s="1106"/>
      <c r="BE123" s="1106"/>
      <c r="BF123" s="1106"/>
      <c r="BG123" s="1106"/>
      <c r="BH123" s="1106"/>
      <c r="BI123" s="1106"/>
      <c r="BJ123" s="1106"/>
      <c r="BK123" s="1106"/>
      <c r="BL123" s="1106"/>
      <c r="BM123" s="1106"/>
      <c r="BN123" s="1106"/>
      <c r="BO123" s="1106"/>
      <c r="BP123" s="1106"/>
      <c r="BQ123" s="1106"/>
      <c r="BR123" s="1106"/>
      <c r="BS123" s="1106"/>
      <c r="BT123" s="1106"/>
      <c r="BU123" s="1106"/>
      <c r="BV123" s="1106"/>
      <c r="BW123" s="1106"/>
      <c r="BX123" s="1106"/>
      <c r="BY123" s="1106"/>
      <c r="BZ123" s="1106"/>
      <c r="CA123" s="1106"/>
    </row>
    <row r="124" spans="3:79" ht="9" customHeight="1" x14ac:dyDescent="0.2">
      <c r="C124" s="1106"/>
      <c r="D124" s="1106"/>
      <c r="E124" s="1106"/>
      <c r="F124" s="1106"/>
      <c r="G124" s="1106"/>
      <c r="H124" s="1106"/>
      <c r="I124" s="1106"/>
      <c r="J124" s="1106"/>
      <c r="K124" s="1106"/>
      <c r="L124" s="1106"/>
      <c r="M124" s="1106"/>
      <c r="N124" s="1106"/>
      <c r="O124" s="1106"/>
      <c r="U124" s="1106"/>
      <c r="AB124" s="1106"/>
      <c r="AC124" s="1106"/>
      <c r="AD124" s="1106"/>
      <c r="AE124" s="1106"/>
      <c r="AF124" s="1106"/>
      <c r="AG124" s="1106"/>
      <c r="AH124" s="1106"/>
      <c r="AL124" s="1106"/>
      <c r="AT124" s="1106"/>
      <c r="AU124" s="1106"/>
      <c r="AV124" s="1106"/>
      <c r="AW124" s="1106"/>
      <c r="AX124" s="1106"/>
      <c r="AY124" s="1106"/>
      <c r="AZ124" s="1106"/>
      <c r="BA124" s="1106"/>
      <c r="BB124" s="1106"/>
      <c r="BC124" s="1106"/>
      <c r="BD124" s="1106"/>
      <c r="BE124" s="1106"/>
      <c r="BF124" s="1106"/>
      <c r="BG124" s="1106"/>
      <c r="BH124" s="1106"/>
      <c r="BI124" s="1106"/>
      <c r="BJ124" s="1106"/>
      <c r="BK124" s="1106"/>
      <c r="BL124" s="1106"/>
      <c r="BM124" s="1106"/>
      <c r="BN124" s="1106"/>
      <c r="BO124" s="1106"/>
      <c r="BP124" s="1106"/>
      <c r="BQ124" s="1106"/>
      <c r="BR124" s="1106"/>
      <c r="BS124" s="1106"/>
      <c r="BT124" s="1106"/>
      <c r="BU124" s="1106"/>
      <c r="BV124" s="1106"/>
      <c r="BW124" s="1106"/>
      <c r="BX124" s="1106"/>
      <c r="BY124" s="1106"/>
      <c r="BZ124" s="1106"/>
      <c r="CA124" s="1106"/>
    </row>
    <row r="125" spans="3:79" ht="9" customHeight="1" x14ac:dyDescent="0.2">
      <c r="C125" s="1106"/>
      <c r="D125" s="1106"/>
      <c r="E125" s="1106"/>
      <c r="F125" s="1106"/>
      <c r="G125" s="1106"/>
      <c r="H125" s="1106"/>
      <c r="I125" s="1106"/>
      <c r="J125" s="1106"/>
      <c r="K125" s="1106"/>
      <c r="L125" s="1106"/>
      <c r="M125" s="1106"/>
      <c r="N125" s="1106"/>
      <c r="O125" s="1106"/>
      <c r="U125" s="1106"/>
      <c r="AB125" s="1106"/>
      <c r="AC125" s="1106"/>
      <c r="AD125" s="1106"/>
      <c r="AE125" s="1106"/>
      <c r="AF125" s="1106"/>
      <c r="AG125" s="1106"/>
      <c r="AH125" s="1106"/>
      <c r="AL125" s="1106"/>
      <c r="AO125" s="1106"/>
      <c r="AP125" s="1106"/>
      <c r="AT125" s="1106"/>
      <c r="AU125" s="1106"/>
      <c r="AV125" s="1106"/>
      <c r="AW125" s="1106"/>
      <c r="AX125" s="1106"/>
      <c r="AY125" s="1106"/>
      <c r="AZ125" s="1106"/>
      <c r="BA125" s="1106"/>
      <c r="BB125" s="1106"/>
      <c r="BC125" s="1106"/>
      <c r="BD125" s="1106"/>
      <c r="BE125" s="1106"/>
      <c r="BF125" s="1106"/>
      <c r="BG125" s="1106"/>
      <c r="BH125" s="1106"/>
      <c r="BI125" s="1106"/>
      <c r="BJ125" s="1106"/>
      <c r="BK125" s="1106"/>
      <c r="BL125" s="1106"/>
      <c r="BM125" s="1106"/>
      <c r="BN125" s="1106"/>
      <c r="BO125" s="1106"/>
      <c r="BP125" s="1106"/>
      <c r="BQ125" s="1106"/>
      <c r="BR125" s="1106"/>
      <c r="BS125" s="1106"/>
      <c r="BT125" s="1106"/>
      <c r="BU125" s="1106"/>
      <c r="BV125" s="1106"/>
      <c r="BW125" s="1106"/>
      <c r="BX125" s="1106"/>
      <c r="BY125" s="1106"/>
      <c r="BZ125" s="1106"/>
      <c r="CA125" s="1106"/>
    </row>
    <row r="126" spans="3:79" ht="9" customHeight="1" x14ac:dyDescent="0.2">
      <c r="C126" s="1106"/>
      <c r="D126" s="1106"/>
      <c r="E126" s="1106"/>
      <c r="F126" s="1106"/>
      <c r="G126" s="1106"/>
      <c r="H126" s="1106"/>
      <c r="I126" s="1106"/>
      <c r="J126" s="1106"/>
      <c r="K126" s="1106"/>
      <c r="L126" s="1106"/>
      <c r="M126" s="1106"/>
      <c r="N126" s="1106"/>
      <c r="O126" s="1106"/>
      <c r="U126" s="1106"/>
      <c r="AB126" s="1106"/>
      <c r="AC126" s="1106"/>
      <c r="AD126" s="1106"/>
      <c r="AE126" s="1106"/>
      <c r="AF126" s="1106"/>
      <c r="AG126" s="1106"/>
      <c r="AH126" s="1106"/>
      <c r="AL126" s="1106"/>
      <c r="AT126" s="1106"/>
      <c r="AU126" s="1106"/>
      <c r="AV126" s="1106"/>
      <c r="AW126" s="1106"/>
      <c r="AX126" s="1106"/>
      <c r="AY126" s="1106"/>
      <c r="AZ126" s="1106"/>
      <c r="BA126" s="1106"/>
      <c r="BB126" s="1106"/>
      <c r="BC126" s="1106"/>
      <c r="BD126" s="1106"/>
      <c r="BE126" s="1106"/>
      <c r="BF126" s="1106"/>
      <c r="BG126" s="1106"/>
      <c r="BH126" s="1106"/>
      <c r="BI126" s="1106"/>
      <c r="BJ126" s="1106"/>
      <c r="BK126" s="1106"/>
      <c r="BL126" s="1106"/>
      <c r="BM126" s="1106"/>
      <c r="BN126" s="1106"/>
      <c r="BO126" s="1106"/>
      <c r="BP126" s="1106"/>
      <c r="BQ126" s="1106"/>
      <c r="BR126" s="1106"/>
      <c r="BS126" s="1106"/>
      <c r="BT126" s="1106"/>
      <c r="BU126" s="1106"/>
      <c r="BV126" s="1106"/>
      <c r="BW126" s="1106"/>
      <c r="BX126" s="1106"/>
      <c r="BY126" s="1106"/>
      <c r="BZ126" s="1106"/>
      <c r="CA126" s="1106"/>
    </row>
    <row r="127" spans="3:79" ht="9" customHeight="1" x14ac:dyDescent="0.2">
      <c r="C127" s="1106"/>
      <c r="D127" s="1106"/>
      <c r="E127" s="1106"/>
      <c r="F127" s="1106"/>
      <c r="G127" s="1106"/>
      <c r="H127" s="1106"/>
      <c r="I127" s="1106"/>
      <c r="J127" s="1106"/>
      <c r="K127" s="1106"/>
      <c r="L127" s="1106"/>
      <c r="M127" s="1106"/>
      <c r="N127" s="1106"/>
      <c r="O127" s="1106"/>
      <c r="AB127" s="1106"/>
      <c r="AC127" s="1106"/>
      <c r="AD127" s="1106"/>
      <c r="AE127" s="1106"/>
      <c r="AF127" s="1106"/>
      <c r="AG127" s="1106"/>
      <c r="AH127" s="1106"/>
      <c r="AL127" s="1106"/>
      <c r="AZ127" s="1106"/>
      <c r="BA127" s="1106"/>
      <c r="BB127" s="1106"/>
      <c r="BC127" s="1106"/>
      <c r="BD127" s="1106"/>
      <c r="BE127" s="1106"/>
      <c r="BF127" s="1106"/>
      <c r="BG127" s="1106"/>
      <c r="BH127" s="1106"/>
      <c r="BI127" s="1106"/>
      <c r="BJ127" s="1106"/>
      <c r="BK127" s="1106"/>
      <c r="BL127" s="1106"/>
      <c r="BM127" s="1106"/>
      <c r="BN127" s="1106"/>
      <c r="BO127" s="1106"/>
      <c r="BP127" s="1106"/>
      <c r="BQ127" s="1106"/>
      <c r="BR127" s="1106"/>
      <c r="BS127" s="1106"/>
      <c r="BT127" s="1106"/>
      <c r="BU127" s="1106"/>
      <c r="BV127" s="1106"/>
      <c r="BW127" s="1106"/>
      <c r="BX127" s="1106"/>
      <c r="BY127" s="1106"/>
      <c r="BZ127" s="1106"/>
      <c r="CA127" s="1106"/>
    </row>
    <row r="128" spans="3:79" ht="9" customHeight="1" x14ac:dyDescent="0.2">
      <c r="C128" s="1106"/>
      <c r="D128" s="1106"/>
      <c r="E128" s="1106"/>
      <c r="F128" s="1106"/>
      <c r="G128" s="1106"/>
      <c r="H128" s="1106"/>
      <c r="I128" s="1106"/>
      <c r="J128" s="1106"/>
      <c r="K128" s="1106"/>
      <c r="L128" s="1106"/>
      <c r="M128" s="1106"/>
      <c r="N128" s="1106"/>
      <c r="O128" s="1106"/>
      <c r="AB128" s="1106"/>
      <c r="AC128" s="1106"/>
      <c r="AD128" s="1106"/>
      <c r="AE128" s="1106"/>
      <c r="AF128" s="1106"/>
      <c r="AG128" s="1106"/>
      <c r="AH128" s="1106"/>
      <c r="AL128" s="1106"/>
      <c r="AZ128" s="1106"/>
      <c r="BA128" s="1106"/>
      <c r="BB128" s="1106"/>
      <c r="BC128" s="1106"/>
      <c r="BD128" s="1106"/>
      <c r="BE128" s="1106"/>
      <c r="BF128" s="1106"/>
      <c r="BG128" s="1106"/>
      <c r="BH128" s="1106"/>
      <c r="BI128" s="1106"/>
      <c r="BJ128" s="1106"/>
      <c r="BK128" s="1106"/>
      <c r="BL128" s="1106"/>
      <c r="BM128" s="1106"/>
      <c r="BN128" s="1106"/>
      <c r="BO128" s="1106"/>
      <c r="BP128" s="1106"/>
      <c r="BQ128" s="1106"/>
      <c r="BR128" s="1106"/>
      <c r="BS128" s="1106"/>
      <c r="BT128" s="1106"/>
      <c r="BU128" s="1106"/>
      <c r="BV128" s="1106"/>
      <c r="BW128" s="1106"/>
      <c r="BX128" s="1106"/>
      <c r="BY128" s="1106"/>
      <c r="BZ128" s="1106"/>
      <c r="CA128" s="1106"/>
    </row>
    <row r="129" spans="3:79" ht="9" customHeight="1" x14ac:dyDescent="0.2">
      <c r="C129" s="1106"/>
      <c r="D129" s="1106"/>
      <c r="E129" s="1106"/>
      <c r="F129" s="1106"/>
      <c r="G129" s="1106"/>
      <c r="H129" s="1106"/>
      <c r="I129" s="1106"/>
      <c r="J129" s="1106"/>
      <c r="K129" s="1106"/>
      <c r="L129" s="1106"/>
      <c r="M129" s="1106"/>
      <c r="N129" s="1106"/>
      <c r="O129" s="1106"/>
      <c r="AB129" s="1106"/>
      <c r="AC129" s="1106"/>
      <c r="AD129" s="1106"/>
      <c r="AE129" s="1106"/>
      <c r="AF129" s="1106"/>
      <c r="AG129" s="1106"/>
      <c r="AH129" s="1106"/>
      <c r="AL129" s="1106"/>
      <c r="AZ129" s="1106"/>
      <c r="BA129" s="1106"/>
      <c r="BB129" s="1106"/>
      <c r="BC129" s="1106"/>
      <c r="BD129" s="1106"/>
      <c r="BE129" s="1106"/>
      <c r="BF129" s="1106"/>
      <c r="BG129" s="1106"/>
      <c r="BH129" s="1106"/>
      <c r="BI129" s="1106"/>
      <c r="BJ129" s="1106"/>
      <c r="BK129" s="1106"/>
      <c r="BL129" s="1106"/>
      <c r="BM129" s="1106"/>
      <c r="BN129" s="1106"/>
      <c r="BO129" s="1106"/>
      <c r="BP129" s="1106"/>
      <c r="BQ129" s="1106"/>
      <c r="BR129" s="1106"/>
      <c r="BS129" s="1106"/>
      <c r="BT129" s="1106"/>
      <c r="BU129" s="1106"/>
      <c r="BV129" s="1106"/>
      <c r="BW129" s="1106"/>
      <c r="BX129" s="1106"/>
      <c r="BY129" s="1106"/>
      <c r="BZ129" s="1106"/>
      <c r="CA129" s="1106"/>
    </row>
    <row r="130" spans="3:79" ht="9" customHeight="1" x14ac:dyDescent="0.2">
      <c r="C130" s="1106"/>
      <c r="D130" s="1106"/>
      <c r="E130" s="1106"/>
      <c r="F130" s="1106"/>
      <c r="G130" s="1106"/>
      <c r="H130" s="1106"/>
      <c r="I130" s="1106"/>
      <c r="J130" s="1106"/>
      <c r="K130" s="1106"/>
      <c r="L130" s="1106"/>
      <c r="M130" s="1106"/>
      <c r="N130" s="1106"/>
      <c r="O130" s="1106"/>
      <c r="U130" s="1106"/>
      <c r="AB130" s="1106"/>
      <c r="AC130" s="1106"/>
      <c r="AD130" s="1106"/>
      <c r="AE130" s="1106"/>
      <c r="AF130" s="1106"/>
      <c r="AG130" s="1106"/>
      <c r="AH130" s="1106"/>
      <c r="AL130" s="1106"/>
      <c r="AT130" s="1106"/>
      <c r="AU130" s="1106"/>
      <c r="AV130" s="1106"/>
      <c r="AW130" s="1106"/>
      <c r="AX130" s="1106"/>
      <c r="AY130" s="1106"/>
      <c r="AZ130" s="1106"/>
      <c r="BA130" s="1106"/>
      <c r="BB130" s="1106"/>
      <c r="BC130" s="1106"/>
      <c r="BD130" s="1106"/>
      <c r="BE130" s="1106"/>
      <c r="BF130" s="1106"/>
      <c r="BG130" s="1106"/>
      <c r="BH130" s="1106"/>
      <c r="BI130" s="1106"/>
      <c r="BJ130" s="1106"/>
      <c r="BK130" s="1106"/>
      <c r="BL130" s="1106"/>
      <c r="BM130" s="1106"/>
      <c r="BN130" s="1106"/>
      <c r="BO130" s="1106"/>
      <c r="BP130" s="1106"/>
      <c r="BQ130" s="1106"/>
      <c r="BR130" s="1106"/>
      <c r="BS130" s="1106"/>
      <c r="BT130" s="1106"/>
      <c r="BU130" s="1106"/>
      <c r="BV130" s="1106"/>
      <c r="BW130" s="1106"/>
      <c r="BX130" s="1106"/>
      <c r="BY130" s="1106"/>
      <c r="BZ130" s="1106"/>
      <c r="CA130" s="1106"/>
    </row>
    <row r="131" spans="3:79" ht="9" customHeight="1" x14ac:dyDescent="0.2">
      <c r="C131" s="1106"/>
      <c r="D131" s="1106"/>
      <c r="E131" s="1106"/>
      <c r="F131" s="1106"/>
      <c r="G131" s="1106"/>
      <c r="H131" s="1106"/>
      <c r="I131" s="1106"/>
      <c r="J131" s="1106"/>
      <c r="K131" s="1106"/>
      <c r="L131" s="1106"/>
      <c r="M131" s="1106"/>
      <c r="N131" s="1106"/>
      <c r="O131" s="1106"/>
      <c r="U131" s="1106"/>
      <c r="AB131" s="1106"/>
      <c r="AC131" s="1106"/>
      <c r="AD131" s="1106"/>
      <c r="AE131" s="1106"/>
      <c r="AF131" s="1106"/>
      <c r="AG131" s="1106"/>
      <c r="AH131" s="1106"/>
      <c r="AL131" s="1106"/>
      <c r="AO131" s="1106"/>
      <c r="AP131" s="1106"/>
      <c r="AT131" s="1106"/>
      <c r="AU131" s="1106"/>
      <c r="AV131" s="1106"/>
      <c r="AW131" s="1106"/>
      <c r="AX131" s="1106"/>
      <c r="AY131" s="1106"/>
      <c r="AZ131" s="1106"/>
      <c r="BA131" s="1106"/>
      <c r="BB131" s="1106"/>
      <c r="BC131" s="1106"/>
      <c r="BD131" s="1106"/>
      <c r="BE131" s="1106"/>
      <c r="BF131" s="1106"/>
      <c r="BG131" s="1106"/>
      <c r="BH131" s="1106"/>
      <c r="BI131" s="1106"/>
      <c r="BJ131" s="1106"/>
      <c r="BK131" s="1106"/>
      <c r="BL131" s="1106"/>
      <c r="BM131" s="1106"/>
      <c r="BN131" s="1106"/>
      <c r="BO131" s="1106"/>
      <c r="BP131" s="1106"/>
      <c r="BQ131" s="1106"/>
      <c r="BR131" s="1106"/>
      <c r="BS131" s="1106"/>
      <c r="BT131" s="1106"/>
      <c r="BU131" s="1106"/>
      <c r="BV131" s="1106"/>
      <c r="BW131" s="1106"/>
      <c r="BX131" s="1106"/>
      <c r="BY131" s="1106"/>
      <c r="BZ131" s="1106"/>
      <c r="CA131" s="1106"/>
    </row>
    <row r="132" spans="3:79" ht="9" customHeight="1" x14ac:dyDescent="0.2">
      <c r="C132" s="1106"/>
      <c r="D132" s="1106"/>
      <c r="E132" s="1106"/>
      <c r="F132" s="1106"/>
      <c r="G132" s="1106"/>
      <c r="H132" s="1106"/>
      <c r="I132" s="1106"/>
      <c r="J132" s="1106"/>
      <c r="K132" s="1106"/>
      <c r="L132" s="1106"/>
      <c r="M132" s="1106"/>
      <c r="N132" s="1106"/>
      <c r="O132" s="1106"/>
      <c r="U132" s="1106"/>
      <c r="AB132" s="1106"/>
      <c r="AC132" s="1106"/>
      <c r="AD132" s="1106"/>
      <c r="AE132" s="1106"/>
      <c r="AF132" s="1106"/>
      <c r="AG132" s="1106"/>
      <c r="AH132" s="1106"/>
      <c r="AL132" s="1106"/>
      <c r="AT132" s="1106"/>
      <c r="AU132" s="1106"/>
      <c r="AV132" s="1106"/>
      <c r="AW132" s="1106"/>
      <c r="AX132" s="1106"/>
      <c r="AY132" s="1106"/>
      <c r="AZ132" s="1106"/>
      <c r="BA132" s="1106"/>
      <c r="BB132" s="1106"/>
      <c r="BC132" s="1106"/>
      <c r="BD132" s="1106"/>
      <c r="BE132" s="1106"/>
      <c r="BF132" s="1106"/>
      <c r="BG132" s="1106"/>
      <c r="BH132" s="1106"/>
      <c r="BI132" s="1106"/>
      <c r="BJ132" s="1106"/>
      <c r="BK132" s="1106"/>
      <c r="BL132" s="1106"/>
      <c r="BM132" s="1106"/>
      <c r="BN132" s="1106"/>
      <c r="BO132" s="1106"/>
      <c r="BP132" s="1106"/>
      <c r="BQ132" s="1106"/>
      <c r="BR132" s="1106"/>
      <c r="BS132" s="1106"/>
      <c r="BT132" s="1106"/>
      <c r="BU132" s="1106"/>
      <c r="BV132" s="1106"/>
      <c r="BW132" s="1106"/>
      <c r="BX132" s="1106"/>
      <c r="BY132" s="1106"/>
      <c r="BZ132" s="1106"/>
      <c r="CA132" s="1106"/>
    </row>
    <row r="133" spans="3:79" ht="9" customHeight="1" x14ac:dyDescent="0.2">
      <c r="C133" s="1106"/>
      <c r="D133" s="1106"/>
      <c r="E133" s="1106"/>
      <c r="F133" s="1106"/>
      <c r="G133" s="1106"/>
      <c r="H133" s="1106"/>
      <c r="I133" s="1106"/>
      <c r="J133" s="1106"/>
      <c r="K133" s="1106"/>
      <c r="L133" s="1106"/>
      <c r="M133" s="1106"/>
      <c r="N133" s="1106"/>
      <c r="O133" s="1106"/>
      <c r="AB133" s="1106"/>
      <c r="AC133" s="1106"/>
      <c r="AD133" s="1106"/>
      <c r="AE133" s="1106"/>
      <c r="AF133" s="1106"/>
      <c r="AG133" s="1106"/>
      <c r="AH133" s="1106"/>
      <c r="AL133" s="1106"/>
      <c r="AZ133" s="1106"/>
      <c r="BA133" s="1106"/>
      <c r="BB133" s="1106"/>
      <c r="BC133" s="1106"/>
      <c r="BD133" s="1106"/>
      <c r="BE133" s="1106"/>
      <c r="BF133" s="1106"/>
      <c r="BG133" s="1106"/>
      <c r="BH133" s="1106"/>
      <c r="BI133" s="1106"/>
      <c r="BJ133" s="1106"/>
      <c r="BK133" s="1106"/>
      <c r="BL133" s="1106"/>
      <c r="BM133" s="1106"/>
      <c r="BN133" s="1106"/>
      <c r="BO133" s="1106"/>
      <c r="BP133" s="1106"/>
      <c r="BQ133" s="1106"/>
      <c r="BR133" s="1106"/>
      <c r="BS133" s="1106"/>
      <c r="BT133" s="1106"/>
      <c r="BU133" s="1106"/>
      <c r="BV133" s="1106"/>
      <c r="BW133" s="1106"/>
      <c r="BX133" s="1106"/>
      <c r="BY133" s="1106"/>
      <c r="BZ133" s="1106"/>
      <c r="CA133" s="1106"/>
    </row>
    <row r="134" spans="3:79" ht="9" customHeight="1" x14ac:dyDescent="0.2">
      <c r="C134" s="1106"/>
      <c r="D134" s="1106"/>
      <c r="E134" s="1106"/>
      <c r="F134" s="1106"/>
      <c r="G134" s="1106"/>
      <c r="H134" s="1106"/>
      <c r="I134" s="1106"/>
      <c r="J134" s="1106"/>
      <c r="K134" s="1106"/>
      <c r="L134" s="1106"/>
      <c r="M134" s="1106"/>
      <c r="N134" s="1106"/>
      <c r="O134" s="1106"/>
      <c r="AB134" s="1106"/>
      <c r="AC134" s="1106"/>
      <c r="AD134" s="1106"/>
      <c r="AE134" s="1106"/>
      <c r="AF134" s="1106"/>
      <c r="AG134" s="1106"/>
      <c r="AH134" s="1106"/>
      <c r="AL134" s="1106"/>
      <c r="AZ134" s="1106"/>
      <c r="BA134" s="1106"/>
      <c r="BB134" s="1106"/>
      <c r="BC134" s="1106"/>
      <c r="BD134" s="1106"/>
      <c r="BE134" s="1106"/>
      <c r="BF134" s="1106"/>
      <c r="BG134" s="1106"/>
      <c r="BH134" s="1106"/>
      <c r="BI134" s="1106"/>
      <c r="BJ134" s="1106"/>
      <c r="BK134" s="1106"/>
      <c r="BL134" s="1106"/>
      <c r="BM134" s="1106"/>
      <c r="BN134" s="1106"/>
      <c r="BO134" s="1106"/>
      <c r="BP134" s="1106"/>
      <c r="BQ134" s="1106"/>
      <c r="BR134" s="1106"/>
      <c r="BS134" s="1106"/>
      <c r="BT134" s="1106"/>
      <c r="BU134" s="1106"/>
      <c r="BV134" s="1106"/>
      <c r="BW134" s="1106"/>
      <c r="BX134" s="1106"/>
      <c r="BY134" s="1106"/>
      <c r="BZ134" s="1106"/>
      <c r="CA134" s="1106"/>
    </row>
    <row r="135" spans="3:79" ht="9" customHeight="1" x14ac:dyDescent="0.2">
      <c r="C135" s="1106"/>
      <c r="D135" s="1106"/>
      <c r="E135" s="1106"/>
      <c r="F135" s="1106"/>
      <c r="G135" s="1106"/>
      <c r="H135" s="1106"/>
      <c r="I135" s="1106"/>
      <c r="J135" s="1106"/>
      <c r="K135" s="1106"/>
      <c r="L135" s="1106"/>
      <c r="M135" s="1106"/>
      <c r="N135" s="1106"/>
      <c r="O135" s="1106"/>
      <c r="AB135" s="1106"/>
      <c r="AC135" s="1106"/>
      <c r="AD135" s="1106"/>
      <c r="AE135" s="1106"/>
      <c r="AF135" s="1106"/>
      <c r="AG135" s="1106"/>
      <c r="AH135" s="1106"/>
      <c r="AL135" s="1106"/>
      <c r="AZ135" s="1106"/>
      <c r="BA135" s="1106"/>
      <c r="BB135" s="1106"/>
      <c r="BC135" s="1106"/>
      <c r="BD135" s="1106"/>
      <c r="BE135" s="1106"/>
      <c r="BF135" s="1106"/>
      <c r="BG135" s="1106"/>
      <c r="BH135" s="1106"/>
      <c r="BI135" s="1106"/>
      <c r="BJ135" s="1106"/>
      <c r="BK135" s="1106"/>
      <c r="BL135" s="1106"/>
      <c r="BM135" s="1106"/>
      <c r="BN135" s="1106"/>
      <c r="BO135" s="1106"/>
      <c r="BP135" s="1106"/>
      <c r="BQ135" s="1106"/>
      <c r="BR135" s="1106"/>
      <c r="BS135" s="1106"/>
      <c r="BT135" s="1106"/>
      <c r="BU135" s="1106"/>
      <c r="BV135" s="1106"/>
      <c r="BW135" s="1106"/>
      <c r="BX135" s="1106"/>
      <c r="BY135" s="1106"/>
      <c r="BZ135" s="1106"/>
      <c r="CA135" s="1106"/>
    </row>
    <row r="136" spans="3:79" ht="9" customHeight="1" x14ac:dyDescent="0.2">
      <c r="C136" s="1106"/>
      <c r="D136" s="1106"/>
      <c r="E136" s="1106"/>
      <c r="F136" s="1106"/>
      <c r="G136" s="1106"/>
      <c r="H136" s="1106"/>
      <c r="I136" s="1106"/>
      <c r="J136" s="1106"/>
      <c r="K136" s="1106"/>
      <c r="L136" s="1106"/>
      <c r="M136" s="1106"/>
      <c r="N136" s="1106"/>
      <c r="O136" s="1106"/>
      <c r="U136" s="1106"/>
      <c r="AB136" s="1106"/>
      <c r="AC136" s="1106"/>
      <c r="AD136" s="1106"/>
      <c r="AE136" s="1106"/>
      <c r="AF136" s="1106"/>
      <c r="AG136" s="1106"/>
      <c r="AH136" s="1106"/>
      <c r="AL136" s="1106"/>
      <c r="AT136" s="1106"/>
      <c r="AU136" s="1106"/>
      <c r="AV136" s="1106"/>
      <c r="AW136" s="1106"/>
      <c r="AX136" s="1106"/>
      <c r="AY136" s="1106"/>
      <c r="AZ136" s="1106"/>
      <c r="BA136" s="1106"/>
      <c r="BB136" s="1106"/>
      <c r="BC136" s="1106"/>
      <c r="BD136" s="1106"/>
      <c r="BE136" s="1106"/>
      <c r="BF136" s="1106"/>
      <c r="BG136" s="1106"/>
      <c r="BH136" s="1106"/>
      <c r="BI136" s="1106"/>
      <c r="BJ136" s="1106"/>
      <c r="BK136" s="1106"/>
      <c r="BL136" s="1106"/>
      <c r="BM136" s="1106"/>
      <c r="BN136" s="1106"/>
      <c r="BO136" s="1106"/>
      <c r="BP136" s="1106"/>
      <c r="BQ136" s="1106"/>
      <c r="BR136" s="1106"/>
      <c r="BS136" s="1106"/>
      <c r="BT136" s="1106"/>
      <c r="BU136" s="1106"/>
      <c r="BV136" s="1106"/>
      <c r="BW136" s="1106"/>
      <c r="BX136" s="1106"/>
      <c r="BY136" s="1106"/>
      <c r="BZ136" s="1106"/>
      <c r="CA136" s="1106"/>
    </row>
    <row r="137" spans="3:79" ht="9" customHeight="1" x14ac:dyDescent="0.2">
      <c r="C137" s="1106"/>
      <c r="D137" s="1106"/>
      <c r="E137" s="1106"/>
      <c r="F137" s="1106"/>
      <c r="G137" s="1106"/>
      <c r="H137" s="1106"/>
      <c r="I137" s="1106"/>
      <c r="J137" s="1106"/>
      <c r="K137" s="1106"/>
      <c r="L137" s="1106"/>
      <c r="M137" s="1106"/>
      <c r="N137" s="1106"/>
      <c r="O137" s="1106"/>
      <c r="U137" s="1106"/>
      <c r="AB137" s="1106"/>
      <c r="AC137" s="1106"/>
      <c r="AD137" s="1106"/>
      <c r="AE137" s="1106"/>
      <c r="AF137" s="1106"/>
      <c r="AG137" s="1106"/>
      <c r="AH137" s="1106"/>
      <c r="AL137" s="1106"/>
      <c r="AO137" s="1106"/>
      <c r="AP137" s="1106"/>
      <c r="AT137" s="1106"/>
      <c r="AU137" s="1106"/>
      <c r="AV137" s="1106"/>
      <c r="AW137" s="1106"/>
      <c r="AX137" s="1106"/>
      <c r="AY137" s="1106"/>
      <c r="AZ137" s="1106"/>
      <c r="BA137" s="1106"/>
      <c r="BB137" s="1106"/>
      <c r="BC137" s="1106"/>
      <c r="BD137" s="1106"/>
      <c r="BE137" s="1106"/>
      <c r="BF137" s="1106"/>
      <c r="BG137" s="1106"/>
      <c r="BH137" s="1106"/>
      <c r="BI137" s="1106"/>
      <c r="BJ137" s="1106"/>
      <c r="BK137" s="1106"/>
      <c r="BL137" s="1106"/>
      <c r="BM137" s="1106"/>
      <c r="BN137" s="1106"/>
      <c r="BO137" s="1106"/>
      <c r="BP137" s="1106"/>
      <c r="BQ137" s="1106"/>
      <c r="BR137" s="1106"/>
      <c r="BS137" s="1106"/>
      <c r="BT137" s="1106"/>
      <c r="BU137" s="1106"/>
      <c r="BV137" s="1106"/>
      <c r="BW137" s="1106"/>
      <c r="BX137" s="1106"/>
      <c r="BY137" s="1106"/>
      <c r="BZ137" s="1106"/>
      <c r="CA137" s="1106"/>
    </row>
    <row r="138" spans="3:79" ht="9" customHeight="1" x14ac:dyDescent="0.2">
      <c r="C138" s="1106"/>
      <c r="D138" s="1106"/>
      <c r="E138" s="1106"/>
      <c r="F138" s="1106"/>
      <c r="G138" s="1106"/>
      <c r="H138" s="1106"/>
      <c r="I138" s="1106"/>
      <c r="J138" s="1106"/>
      <c r="K138" s="1106"/>
      <c r="L138" s="1106"/>
      <c r="M138" s="1106"/>
      <c r="N138" s="1106"/>
      <c r="O138" s="1106"/>
      <c r="U138" s="1106"/>
      <c r="AB138" s="1106"/>
      <c r="AC138" s="1106"/>
      <c r="AD138" s="1106"/>
      <c r="AE138" s="1106"/>
      <c r="AF138" s="1106"/>
      <c r="AG138" s="1106"/>
      <c r="AH138" s="1106"/>
      <c r="AL138" s="1106"/>
      <c r="AT138" s="1106"/>
      <c r="AU138" s="1106"/>
      <c r="AV138" s="1106"/>
      <c r="AW138" s="1106"/>
      <c r="AX138" s="1106"/>
      <c r="AY138" s="1106"/>
      <c r="AZ138" s="1106"/>
      <c r="BA138" s="1106"/>
      <c r="BB138" s="1106"/>
      <c r="BC138" s="1106"/>
      <c r="BD138" s="1106"/>
      <c r="BE138" s="1106"/>
      <c r="BF138" s="1106"/>
      <c r="BG138" s="1106"/>
      <c r="BH138" s="1106"/>
      <c r="BI138" s="1106"/>
      <c r="BJ138" s="1106"/>
      <c r="BK138" s="1106"/>
      <c r="BL138" s="1106"/>
      <c r="BM138" s="1106"/>
      <c r="BN138" s="1106"/>
      <c r="BO138" s="1106"/>
      <c r="BP138" s="1106"/>
      <c r="BQ138" s="1106"/>
      <c r="BR138" s="1106"/>
      <c r="BS138" s="1106"/>
      <c r="BT138" s="1106"/>
      <c r="BU138" s="1106"/>
      <c r="BV138" s="1106"/>
      <c r="BW138" s="1106"/>
      <c r="BX138" s="1106"/>
      <c r="BY138" s="1106"/>
      <c r="BZ138" s="1106"/>
      <c r="CA138" s="1106"/>
    </row>
    <row r="139" spans="3:79" ht="9" customHeight="1" x14ac:dyDescent="0.2">
      <c r="C139" s="1106"/>
      <c r="D139" s="1106"/>
      <c r="E139" s="1106"/>
      <c r="F139" s="1106"/>
      <c r="G139" s="1106"/>
      <c r="H139" s="1106"/>
      <c r="I139" s="1106"/>
      <c r="J139" s="1106"/>
      <c r="K139" s="1106"/>
      <c r="L139" s="1106"/>
      <c r="M139" s="1106"/>
      <c r="N139" s="1106"/>
      <c r="O139" s="1106"/>
      <c r="AB139" s="1106"/>
      <c r="AC139" s="1106"/>
      <c r="AD139" s="1106"/>
      <c r="AE139" s="1106"/>
      <c r="AF139" s="1106"/>
      <c r="AG139" s="1106"/>
      <c r="AH139" s="1106"/>
      <c r="AL139" s="1106"/>
      <c r="AZ139" s="1106"/>
      <c r="BA139" s="1106"/>
      <c r="BB139" s="1106"/>
      <c r="BC139" s="1106"/>
      <c r="BD139" s="1106"/>
      <c r="BE139" s="1106"/>
      <c r="BF139" s="1106"/>
      <c r="BG139" s="1106"/>
      <c r="BH139" s="1106"/>
      <c r="BI139" s="1106"/>
      <c r="BJ139" s="1106"/>
      <c r="BK139" s="1106"/>
      <c r="BL139" s="1106"/>
      <c r="BM139" s="1106"/>
      <c r="BN139" s="1106"/>
      <c r="BO139" s="1106"/>
      <c r="BP139" s="1106"/>
      <c r="BQ139" s="1106"/>
      <c r="BR139" s="1106"/>
      <c r="BS139" s="1106"/>
      <c r="BT139" s="1106"/>
      <c r="BU139" s="1106"/>
      <c r="BV139" s="1106"/>
      <c r="BW139" s="1106"/>
      <c r="BX139" s="1106"/>
      <c r="BY139" s="1106"/>
      <c r="BZ139" s="1106"/>
      <c r="CA139" s="1106"/>
    </row>
    <row r="140" spans="3:79" ht="9" customHeight="1" x14ac:dyDescent="0.2">
      <c r="C140" s="1106"/>
      <c r="D140" s="1106"/>
      <c r="E140" s="1106"/>
      <c r="F140" s="1106"/>
      <c r="G140" s="1106"/>
      <c r="H140" s="1106"/>
      <c r="I140" s="1106"/>
      <c r="J140" s="1106"/>
      <c r="K140" s="1106"/>
      <c r="L140" s="1106"/>
      <c r="M140" s="1106"/>
      <c r="N140" s="1106"/>
      <c r="O140" s="1106"/>
      <c r="AB140" s="1106"/>
      <c r="AC140" s="1106"/>
      <c r="AD140" s="1106"/>
      <c r="AE140" s="1106"/>
      <c r="AF140" s="1106"/>
      <c r="AG140" s="1106"/>
      <c r="AH140" s="1106"/>
      <c r="AL140" s="1106"/>
      <c r="AZ140" s="1106"/>
      <c r="BA140" s="1106"/>
      <c r="BB140" s="1106"/>
      <c r="BC140" s="1106"/>
      <c r="BD140" s="1106"/>
      <c r="BE140" s="1106"/>
      <c r="BF140" s="1106"/>
      <c r="BG140" s="1106"/>
      <c r="BH140" s="1106"/>
      <c r="BI140" s="1106"/>
      <c r="BJ140" s="1106"/>
      <c r="BK140" s="1106"/>
      <c r="BL140" s="1106"/>
      <c r="BM140" s="1106"/>
      <c r="BN140" s="1106"/>
      <c r="BO140" s="1106"/>
      <c r="BP140" s="1106"/>
      <c r="BQ140" s="1106"/>
      <c r="BR140" s="1106"/>
      <c r="BS140" s="1106"/>
      <c r="BT140" s="1106"/>
      <c r="BU140" s="1106"/>
      <c r="BV140" s="1106"/>
      <c r="BW140" s="1106"/>
      <c r="BX140" s="1106"/>
      <c r="BY140" s="1106"/>
      <c r="BZ140" s="1106"/>
      <c r="CA140" s="1106"/>
    </row>
    <row r="141" spans="3:79" ht="9" customHeight="1" x14ac:dyDescent="0.2">
      <c r="C141" s="1106"/>
      <c r="D141" s="1106"/>
      <c r="E141" s="1106"/>
      <c r="F141" s="1106"/>
      <c r="G141" s="1106"/>
      <c r="H141" s="1106"/>
      <c r="I141" s="1106"/>
      <c r="J141" s="1106"/>
      <c r="K141" s="1106"/>
      <c r="L141" s="1106"/>
      <c r="M141" s="1106"/>
      <c r="N141" s="1106"/>
      <c r="O141" s="1106"/>
      <c r="AB141" s="1106"/>
      <c r="AC141" s="1106"/>
      <c r="AD141" s="1106"/>
      <c r="AE141" s="1106"/>
      <c r="AF141" s="1106"/>
      <c r="AG141" s="1106"/>
      <c r="AH141" s="1106"/>
      <c r="AL141" s="1106"/>
      <c r="AZ141" s="1106"/>
      <c r="BA141" s="1106"/>
      <c r="BB141" s="1106"/>
      <c r="BC141" s="1106"/>
      <c r="BD141" s="1106"/>
      <c r="BE141" s="1106"/>
      <c r="BF141" s="1106"/>
      <c r="BG141" s="1106"/>
      <c r="BH141" s="1106"/>
      <c r="BI141" s="1106"/>
      <c r="BJ141" s="1106"/>
      <c r="BK141" s="1106"/>
      <c r="BL141" s="1106"/>
      <c r="BM141" s="1106"/>
      <c r="BN141" s="1106"/>
      <c r="BO141" s="1106"/>
      <c r="BP141" s="1106"/>
      <c r="BQ141" s="1106"/>
      <c r="BR141" s="1106"/>
      <c r="BS141" s="1106"/>
      <c r="BT141" s="1106"/>
      <c r="BU141" s="1106"/>
      <c r="BV141" s="1106"/>
      <c r="BW141" s="1106"/>
      <c r="BX141" s="1106"/>
      <c r="BY141" s="1106"/>
      <c r="BZ141" s="1106"/>
      <c r="CA141" s="1106"/>
    </row>
    <row r="142" spans="3:79" ht="9" customHeight="1" x14ac:dyDescent="0.2">
      <c r="C142" s="1106"/>
      <c r="D142" s="1106"/>
      <c r="E142" s="1106"/>
      <c r="F142" s="1106"/>
      <c r="G142" s="1106"/>
      <c r="H142" s="1106"/>
      <c r="I142" s="1106"/>
      <c r="J142" s="1106"/>
      <c r="K142" s="1106"/>
      <c r="L142" s="1106"/>
      <c r="M142" s="1106"/>
      <c r="N142" s="1106"/>
      <c r="O142" s="1106"/>
      <c r="U142" s="1106"/>
      <c r="AB142" s="1106"/>
      <c r="AC142" s="1106"/>
      <c r="AD142" s="1106"/>
      <c r="AE142" s="1106"/>
      <c r="AF142" s="1106"/>
      <c r="AG142" s="1106"/>
      <c r="AH142" s="1106"/>
      <c r="AL142" s="1106"/>
      <c r="AT142" s="1106"/>
      <c r="AU142" s="1106"/>
      <c r="AV142" s="1106"/>
      <c r="AW142" s="1106"/>
      <c r="AX142" s="1106"/>
      <c r="AY142" s="1106"/>
      <c r="AZ142" s="1106"/>
      <c r="BA142" s="1106"/>
      <c r="BB142" s="1106"/>
      <c r="BC142" s="1106"/>
      <c r="BD142" s="1106"/>
      <c r="BE142" s="1106"/>
      <c r="BF142" s="1106"/>
      <c r="BG142" s="1106"/>
      <c r="BH142" s="1106"/>
      <c r="BI142" s="1106"/>
      <c r="BJ142" s="1106"/>
      <c r="BK142" s="1106"/>
      <c r="BL142" s="1106"/>
      <c r="BM142" s="1106"/>
      <c r="BN142" s="1106"/>
      <c r="BO142" s="1106"/>
      <c r="BP142" s="1106"/>
      <c r="BQ142" s="1106"/>
      <c r="BR142" s="1106"/>
      <c r="BS142" s="1106"/>
      <c r="BT142" s="1106"/>
      <c r="BU142" s="1106"/>
      <c r="BV142" s="1106"/>
      <c r="BW142" s="1106"/>
      <c r="BX142" s="1106"/>
      <c r="BY142" s="1106"/>
      <c r="BZ142" s="1106"/>
      <c r="CA142" s="1106"/>
    </row>
    <row r="143" spans="3:79" ht="9" customHeight="1" x14ac:dyDescent="0.2">
      <c r="C143" s="1106"/>
      <c r="D143" s="1106"/>
      <c r="E143" s="1106"/>
      <c r="F143" s="1106"/>
      <c r="G143" s="1106"/>
      <c r="H143" s="1106"/>
      <c r="I143" s="1106"/>
      <c r="J143" s="1106"/>
      <c r="K143" s="1106"/>
      <c r="L143" s="1106"/>
      <c r="M143" s="1106"/>
      <c r="N143" s="1106"/>
      <c r="O143" s="1106"/>
      <c r="U143" s="1106"/>
      <c r="AB143" s="1106"/>
      <c r="AC143" s="1106"/>
      <c r="AD143" s="1106"/>
      <c r="AE143" s="1106"/>
      <c r="AF143" s="1106"/>
      <c r="AG143" s="1106"/>
      <c r="AH143" s="1106"/>
      <c r="AL143" s="1106"/>
      <c r="AO143" s="1106"/>
      <c r="AP143" s="1106"/>
      <c r="AT143" s="1106"/>
      <c r="AU143" s="1106"/>
      <c r="AV143" s="1106"/>
      <c r="AW143" s="1106"/>
      <c r="AX143" s="1106"/>
      <c r="AY143" s="1106"/>
      <c r="AZ143" s="1106"/>
      <c r="BA143" s="1106"/>
      <c r="BB143" s="1106"/>
      <c r="BC143" s="1106"/>
      <c r="BD143" s="1106"/>
      <c r="BE143" s="1106"/>
      <c r="BF143" s="1106"/>
      <c r="BG143" s="1106"/>
      <c r="BH143" s="1106"/>
      <c r="BI143" s="1106"/>
      <c r="BJ143" s="1106"/>
      <c r="BK143" s="1106"/>
      <c r="BL143" s="1106"/>
      <c r="BM143" s="1106"/>
      <c r="BN143" s="1106"/>
      <c r="BO143" s="1106"/>
      <c r="BP143" s="1106"/>
      <c r="BQ143" s="1106"/>
      <c r="BR143" s="1106"/>
      <c r="BS143" s="1106"/>
      <c r="BT143" s="1106"/>
      <c r="BU143" s="1106"/>
      <c r="BV143" s="1106"/>
      <c r="BW143" s="1106"/>
      <c r="BX143" s="1106"/>
      <c r="BY143" s="1106"/>
      <c r="BZ143" s="1106"/>
      <c r="CA143" s="1106"/>
    </row>
    <row r="144" spans="3:79" ht="9" customHeight="1" x14ac:dyDescent="0.2">
      <c r="C144" s="1106"/>
      <c r="D144" s="1106"/>
      <c r="E144" s="1106"/>
      <c r="F144" s="1106"/>
      <c r="G144" s="1106"/>
      <c r="H144" s="1106"/>
      <c r="I144" s="1106"/>
      <c r="J144" s="1106"/>
      <c r="K144" s="1106"/>
      <c r="L144" s="1106"/>
      <c r="M144" s="1106"/>
      <c r="N144" s="1106"/>
      <c r="O144" s="1106"/>
      <c r="U144" s="1106"/>
      <c r="AB144" s="1106"/>
      <c r="AC144" s="1106"/>
      <c r="AD144" s="1106"/>
      <c r="AE144" s="1106"/>
      <c r="AF144" s="1106"/>
      <c r="AG144" s="1106"/>
      <c r="AH144" s="1106"/>
      <c r="AL144" s="1106"/>
      <c r="AT144" s="1106"/>
      <c r="AU144" s="1106"/>
      <c r="AV144" s="1106"/>
      <c r="AW144" s="1106"/>
      <c r="AX144" s="1106"/>
      <c r="AY144" s="1106"/>
      <c r="AZ144" s="1106"/>
      <c r="BA144" s="1106"/>
      <c r="BB144" s="1106"/>
      <c r="BC144" s="1106"/>
      <c r="BD144" s="1106"/>
      <c r="BE144" s="1106"/>
      <c r="BF144" s="1106"/>
      <c r="BG144" s="1106"/>
      <c r="BH144" s="1106"/>
      <c r="BI144" s="1106"/>
      <c r="BJ144" s="1106"/>
      <c r="BK144" s="1106"/>
      <c r="BL144" s="1106"/>
      <c r="BM144" s="1106"/>
      <c r="BN144" s="1106"/>
      <c r="BO144" s="1106"/>
      <c r="BP144" s="1106"/>
      <c r="BQ144" s="1106"/>
      <c r="BR144" s="1106"/>
      <c r="BS144" s="1106"/>
      <c r="BT144" s="1106"/>
      <c r="BU144" s="1106"/>
      <c r="BV144" s="1106"/>
      <c r="BW144" s="1106"/>
      <c r="BX144" s="1106"/>
      <c r="BY144" s="1106"/>
      <c r="BZ144" s="1106"/>
      <c r="CA144" s="1106"/>
    </row>
    <row r="145" spans="3:79" ht="9" customHeight="1" x14ac:dyDescent="0.2">
      <c r="C145" s="1106"/>
      <c r="D145" s="1106"/>
      <c r="E145" s="1106"/>
      <c r="F145" s="1106"/>
      <c r="G145" s="1106"/>
      <c r="H145" s="1106"/>
      <c r="I145" s="1106"/>
      <c r="J145" s="1106"/>
      <c r="K145" s="1106"/>
      <c r="L145" s="1106"/>
      <c r="M145" s="1106"/>
      <c r="N145" s="1106"/>
      <c r="O145" s="1106"/>
      <c r="AB145" s="1106"/>
      <c r="AC145" s="1106"/>
      <c r="AD145" s="1106"/>
      <c r="AE145" s="1106"/>
      <c r="AF145" s="1106"/>
      <c r="AG145" s="1106"/>
      <c r="AH145" s="1106"/>
      <c r="AL145" s="1106"/>
      <c r="AZ145" s="1106"/>
      <c r="BA145" s="1106"/>
      <c r="BB145" s="1106"/>
      <c r="BC145" s="1106"/>
      <c r="BD145" s="1106"/>
      <c r="BE145" s="1106"/>
      <c r="BF145" s="1106"/>
      <c r="BG145" s="1106"/>
      <c r="BH145" s="1106"/>
      <c r="BI145" s="1106"/>
      <c r="BJ145" s="1106"/>
      <c r="BK145" s="1106"/>
      <c r="BL145" s="1106"/>
      <c r="BM145" s="1106"/>
      <c r="BN145" s="1106"/>
      <c r="BO145" s="1106"/>
      <c r="BP145" s="1106"/>
      <c r="BQ145" s="1106"/>
      <c r="BR145" s="1106"/>
      <c r="BS145" s="1106"/>
      <c r="BT145" s="1106"/>
      <c r="BU145" s="1106"/>
      <c r="BV145" s="1106"/>
      <c r="BW145" s="1106"/>
      <c r="BX145" s="1106"/>
      <c r="BY145" s="1106"/>
      <c r="BZ145" s="1106"/>
      <c r="CA145" s="1106"/>
    </row>
    <row r="146" spans="3:79" ht="9" customHeight="1" x14ac:dyDescent="0.2">
      <c r="C146" s="1106"/>
      <c r="D146" s="1106"/>
      <c r="E146" s="1106"/>
      <c r="F146" s="1106"/>
      <c r="G146" s="1106"/>
      <c r="H146" s="1106"/>
      <c r="I146" s="1106"/>
      <c r="J146" s="1106"/>
      <c r="K146" s="1106"/>
      <c r="L146" s="1106"/>
      <c r="M146" s="1106"/>
      <c r="N146" s="1106"/>
      <c r="O146" s="1106"/>
      <c r="AB146" s="1106"/>
      <c r="AC146" s="1106"/>
      <c r="AD146" s="1106"/>
      <c r="AE146" s="1106"/>
      <c r="AF146" s="1106"/>
      <c r="AG146" s="1106"/>
      <c r="AH146" s="1106"/>
      <c r="AL146" s="1106"/>
      <c r="AZ146" s="1106"/>
      <c r="BA146" s="1106"/>
      <c r="BB146" s="1106"/>
      <c r="BC146" s="1106"/>
      <c r="BD146" s="1106"/>
      <c r="BE146" s="1106"/>
      <c r="BF146" s="1106"/>
      <c r="BG146" s="1106"/>
      <c r="BH146" s="1106"/>
      <c r="BI146" s="1106"/>
      <c r="BJ146" s="1106"/>
      <c r="BK146" s="1106"/>
      <c r="BL146" s="1106"/>
      <c r="BM146" s="1106"/>
      <c r="BN146" s="1106"/>
      <c r="BO146" s="1106"/>
      <c r="BP146" s="1106"/>
      <c r="BQ146" s="1106"/>
      <c r="BR146" s="1106"/>
      <c r="BS146" s="1106"/>
      <c r="BT146" s="1106"/>
      <c r="BU146" s="1106"/>
      <c r="BV146" s="1106"/>
      <c r="BW146" s="1106"/>
      <c r="BX146" s="1106"/>
      <c r="BY146" s="1106"/>
      <c r="BZ146" s="1106"/>
      <c r="CA146" s="1106"/>
    </row>
    <row r="147" spans="3:79" ht="9" customHeight="1" x14ac:dyDescent="0.2">
      <c r="C147" s="1106"/>
      <c r="D147" s="1106"/>
      <c r="E147" s="1106"/>
      <c r="F147" s="1106"/>
      <c r="G147" s="1106"/>
      <c r="H147" s="1106"/>
      <c r="I147" s="1106"/>
      <c r="J147" s="1106"/>
      <c r="K147" s="1106"/>
      <c r="L147" s="1106"/>
      <c r="M147" s="1106"/>
      <c r="N147" s="1106"/>
      <c r="O147" s="1106"/>
      <c r="AB147" s="1106"/>
      <c r="AC147" s="1106"/>
      <c r="AD147" s="1106"/>
      <c r="AE147" s="1106"/>
      <c r="AF147" s="1106"/>
      <c r="AG147" s="1106"/>
      <c r="AH147" s="1106"/>
      <c r="AL147" s="1106"/>
      <c r="AZ147" s="1106"/>
      <c r="BA147" s="1106"/>
      <c r="BB147" s="1106"/>
      <c r="BC147" s="1106"/>
      <c r="BD147" s="1106"/>
      <c r="BE147" s="1106"/>
      <c r="BF147" s="1106"/>
      <c r="BG147" s="1106"/>
      <c r="BH147" s="1106"/>
      <c r="BI147" s="1106"/>
      <c r="BJ147" s="1106"/>
      <c r="BK147" s="1106"/>
      <c r="BL147" s="1106"/>
      <c r="BM147" s="1106"/>
      <c r="BN147" s="1106"/>
      <c r="BO147" s="1106"/>
      <c r="BP147" s="1106"/>
      <c r="BQ147" s="1106"/>
      <c r="BR147" s="1106"/>
      <c r="BS147" s="1106"/>
      <c r="BT147" s="1106"/>
      <c r="BU147" s="1106"/>
      <c r="BV147" s="1106"/>
      <c r="BW147" s="1106"/>
      <c r="BX147" s="1106"/>
      <c r="BY147" s="1106"/>
      <c r="BZ147" s="1106"/>
      <c r="CA147" s="1106"/>
    </row>
    <row r="148" spans="3:79" ht="9" customHeight="1" x14ac:dyDescent="0.2">
      <c r="C148" s="1106"/>
      <c r="D148" s="1106"/>
      <c r="E148" s="1106"/>
      <c r="F148" s="1106"/>
      <c r="G148" s="1106"/>
      <c r="H148" s="1106"/>
      <c r="I148" s="1106"/>
      <c r="J148" s="1106"/>
      <c r="K148" s="1106"/>
      <c r="L148" s="1106"/>
      <c r="M148" s="1106"/>
      <c r="N148" s="1106"/>
      <c r="O148" s="1106"/>
      <c r="U148" s="1106"/>
      <c r="AB148" s="1106"/>
      <c r="AC148" s="1106"/>
      <c r="AD148" s="1106"/>
      <c r="AE148" s="1106"/>
      <c r="AF148" s="1106"/>
      <c r="AG148" s="1106"/>
      <c r="AH148" s="1106"/>
      <c r="AL148" s="1106"/>
      <c r="AT148" s="1106"/>
      <c r="AU148" s="1106"/>
      <c r="AV148" s="1106"/>
      <c r="AW148" s="1106"/>
      <c r="AX148" s="1106"/>
      <c r="AY148" s="1106"/>
      <c r="AZ148" s="1106"/>
      <c r="BA148" s="1106"/>
      <c r="BB148" s="1106"/>
      <c r="BC148" s="1106"/>
      <c r="BD148" s="1106"/>
      <c r="BE148" s="1106"/>
      <c r="BF148" s="1106"/>
      <c r="BG148" s="1106"/>
      <c r="BH148" s="1106"/>
      <c r="BI148" s="1106"/>
      <c r="BJ148" s="1106"/>
      <c r="BK148" s="1106"/>
      <c r="BL148" s="1106"/>
      <c r="BM148" s="1106"/>
      <c r="BN148" s="1106"/>
      <c r="BO148" s="1106"/>
      <c r="BP148" s="1106"/>
      <c r="BQ148" s="1106"/>
      <c r="BR148" s="1106"/>
      <c r="BS148" s="1106"/>
      <c r="BT148" s="1106"/>
      <c r="BU148" s="1106"/>
      <c r="BV148" s="1106"/>
      <c r="BW148" s="1106"/>
      <c r="BX148" s="1106"/>
      <c r="BY148" s="1106"/>
      <c r="BZ148" s="1106"/>
      <c r="CA148" s="1106"/>
    </row>
    <row r="149" spans="3:79" ht="9" customHeight="1" x14ac:dyDescent="0.2">
      <c r="C149" s="1106"/>
      <c r="D149" s="1106"/>
      <c r="E149" s="1106"/>
      <c r="F149" s="1106"/>
      <c r="G149" s="1106"/>
      <c r="H149" s="1106"/>
      <c r="I149" s="1106"/>
      <c r="J149" s="1106"/>
      <c r="K149" s="1106"/>
      <c r="L149" s="1106"/>
      <c r="M149" s="1106"/>
      <c r="N149" s="1106"/>
      <c r="O149" s="1106"/>
      <c r="U149" s="1106"/>
      <c r="AB149" s="1106"/>
      <c r="AC149" s="1106"/>
      <c r="AD149" s="1106"/>
      <c r="AE149" s="1106"/>
      <c r="AF149" s="1106"/>
      <c r="AG149" s="1106"/>
      <c r="AH149" s="1106"/>
      <c r="AL149" s="1106"/>
      <c r="AO149" s="1106"/>
      <c r="AP149" s="1106"/>
      <c r="AT149" s="1106"/>
      <c r="AU149" s="1106"/>
      <c r="AV149" s="1106"/>
      <c r="AW149" s="1106"/>
      <c r="AX149" s="1106"/>
      <c r="AY149" s="1106"/>
      <c r="AZ149" s="1106"/>
      <c r="BA149" s="1106"/>
      <c r="BB149" s="1106"/>
      <c r="BC149" s="1106"/>
      <c r="BD149" s="1106"/>
      <c r="BE149" s="1106"/>
      <c r="BF149" s="1106"/>
      <c r="BG149" s="1106"/>
      <c r="BH149" s="1106"/>
      <c r="BI149" s="1106"/>
      <c r="BJ149" s="1106"/>
      <c r="BK149" s="1106"/>
      <c r="BL149" s="1106"/>
      <c r="BM149" s="1106"/>
      <c r="BN149" s="1106"/>
      <c r="BO149" s="1106"/>
      <c r="BP149" s="1106"/>
      <c r="BQ149" s="1106"/>
      <c r="BR149" s="1106"/>
      <c r="BS149" s="1106"/>
      <c r="BT149" s="1106"/>
      <c r="BU149" s="1106"/>
      <c r="BV149" s="1106"/>
      <c r="BW149" s="1106"/>
      <c r="BX149" s="1106"/>
      <c r="BY149" s="1106"/>
      <c r="BZ149" s="1106"/>
      <c r="CA149" s="1106"/>
    </row>
    <row r="150" spans="3:79" ht="9" customHeight="1" x14ac:dyDescent="0.2">
      <c r="C150" s="1106"/>
      <c r="D150" s="1106"/>
      <c r="E150" s="1106"/>
      <c r="F150" s="1106"/>
      <c r="G150" s="1106"/>
      <c r="H150" s="1106"/>
      <c r="I150" s="1106"/>
      <c r="J150" s="1106"/>
      <c r="K150" s="1106"/>
      <c r="L150" s="1106"/>
      <c r="M150" s="1106"/>
      <c r="N150" s="1106"/>
      <c r="O150" s="1106"/>
      <c r="U150" s="1106"/>
      <c r="AB150" s="1106"/>
      <c r="AC150" s="1106"/>
      <c r="AD150" s="1106"/>
      <c r="AE150" s="1106"/>
      <c r="AF150" s="1106"/>
      <c r="AG150" s="1106"/>
      <c r="AH150" s="1106"/>
      <c r="AL150" s="1106"/>
      <c r="AT150" s="1106"/>
      <c r="AU150" s="1106"/>
      <c r="AV150" s="1106"/>
      <c r="AW150" s="1106"/>
      <c r="AX150" s="1106"/>
      <c r="AY150" s="1106"/>
      <c r="AZ150" s="1106"/>
      <c r="BA150" s="1106"/>
      <c r="BB150" s="1106"/>
      <c r="BC150" s="1106"/>
      <c r="BD150" s="1106"/>
      <c r="BE150" s="1106"/>
      <c r="BF150" s="1106"/>
      <c r="BG150" s="1106"/>
      <c r="BH150" s="1106"/>
      <c r="BI150" s="1106"/>
      <c r="BJ150" s="1106"/>
      <c r="BK150" s="1106"/>
      <c r="BL150" s="1106"/>
      <c r="BM150" s="1106"/>
      <c r="BN150" s="1106"/>
      <c r="BO150" s="1106"/>
      <c r="BP150" s="1106"/>
      <c r="BQ150" s="1106"/>
      <c r="BR150" s="1106"/>
      <c r="BS150" s="1106"/>
      <c r="BT150" s="1106"/>
      <c r="BU150" s="1106"/>
      <c r="BV150" s="1106"/>
      <c r="BW150" s="1106"/>
      <c r="BX150" s="1106"/>
      <c r="BY150" s="1106"/>
      <c r="BZ150" s="1106"/>
      <c r="CA150" s="1106"/>
    </row>
    <row r="151" spans="3:79" ht="9" customHeight="1" x14ac:dyDescent="0.2">
      <c r="C151" s="1106"/>
      <c r="D151" s="1106"/>
      <c r="E151" s="1106"/>
      <c r="F151" s="1106"/>
      <c r="G151" s="1106"/>
      <c r="H151" s="1106"/>
      <c r="I151" s="1106"/>
      <c r="J151" s="1106"/>
      <c r="K151" s="1106"/>
      <c r="L151" s="1106"/>
      <c r="M151" s="1106"/>
      <c r="N151" s="1106"/>
      <c r="O151" s="1106"/>
      <c r="AB151" s="1106"/>
      <c r="AC151" s="1106"/>
      <c r="AD151" s="1106"/>
      <c r="AE151" s="1106"/>
      <c r="AF151" s="1106"/>
      <c r="AG151" s="1106"/>
      <c r="AH151" s="1106"/>
      <c r="AL151" s="1106"/>
      <c r="AZ151" s="1106"/>
      <c r="BA151" s="1106"/>
      <c r="BB151" s="1106"/>
      <c r="BC151" s="1106"/>
      <c r="BD151" s="1106"/>
      <c r="BE151" s="1106"/>
      <c r="BF151" s="1106"/>
      <c r="BG151" s="1106"/>
      <c r="BH151" s="1106"/>
      <c r="BI151" s="1106"/>
      <c r="BJ151" s="1106"/>
      <c r="BK151" s="1106"/>
      <c r="BL151" s="1106"/>
      <c r="BM151" s="1106"/>
      <c r="BN151" s="1106"/>
      <c r="BO151" s="1106"/>
      <c r="BP151" s="1106"/>
      <c r="BQ151" s="1106"/>
      <c r="BR151" s="1106"/>
      <c r="BS151" s="1106"/>
      <c r="BT151" s="1106"/>
      <c r="BU151" s="1106"/>
      <c r="BV151" s="1106"/>
      <c r="BW151" s="1106"/>
      <c r="BX151" s="1106"/>
      <c r="BY151" s="1106"/>
      <c r="BZ151" s="1106"/>
      <c r="CA151" s="1106"/>
    </row>
    <row r="152" spans="3:79" ht="9" customHeight="1" x14ac:dyDescent="0.2">
      <c r="C152" s="1106"/>
      <c r="D152" s="1106"/>
      <c r="E152" s="1106"/>
      <c r="F152" s="1106"/>
      <c r="G152" s="1106"/>
      <c r="H152" s="1106"/>
      <c r="I152" s="1106"/>
      <c r="J152" s="1106"/>
      <c r="K152" s="1106"/>
      <c r="L152" s="1106"/>
      <c r="M152" s="1106"/>
      <c r="N152" s="1106"/>
      <c r="O152" s="1106"/>
      <c r="AB152" s="1106"/>
      <c r="AC152" s="1106"/>
      <c r="AD152" s="1106"/>
      <c r="AE152" s="1106"/>
      <c r="AF152" s="1106"/>
      <c r="AG152" s="1106"/>
      <c r="AH152" s="1106"/>
      <c r="AL152" s="1106"/>
      <c r="AZ152" s="1106"/>
      <c r="BA152" s="1106"/>
      <c r="BB152" s="1106"/>
      <c r="BC152" s="1106"/>
      <c r="BD152" s="1106"/>
      <c r="BE152" s="1106"/>
      <c r="BF152" s="1106"/>
      <c r="BG152" s="1106"/>
      <c r="BH152" s="1106"/>
      <c r="BI152" s="1106"/>
      <c r="BJ152" s="1106"/>
      <c r="BK152" s="1106"/>
      <c r="BL152" s="1106"/>
      <c r="BM152" s="1106"/>
      <c r="BN152" s="1106"/>
      <c r="BO152" s="1106"/>
      <c r="BP152" s="1106"/>
      <c r="BQ152" s="1106"/>
      <c r="BR152" s="1106"/>
      <c r="BS152" s="1106"/>
      <c r="BT152" s="1106"/>
      <c r="BU152" s="1106"/>
      <c r="BV152" s="1106"/>
      <c r="BW152" s="1106"/>
      <c r="BX152" s="1106"/>
      <c r="BY152" s="1106"/>
      <c r="BZ152" s="1106"/>
      <c r="CA152" s="1106"/>
    </row>
    <row r="153" spans="3:79" ht="9" customHeight="1" x14ac:dyDescent="0.2">
      <c r="C153" s="1106"/>
      <c r="D153" s="1106"/>
      <c r="E153" s="1106"/>
      <c r="F153" s="1106"/>
      <c r="G153" s="1106"/>
      <c r="H153" s="1106"/>
      <c r="I153" s="1106"/>
      <c r="J153" s="1106"/>
      <c r="K153" s="1106"/>
      <c r="L153" s="1106"/>
      <c r="M153" s="1106"/>
      <c r="N153" s="1106"/>
      <c r="O153" s="1106"/>
      <c r="AB153" s="1106"/>
      <c r="AC153" s="1106"/>
      <c r="AD153" s="1106"/>
      <c r="AE153" s="1106"/>
      <c r="AF153" s="1106"/>
      <c r="AG153" s="1106"/>
      <c r="AH153" s="1106"/>
      <c r="AL153" s="1106"/>
      <c r="AZ153" s="1106"/>
      <c r="BA153" s="1106"/>
      <c r="BB153" s="1106"/>
      <c r="BC153" s="1106"/>
      <c r="BD153" s="1106"/>
      <c r="BE153" s="1106"/>
      <c r="BF153" s="1106"/>
      <c r="BG153" s="1106"/>
      <c r="BH153" s="1106"/>
      <c r="BI153" s="1106"/>
      <c r="BJ153" s="1106"/>
      <c r="BK153" s="1106"/>
      <c r="BL153" s="1106"/>
      <c r="BM153" s="1106"/>
      <c r="BN153" s="1106"/>
      <c r="BO153" s="1106"/>
      <c r="BP153" s="1106"/>
      <c r="BQ153" s="1106"/>
      <c r="BR153" s="1106"/>
      <c r="BS153" s="1106"/>
      <c r="BT153" s="1106"/>
      <c r="BU153" s="1106"/>
      <c r="BV153" s="1106"/>
      <c r="BW153" s="1106"/>
      <c r="BX153" s="1106"/>
      <c r="BY153" s="1106"/>
      <c r="BZ153" s="1106"/>
      <c r="CA153" s="1106"/>
    </row>
    <row r="154" spans="3:79" ht="9" customHeight="1" x14ac:dyDescent="0.2">
      <c r="C154" s="1106"/>
      <c r="D154" s="1106"/>
      <c r="E154" s="1106"/>
      <c r="F154" s="1106"/>
      <c r="G154" s="1106"/>
      <c r="H154" s="1106"/>
      <c r="I154" s="1106"/>
      <c r="J154" s="1106"/>
      <c r="K154" s="1106"/>
      <c r="L154" s="1106"/>
      <c r="M154" s="1106"/>
      <c r="N154" s="1106"/>
      <c r="O154" s="1106"/>
      <c r="U154" s="1106"/>
      <c r="AB154" s="1106"/>
      <c r="AC154" s="1106"/>
      <c r="AD154" s="1106"/>
      <c r="AE154" s="1106"/>
      <c r="AF154" s="1106"/>
      <c r="AG154" s="1106"/>
      <c r="AH154" s="1106"/>
      <c r="AL154" s="1106"/>
      <c r="AT154" s="1106"/>
      <c r="AU154" s="1106"/>
      <c r="AV154" s="1106"/>
      <c r="AW154" s="1106"/>
      <c r="AX154" s="1106"/>
      <c r="AY154" s="1106"/>
      <c r="AZ154" s="1106"/>
      <c r="BA154" s="1106"/>
      <c r="BB154" s="1106"/>
      <c r="BC154" s="1106"/>
      <c r="BD154" s="1106"/>
      <c r="BE154" s="1106"/>
      <c r="BF154" s="1106"/>
      <c r="BG154" s="1106"/>
      <c r="BH154" s="1106"/>
      <c r="BI154" s="1106"/>
      <c r="BJ154" s="1106"/>
      <c r="BK154" s="1106"/>
      <c r="BL154" s="1106"/>
      <c r="BM154" s="1106"/>
      <c r="BN154" s="1106"/>
      <c r="BO154" s="1106"/>
      <c r="BP154" s="1106"/>
      <c r="BQ154" s="1106"/>
      <c r="BR154" s="1106"/>
      <c r="BS154" s="1106"/>
      <c r="BT154" s="1106"/>
      <c r="BU154" s="1106"/>
      <c r="BV154" s="1106"/>
      <c r="BW154" s="1106"/>
      <c r="BX154" s="1106"/>
      <c r="BY154" s="1106"/>
      <c r="BZ154" s="1106"/>
      <c r="CA154" s="1106"/>
    </row>
    <row r="155" spans="3:79" ht="9" customHeight="1" x14ac:dyDescent="0.2">
      <c r="C155" s="1106"/>
      <c r="D155" s="1106"/>
      <c r="E155" s="1106"/>
      <c r="F155" s="1106"/>
      <c r="G155" s="1106"/>
      <c r="H155" s="1106"/>
      <c r="I155" s="1106"/>
      <c r="J155" s="1106"/>
      <c r="K155" s="1106"/>
      <c r="L155" s="1106"/>
      <c r="M155" s="1106"/>
      <c r="N155" s="1106"/>
      <c r="O155" s="1106"/>
      <c r="U155" s="1106"/>
      <c r="AB155" s="1106"/>
      <c r="AC155" s="1106"/>
      <c r="AD155" s="1106"/>
      <c r="AE155" s="1106"/>
      <c r="AF155" s="1106"/>
      <c r="AG155" s="1106"/>
      <c r="AH155" s="1106"/>
      <c r="AL155" s="1106"/>
      <c r="AO155" s="1106"/>
      <c r="AP155" s="1106"/>
      <c r="AT155" s="1106"/>
      <c r="AU155" s="1106"/>
      <c r="AV155" s="1106"/>
      <c r="AW155" s="1106"/>
      <c r="AX155" s="1106"/>
      <c r="AY155" s="1106"/>
      <c r="AZ155" s="1106"/>
      <c r="BA155" s="1106"/>
      <c r="BB155" s="1106"/>
      <c r="BC155" s="1106"/>
      <c r="BD155" s="1106"/>
      <c r="BE155" s="1106"/>
      <c r="BF155" s="1106"/>
      <c r="BG155" s="1106"/>
      <c r="BH155" s="1106"/>
      <c r="BI155" s="1106"/>
      <c r="BJ155" s="1106"/>
      <c r="BK155" s="1106"/>
      <c r="BL155" s="1106"/>
      <c r="BM155" s="1106"/>
      <c r="BN155" s="1106"/>
      <c r="BO155" s="1106"/>
      <c r="BP155" s="1106"/>
      <c r="BQ155" s="1106"/>
      <c r="BR155" s="1106"/>
      <c r="BS155" s="1106"/>
      <c r="BT155" s="1106"/>
      <c r="BU155" s="1106"/>
      <c r="BV155" s="1106"/>
      <c r="BW155" s="1106"/>
      <c r="BX155" s="1106"/>
      <c r="BY155" s="1106"/>
      <c r="BZ155" s="1106"/>
      <c r="CA155" s="1106"/>
    </row>
    <row r="156" spans="3:79" ht="9" customHeight="1" x14ac:dyDescent="0.2">
      <c r="C156" s="1106"/>
      <c r="D156" s="1106"/>
      <c r="E156" s="1106"/>
      <c r="F156" s="1106"/>
      <c r="G156" s="1106"/>
      <c r="H156" s="1106"/>
      <c r="I156" s="1106"/>
      <c r="J156" s="1106"/>
      <c r="K156" s="1106"/>
      <c r="L156" s="1106"/>
      <c r="M156" s="1106"/>
      <c r="N156" s="1106"/>
      <c r="O156" s="1106"/>
      <c r="U156" s="1106"/>
      <c r="AB156" s="1106"/>
      <c r="AC156" s="1106"/>
      <c r="AD156" s="1106"/>
      <c r="AE156" s="1106"/>
      <c r="AF156" s="1106"/>
      <c r="AG156" s="1106"/>
      <c r="AH156" s="1106"/>
      <c r="AL156" s="1106"/>
      <c r="AT156" s="1106"/>
      <c r="AU156" s="1106"/>
      <c r="AV156" s="1106"/>
      <c r="AW156" s="1106"/>
      <c r="AX156" s="1106"/>
      <c r="AY156" s="1106"/>
      <c r="AZ156" s="1106"/>
      <c r="BA156" s="1106"/>
      <c r="BB156" s="1106"/>
      <c r="BC156" s="1106"/>
      <c r="BD156" s="1106"/>
      <c r="BE156" s="1106"/>
      <c r="BF156" s="1106"/>
      <c r="BG156" s="1106"/>
      <c r="BH156" s="1106"/>
      <c r="BI156" s="1106"/>
      <c r="BJ156" s="1106"/>
      <c r="BK156" s="1106"/>
      <c r="BL156" s="1106"/>
      <c r="BM156" s="1106"/>
      <c r="BN156" s="1106"/>
      <c r="BO156" s="1106"/>
      <c r="BP156" s="1106"/>
      <c r="BQ156" s="1106"/>
      <c r="BR156" s="1106"/>
      <c r="BS156" s="1106"/>
      <c r="BT156" s="1106"/>
      <c r="BU156" s="1106"/>
      <c r="BV156" s="1106"/>
      <c r="BW156" s="1106"/>
      <c r="BX156" s="1106"/>
      <c r="BY156" s="1106"/>
      <c r="BZ156" s="1106"/>
      <c r="CA156" s="1106"/>
    </row>
    <row r="157" spans="3:79" ht="9" customHeight="1" x14ac:dyDescent="0.2">
      <c r="C157" s="1106"/>
      <c r="D157" s="1106"/>
      <c r="E157" s="1106"/>
      <c r="F157" s="1106"/>
      <c r="G157" s="1106"/>
      <c r="H157" s="1106"/>
      <c r="I157" s="1106"/>
      <c r="J157" s="1106"/>
      <c r="K157" s="1106"/>
      <c r="L157" s="1106"/>
      <c r="M157" s="1106"/>
      <c r="N157" s="1106"/>
      <c r="O157" s="1106"/>
      <c r="AB157" s="1106"/>
      <c r="AC157" s="1106"/>
      <c r="AD157" s="1106"/>
      <c r="AE157" s="1106"/>
      <c r="AF157" s="1106"/>
      <c r="AG157" s="1106"/>
      <c r="AH157" s="1106"/>
      <c r="AL157" s="1106"/>
      <c r="AZ157" s="1106"/>
      <c r="BA157" s="1106"/>
      <c r="BB157" s="1106"/>
      <c r="BC157" s="1106"/>
      <c r="BD157" s="1106"/>
      <c r="BE157" s="1106"/>
      <c r="BF157" s="1106"/>
      <c r="BG157" s="1106"/>
      <c r="BH157" s="1106"/>
      <c r="BI157" s="1106"/>
      <c r="BJ157" s="1106"/>
      <c r="BK157" s="1106"/>
      <c r="BL157" s="1106"/>
      <c r="BM157" s="1106"/>
      <c r="BN157" s="1106"/>
      <c r="BO157" s="1106"/>
      <c r="BP157" s="1106"/>
      <c r="BQ157" s="1106"/>
      <c r="BR157" s="1106"/>
      <c r="BS157" s="1106"/>
      <c r="BT157" s="1106"/>
      <c r="BU157" s="1106"/>
      <c r="BV157" s="1106"/>
      <c r="BW157" s="1106"/>
      <c r="BX157" s="1106"/>
      <c r="BY157" s="1106"/>
      <c r="BZ157" s="1106"/>
      <c r="CA157" s="1106"/>
    </row>
    <row r="158" spans="3:79" ht="9" customHeight="1" x14ac:dyDescent="0.2">
      <c r="C158" s="1106"/>
      <c r="D158" s="1106"/>
      <c r="E158" s="1106"/>
      <c r="F158" s="1106"/>
      <c r="G158" s="1106"/>
      <c r="H158" s="1106"/>
      <c r="I158" s="1106"/>
      <c r="J158" s="1106"/>
      <c r="K158" s="1106"/>
      <c r="L158" s="1106"/>
      <c r="M158" s="1106"/>
      <c r="N158" s="1106"/>
      <c r="O158" s="1106"/>
      <c r="AB158" s="1106"/>
      <c r="AC158" s="1106"/>
      <c r="AD158" s="1106"/>
      <c r="AE158" s="1106"/>
      <c r="AF158" s="1106"/>
      <c r="AG158" s="1106"/>
      <c r="AH158" s="1106"/>
      <c r="AL158" s="1106"/>
      <c r="AZ158" s="1106"/>
      <c r="BA158" s="1106"/>
      <c r="BB158" s="1106"/>
      <c r="BC158" s="1106"/>
      <c r="BD158" s="1106"/>
      <c r="BE158" s="1106"/>
      <c r="BF158" s="1106"/>
      <c r="BG158" s="1106"/>
      <c r="BH158" s="1106"/>
      <c r="BI158" s="1106"/>
      <c r="BJ158" s="1106"/>
      <c r="BK158" s="1106"/>
      <c r="BL158" s="1106"/>
      <c r="BM158" s="1106"/>
      <c r="BN158" s="1106"/>
      <c r="BO158" s="1106"/>
      <c r="BP158" s="1106"/>
      <c r="BQ158" s="1106"/>
      <c r="BR158" s="1106"/>
      <c r="BS158" s="1106"/>
      <c r="BT158" s="1106"/>
      <c r="BU158" s="1106"/>
      <c r="BV158" s="1106"/>
      <c r="BW158" s="1106"/>
      <c r="BX158" s="1106"/>
      <c r="BY158" s="1106"/>
      <c r="BZ158" s="1106"/>
      <c r="CA158" s="1106"/>
    </row>
    <row r="159" spans="3:79" ht="9" customHeight="1" x14ac:dyDescent="0.2">
      <c r="C159" s="1106"/>
      <c r="D159" s="1106"/>
      <c r="E159" s="1106"/>
      <c r="F159" s="1106"/>
      <c r="G159" s="1106"/>
      <c r="H159" s="1106"/>
      <c r="I159" s="1106"/>
      <c r="J159" s="1106"/>
      <c r="K159" s="1106"/>
      <c r="L159" s="1106"/>
      <c r="M159" s="1106"/>
      <c r="N159" s="1106"/>
      <c r="O159" s="1106"/>
      <c r="AB159" s="1106"/>
      <c r="AC159" s="1106"/>
      <c r="AD159" s="1106"/>
      <c r="AE159" s="1106"/>
      <c r="AF159" s="1106"/>
      <c r="AG159" s="1106"/>
      <c r="AH159" s="1106"/>
      <c r="AL159" s="1106"/>
      <c r="AZ159" s="1106"/>
      <c r="BA159" s="1106"/>
      <c r="BB159" s="1106"/>
      <c r="BC159" s="1106"/>
      <c r="BD159" s="1106"/>
      <c r="BE159" s="1106"/>
      <c r="BF159" s="1106"/>
      <c r="BG159" s="1106"/>
      <c r="BH159" s="1106"/>
      <c r="BI159" s="1106"/>
      <c r="BJ159" s="1106"/>
      <c r="BK159" s="1106"/>
      <c r="BL159" s="1106"/>
      <c r="BM159" s="1106"/>
      <c r="BN159" s="1106"/>
      <c r="BO159" s="1106"/>
      <c r="BP159" s="1106"/>
      <c r="BQ159" s="1106"/>
      <c r="BR159" s="1106"/>
      <c r="BS159" s="1106"/>
      <c r="BT159" s="1106"/>
      <c r="BU159" s="1106"/>
      <c r="BV159" s="1106"/>
      <c r="BW159" s="1106"/>
      <c r="BX159" s="1106"/>
      <c r="BY159" s="1106"/>
      <c r="BZ159" s="1106"/>
      <c r="CA159" s="1106"/>
    </row>
    <row r="160" spans="3:79" ht="9" customHeight="1" x14ac:dyDescent="0.2">
      <c r="C160" s="1106"/>
      <c r="D160" s="1106"/>
      <c r="E160" s="1106"/>
      <c r="F160" s="1106"/>
      <c r="G160" s="1106"/>
      <c r="H160" s="1106"/>
      <c r="I160" s="1106"/>
      <c r="J160" s="1106"/>
      <c r="K160" s="1106"/>
      <c r="L160" s="1106"/>
      <c r="M160" s="1106"/>
      <c r="N160" s="1106"/>
      <c r="O160" s="1106"/>
      <c r="U160" s="1106"/>
      <c r="AB160" s="1106"/>
      <c r="AC160" s="1106"/>
      <c r="AD160" s="1106"/>
      <c r="AE160" s="1106"/>
      <c r="AF160" s="1106"/>
      <c r="AG160" s="1106"/>
      <c r="AH160" s="1106"/>
      <c r="AL160" s="1106"/>
      <c r="AT160" s="1106"/>
      <c r="AU160" s="1106"/>
      <c r="AV160" s="1106"/>
      <c r="AW160" s="1106"/>
      <c r="AX160" s="1106"/>
      <c r="AY160" s="1106"/>
      <c r="AZ160" s="1106"/>
      <c r="BA160" s="1106"/>
      <c r="BB160" s="1106"/>
      <c r="BC160" s="1106"/>
      <c r="BD160" s="1106"/>
      <c r="BE160" s="1106"/>
      <c r="BF160" s="1106"/>
      <c r="BG160" s="1106"/>
      <c r="BH160" s="1106"/>
      <c r="BI160" s="1106"/>
      <c r="BJ160" s="1106"/>
      <c r="BK160" s="1106"/>
      <c r="BL160" s="1106"/>
      <c r="BM160" s="1106"/>
      <c r="BN160" s="1106"/>
      <c r="BO160" s="1106"/>
      <c r="BP160" s="1106"/>
      <c r="BQ160" s="1106"/>
      <c r="BR160" s="1106"/>
      <c r="BS160" s="1106"/>
      <c r="BT160" s="1106"/>
      <c r="BU160" s="1106"/>
      <c r="BV160" s="1106"/>
      <c r="BW160" s="1106"/>
      <c r="BX160" s="1106"/>
      <c r="BY160" s="1106"/>
      <c r="BZ160" s="1106"/>
      <c r="CA160" s="1106"/>
    </row>
    <row r="161" spans="3:79" ht="9" customHeight="1" x14ac:dyDescent="0.2">
      <c r="C161" s="1106"/>
      <c r="D161" s="1106"/>
      <c r="E161" s="1106"/>
      <c r="F161" s="1106"/>
      <c r="G161" s="1106"/>
      <c r="H161" s="1106"/>
      <c r="I161" s="1106"/>
      <c r="J161" s="1106"/>
      <c r="K161" s="1106"/>
      <c r="L161" s="1106"/>
      <c r="M161" s="1106"/>
      <c r="N161" s="1106"/>
      <c r="O161" s="1106"/>
      <c r="U161" s="1106"/>
      <c r="AB161" s="1106"/>
      <c r="AC161" s="1106"/>
      <c r="AD161" s="1106"/>
      <c r="AE161" s="1106"/>
      <c r="AF161" s="1106"/>
      <c r="AG161" s="1106"/>
      <c r="AH161" s="1106"/>
      <c r="AL161" s="1106"/>
      <c r="AO161" s="1106"/>
      <c r="AP161" s="1106"/>
      <c r="AT161" s="1106"/>
      <c r="AU161" s="1106"/>
      <c r="AV161" s="1106"/>
      <c r="AW161" s="1106"/>
      <c r="AX161" s="1106"/>
      <c r="AY161" s="1106"/>
      <c r="AZ161" s="1106"/>
      <c r="BA161" s="1106"/>
      <c r="BB161" s="1106"/>
      <c r="BC161" s="1106"/>
      <c r="BD161" s="1106"/>
      <c r="BE161" s="1106"/>
      <c r="BF161" s="1106"/>
      <c r="BG161" s="1106"/>
      <c r="BH161" s="1106"/>
      <c r="BI161" s="1106"/>
      <c r="BJ161" s="1106"/>
      <c r="BK161" s="1106"/>
      <c r="BL161" s="1106"/>
      <c r="BM161" s="1106"/>
      <c r="BN161" s="1106"/>
      <c r="BO161" s="1106"/>
      <c r="BP161" s="1106"/>
      <c r="BQ161" s="1106"/>
      <c r="BR161" s="1106"/>
      <c r="BS161" s="1106"/>
      <c r="BT161" s="1106"/>
      <c r="BU161" s="1106"/>
      <c r="BV161" s="1106"/>
      <c r="BW161" s="1106"/>
      <c r="BX161" s="1106"/>
      <c r="BY161" s="1106"/>
      <c r="BZ161" s="1106"/>
      <c r="CA161" s="1106"/>
    </row>
    <row r="162" spans="3:79" ht="9" customHeight="1" x14ac:dyDescent="0.2">
      <c r="C162" s="1106"/>
      <c r="D162" s="1106"/>
      <c r="E162" s="1106"/>
      <c r="F162" s="1106"/>
      <c r="G162" s="1106"/>
      <c r="H162" s="1106"/>
      <c r="I162" s="1106"/>
      <c r="J162" s="1106"/>
      <c r="K162" s="1106"/>
      <c r="L162" s="1106"/>
      <c r="M162" s="1106"/>
      <c r="N162" s="1106"/>
      <c r="O162" s="1106"/>
      <c r="U162" s="1106"/>
      <c r="AB162" s="1106"/>
      <c r="AC162" s="1106"/>
      <c r="AD162" s="1106"/>
      <c r="AE162" s="1106"/>
      <c r="AF162" s="1106"/>
      <c r="AG162" s="1106"/>
      <c r="AH162" s="1106"/>
      <c r="AL162" s="1106"/>
      <c r="AT162" s="1106"/>
      <c r="AU162" s="1106"/>
      <c r="AV162" s="1106"/>
      <c r="AW162" s="1106"/>
      <c r="AX162" s="1106"/>
      <c r="AY162" s="1106"/>
      <c r="AZ162" s="1106"/>
      <c r="BA162" s="1106"/>
      <c r="BB162" s="1106"/>
      <c r="BC162" s="1106"/>
      <c r="BD162" s="1106"/>
      <c r="BE162" s="1106"/>
      <c r="BF162" s="1106"/>
      <c r="BG162" s="1106"/>
      <c r="BH162" s="1106"/>
      <c r="BI162" s="1106"/>
      <c r="BJ162" s="1106"/>
      <c r="BK162" s="1106"/>
      <c r="BL162" s="1106"/>
      <c r="BM162" s="1106"/>
      <c r="BN162" s="1106"/>
      <c r="BO162" s="1106"/>
      <c r="BP162" s="1106"/>
      <c r="BQ162" s="1106"/>
      <c r="BR162" s="1106"/>
      <c r="BS162" s="1106"/>
      <c r="BT162" s="1106"/>
      <c r="BU162" s="1106"/>
      <c r="BV162" s="1106"/>
      <c r="BW162" s="1106"/>
      <c r="BX162" s="1106"/>
      <c r="BY162" s="1106"/>
      <c r="BZ162" s="1106"/>
      <c r="CA162" s="1106"/>
    </row>
    <row r="163" spans="3:79" ht="9" customHeight="1" x14ac:dyDescent="0.2">
      <c r="C163" s="1106"/>
      <c r="D163" s="1106"/>
      <c r="E163" s="1106"/>
      <c r="F163" s="1106"/>
      <c r="G163" s="1106"/>
      <c r="H163" s="1106"/>
      <c r="I163" s="1106"/>
      <c r="J163" s="1106"/>
      <c r="K163" s="1106"/>
      <c r="L163" s="1106"/>
      <c r="M163" s="1106"/>
      <c r="N163" s="1106"/>
      <c r="O163" s="1106"/>
      <c r="AB163" s="1106"/>
      <c r="AC163" s="1106"/>
      <c r="AD163" s="1106"/>
      <c r="AE163" s="1106"/>
      <c r="AF163" s="1106"/>
      <c r="AG163" s="1106"/>
      <c r="AH163" s="1106"/>
      <c r="AL163" s="1106"/>
      <c r="AZ163" s="1106"/>
      <c r="BA163" s="1106"/>
      <c r="BB163" s="1106"/>
      <c r="BC163" s="1106"/>
      <c r="BD163" s="1106"/>
      <c r="BE163" s="1106"/>
      <c r="BF163" s="1106"/>
      <c r="BG163" s="1106"/>
      <c r="BH163" s="1106"/>
      <c r="BI163" s="1106"/>
      <c r="BJ163" s="1106"/>
      <c r="BK163" s="1106"/>
      <c r="BL163" s="1106"/>
      <c r="BM163" s="1106"/>
      <c r="BN163" s="1106"/>
      <c r="BO163" s="1106"/>
      <c r="BP163" s="1106"/>
      <c r="BQ163" s="1106"/>
      <c r="BR163" s="1106"/>
      <c r="BS163" s="1106"/>
      <c r="BT163" s="1106"/>
      <c r="BU163" s="1106"/>
      <c r="BV163" s="1106"/>
      <c r="BW163" s="1106"/>
      <c r="BX163" s="1106"/>
      <c r="BY163" s="1106"/>
      <c r="BZ163" s="1106"/>
      <c r="CA163" s="1106"/>
    </row>
    <row r="164" spans="3:79" ht="9" customHeight="1" x14ac:dyDescent="0.2">
      <c r="C164" s="1106"/>
      <c r="D164" s="1106"/>
      <c r="E164" s="1106"/>
      <c r="F164" s="1106"/>
      <c r="G164" s="1106"/>
      <c r="H164" s="1106"/>
      <c r="I164" s="1106"/>
      <c r="J164" s="1106"/>
      <c r="K164" s="1106"/>
      <c r="L164" s="1106"/>
      <c r="M164" s="1106"/>
      <c r="N164" s="1106"/>
      <c r="O164" s="1106"/>
      <c r="AB164" s="1106"/>
      <c r="AC164" s="1106"/>
      <c r="AD164" s="1106"/>
      <c r="AE164" s="1106"/>
      <c r="AF164" s="1106"/>
      <c r="AG164" s="1106"/>
      <c r="AH164" s="1106"/>
      <c r="AL164" s="1106"/>
      <c r="AZ164" s="1106"/>
      <c r="BA164" s="1106"/>
      <c r="BB164" s="1106"/>
      <c r="BC164" s="1106"/>
      <c r="BD164" s="1106"/>
      <c r="BE164" s="1106"/>
      <c r="BF164" s="1106"/>
      <c r="BG164" s="1106"/>
      <c r="BH164" s="1106"/>
      <c r="BI164" s="1106"/>
      <c r="BJ164" s="1106"/>
      <c r="BK164" s="1106"/>
      <c r="BL164" s="1106"/>
      <c r="BM164" s="1106"/>
      <c r="BN164" s="1106"/>
      <c r="BO164" s="1106"/>
      <c r="BP164" s="1106"/>
      <c r="BQ164" s="1106"/>
      <c r="BR164" s="1106"/>
      <c r="BS164" s="1106"/>
      <c r="BT164" s="1106"/>
      <c r="BU164" s="1106"/>
      <c r="BV164" s="1106"/>
      <c r="BW164" s="1106"/>
      <c r="BX164" s="1106"/>
      <c r="BY164" s="1106"/>
      <c r="BZ164" s="1106"/>
      <c r="CA164" s="1106"/>
    </row>
    <row r="165" spans="3:79" ht="9" customHeight="1" x14ac:dyDescent="0.2">
      <c r="C165" s="1106"/>
      <c r="D165" s="1106"/>
      <c r="E165" s="1106"/>
      <c r="F165" s="1106"/>
      <c r="G165" s="1106"/>
      <c r="H165" s="1106"/>
      <c r="I165" s="1106"/>
      <c r="J165" s="1106"/>
      <c r="K165" s="1106"/>
      <c r="L165" s="1106"/>
      <c r="M165" s="1106"/>
      <c r="N165" s="1106"/>
      <c r="O165" s="1106"/>
      <c r="AB165" s="1106"/>
      <c r="AC165" s="1106"/>
      <c r="AD165" s="1106"/>
      <c r="AE165" s="1106"/>
      <c r="AF165" s="1106"/>
      <c r="AG165" s="1106"/>
      <c r="AH165" s="1106"/>
      <c r="AL165" s="1106"/>
      <c r="AZ165" s="1106"/>
      <c r="BA165" s="1106"/>
      <c r="BB165" s="1106"/>
      <c r="BC165" s="1106"/>
      <c r="BD165" s="1106"/>
      <c r="BE165" s="1106"/>
      <c r="BF165" s="1106"/>
      <c r="BG165" s="1106"/>
      <c r="BH165" s="1106"/>
      <c r="BI165" s="1106"/>
      <c r="BJ165" s="1106"/>
      <c r="BK165" s="1106"/>
      <c r="BL165" s="1106"/>
      <c r="BM165" s="1106"/>
      <c r="BN165" s="1106"/>
      <c r="BO165" s="1106"/>
      <c r="BP165" s="1106"/>
      <c r="BQ165" s="1106"/>
      <c r="BR165" s="1106"/>
      <c r="BS165" s="1106"/>
      <c r="BT165" s="1106"/>
      <c r="BU165" s="1106"/>
      <c r="BV165" s="1106"/>
      <c r="BW165" s="1106"/>
      <c r="BX165" s="1106"/>
      <c r="BY165" s="1106"/>
      <c r="BZ165" s="1106"/>
      <c r="CA165" s="1106"/>
    </row>
    <row r="166" spans="3:79" ht="9" customHeight="1" x14ac:dyDescent="0.2">
      <c r="C166" s="1106"/>
      <c r="D166" s="1106"/>
      <c r="E166" s="1106"/>
      <c r="F166" s="1106"/>
      <c r="G166" s="1106"/>
      <c r="H166" s="1106"/>
      <c r="I166" s="1106"/>
      <c r="J166" s="1106"/>
      <c r="K166" s="1106"/>
      <c r="L166" s="1106"/>
      <c r="M166" s="1106"/>
      <c r="N166" s="1106"/>
      <c r="O166" s="1106"/>
      <c r="U166" s="1106"/>
      <c r="AB166" s="1106"/>
      <c r="AC166" s="1106"/>
      <c r="AD166" s="1106"/>
      <c r="AE166" s="1106"/>
      <c r="AF166" s="1106"/>
      <c r="AG166" s="1106"/>
      <c r="AH166" s="1106"/>
      <c r="AL166" s="1106"/>
      <c r="AT166" s="1106"/>
      <c r="AU166" s="1106"/>
      <c r="AV166" s="1106"/>
      <c r="AW166" s="1106"/>
      <c r="AX166" s="1106"/>
      <c r="AY166" s="1106"/>
      <c r="AZ166" s="1106"/>
      <c r="BA166" s="1106"/>
      <c r="BB166" s="1106"/>
      <c r="BC166" s="1106"/>
      <c r="BD166" s="1106"/>
      <c r="BE166" s="1106"/>
      <c r="BF166" s="1106"/>
      <c r="BG166" s="1106"/>
      <c r="BH166" s="1106"/>
      <c r="BI166" s="1106"/>
      <c r="BJ166" s="1106"/>
      <c r="BK166" s="1106"/>
      <c r="BL166" s="1106"/>
      <c r="BM166" s="1106"/>
      <c r="BN166" s="1106"/>
      <c r="BO166" s="1106"/>
      <c r="BP166" s="1106"/>
      <c r="BQ166" s="1106"/>
      <c r="BR166" s="1106"/>
      <c r="BS166" s="1106"/>
      <c r="BT166" s="1106"/>
      <c r="BU166" s="1106"/>
      <c r="BV166" s="1106"/>
      <c r="BW166" s="1106"/>
      <c r="BX166" s="1106"/>
      <c r="BY166" s="1106"/>
      <c r="BZ166" s="1106"/>
      <c r="CA166" s="1106"/>
    </row>
    <row r="167" spans="3:79" ht="9" customHeight="1" x14ac:dyDescent="0.2">
      <c r="C167" s="1106"/>
      <c r="D167" s="1106"/>
      <c r="E167" s="1106"/>
      <c r="F167" s="1106"/>
      <c r="G167" s="1106"/>
      <c r="H167" s="1106"/>
      <c r="I167" s="1106"/>
      <c r="J167" s="1106"/>
      <c r="K167" s="1106"/>
      <c r="L167" s="1106"/>
      <c r="M167" s="1106"/>
      <c r="N167" s="1106"/>
      <c r="O167" s="1106"/>
      <c r="U167" s="1106"/>
      <c r="AB167" s="1106"/>
      <c r="AC167" s="1106"/>
      <c r="AD167" s="1106"/>
      <c r="AE167" s="1106"/>
      <c r="AF167" s="1106"/>
      <c r="AG167" s="1106"/>
      <c r="AH167" s="1106"/>
      <c r="AL167" s="1106"/>
      <c r="AO167" s="1106"/>
      <c r="AP167" s="1106"/>
      <c r="AT167" s="1106"/>
      <c r="AU167" s="1106"/>
      <c r="AV167" s="1106"/>
      <c r="AW167" s="1106"/>
      <c r="AX167" s="1106"/>
      <c r="AY167" s="1106"/>
      <c r="AZ167" s="1106"/>
      <c r="BA167" s="1106"/>
      <c r="BB167" s="1106"/>
      <c r="BC167" s="1106"/>
      <c r="BD167" s="1106"/>
      <c r="BE167" s="1106"/>
      <c r="BF167" s="1106"/>
      <c r="BG167" s="1106"/>
      <c r="BH167" s="1106"/>
      <c r="BI167" s="1106"/>
      <c r="BJ167" s="1106"/>
      <c r="BK167" s="1106"/>
      <c r="BL167" s="1106"/>
      <c r="BM167" s="1106"/>
      <c r="BN167" s="1106"/>
      <c r="BO167" s="1106"/>
      <c r="BP167" s="1106"/>
      <c r="BQ167" s="1106"/>
      <c r="BR167" s="1106"/>
      <c r="BS167" s="1106"/>
      <c r="BT167" s="1106"/>
      <c r="BU167" s="1106"/>
      <c r="BV167" s="1106"/>
      <c r="BW167" s="1106"/>
      <c r="BX167" s="1106"/>
      <c r="BY167" s="1106"/>
      <c r="BZ167" s="1106"/>
      <c r="CA167" s="1106"/>
    </row>
    <row r="168" spans="3:79" ht="9" customHeight="1" x14ac:dyDescent="0.2">
      <c r="C168" s="1106"/>
      <c r="D168" s="1106"/>
      <c r="E168" s="1106"/>
      <c r="F168" s="1106"/>
      <c r="G168" s="1106"/>
      <c r="H168" s="1106"/>
      <c r="I168" s="1106"/>
      <c r="J168" s="1106"/>
      <c r="K168" s="1106"/>
      <c r="L168" s="1106"/>
      <c r="M168" s="1106"/>
      <c r="N168" s="1106"/>
      <c r="O168" s="1106"/>
      <c r="U168" s="1106"/>
      <c r="AB168" s="1106"/>
      <c r="AC168" s="1106"/>
      <c r="AD168" s="1106"/>
      <c r="AE168" s="1106"/>
      <c r="AF168" s="1106"/>
      <c r="AG168" s="1106"/>
      <c r="AH168" s="1106"/>
      <c r="AL168" s="1106"/>
      <c r="AT168" s="1106"/>
      <c r="AU168" s="1106"/>
      <c r="AV168" s="1106"/>
      <c r="AW168" s="1106"/>
      <c r="AX168" s="1106"/>
      <c r="AY168" s="1106"/>
      <c r="AZ168" s="1106"/>
      <c r="BA168" s="1106"/>
      <c r="BB168" s="1106"/>
      <c r="BC168" s="1106"/>
      <c r="BD168" s="1106"/>
      <c r="BE168" s="1106"/>
      <c r="BF168" s="1106"/>
      <c r="BG168" s="1106"/>
      <c r="BH168" s="1106"/>
      <c r="BI168" s="1106"/>
      <c r="BJ168" s="1106"/>
      <c r="BK168" s="1106"/>
      <c r="BL168" s="1106"/>
      <c r="BM168" s="1106"/>
      <c r="BN168" s="1106"/>
      <c r="BO168" s="1106"/>
      <c r="BP168" s="1106"/>
      <c r="BQ168" s="1106"/>
      <c r="BR168" s="1106"/>
      <c r="BS168" s="1106"/>
      <c r="BT168" s="1106"/>
      <c r="BU168" s="1106"/>
      <c r="BV168" s="1106"/>
      <c r="BW168" s="1106"/>
      <c r="BX168" s="1106"/>
      <c r="BY168" s="1106"/>
      <c r="BZ168" s="1106"/>
      <c r="CA168" s="1106"/>
    </row>
    <row r="169" spans="3:79" ht="9" customHeight="1" x14ac:dyDescent="0.2">
      <c r="C169" s="1106"/>
      <c r="D169" s="1106"/>
      <c r="E169" s="1106"/>
      <c r="F169" s="1106"/>
      <c r="G169" s="1106"/>
      <c r="H169" s="1106"/>
      <c r="I169" s="1106"/>
      <c r="J169" s="1106"/>
      <c r="K169" s="1106"/>
      <c r="L169" s="1106"/>
      <c r="M169" s="1106"/>
      <c r="N169" s="1106"/>
      <c r="O169" s="1106"/>
      <c r="AB169" s="1106"/>
      <c r="AC169" s="1106"/>
      <c r="AD169" s="1106"/>
      <c r="AE169" s="1106"/>
      <c r="AF169" s="1106"/>
      <c r="AG169" s="1106"/>
      <c r="AH169" s="1106"/>
      <c r="AL169" s="1106"/>
      <c r="AZ169" s="1106"/>
      <c r="BA169" s="1106"/>
      <c r="BB169" s="1106"/>
      <c r="BC169" s="1106"/>
      <c r="BD169" s="1106"/>
      <c r="BE169" s="1106"/>
      <c r="BF169" s="1106"/>
      <c r="BG169" s="1106"/>
      <c r="BH169" s="1106"/>
      <c r="BI169" s="1106"/>
      <c r="BJ169" s="1106"/>
      <c r="BK169" s="1106"/>
      <c r="BL169" s="1106"/>
      <c r="BM169" s="1106"/>
      <c r="BN169" s="1106"/>
      <c r="BO169" s="1106"/>
      <c r="BP169" s="1106"/>
      <c r="BQ169" s="1106"/>
      <c r="BR169" s="1106"/>
      <c r="BS169" s="1106"/>
      <c r="BT169" s="1106"/>
      <c r="BU169" s="1106"/>
      <c r="BV169" s="1106"/>
      <c r="BW169" s="1106"/>
      <c r="BX169" s="1106"/>
      <c r="BY169" s="1106"/>
      <c r="BZ169" s="1106"/>
      <c r="CA169" s="1106"/>
    </row>
    <row r="170" spans="3:79" ht="9" customHeight="1" x14ac:dyDescent="0.2">
      <c r="C170" s="1106"/>
      <c r="D170" s="1106"/>
      <c r="E170" s="1106"/>
      <c r="F170" s="1106"/>
      <c r="G170" s="1106"/>
      <c r="H170" s="1106"/>
      <c r="I170" s="1106"/>
      <c r="J170" s="1106"/>
      <c r="K170" s="1106"/>
      <c r="L170" s="1106"/>
      <c r="M170" s="1106"/>
      <c r="N170" s="1106"/>
      <c r="O170" s="1106"/>
      <c r="AB170" s="1106"/>
      <c r="AC170" s="1106"/>
      <c r="AD170" s="1106"/>
      <c r="AE170" s="1106"/>
      <c r="AF170" s="1106"/>
      <c r="AG170" s="1106"/>
      <c r="AH170" s="1106"/>
      <c r="AL170" s="1106"/>
      <c r="AZ170" s="1106"/>
      <c r="BA170" s="1106"/>
      <c r="BB170" s="1106"/>
      <c r="BC170" s="1106"/>
      <c r="BD170" s="1106"/>
      <c r="BE170" s="1106"/>
      <c r="BF170" s="1106"/>
      <c r="BG170" s="1106"/>
      <c r="BH170" s="1106"/>
      <c r="BI170" s="1106"/>
      <c r="BJ170" s="1106"/>
      <c r="BK170" s="1106"/>
      <c r="BL170" s="1106"/>
      <c r="BM170" s="1106"/>
      <c r="BN170" s="1106"/>
      <c r="BO170" s="1106"/>
      <c r="BP170" s="1106"/>
      <c r="BQ170" s="1106"/>
      <c r="BR170" s="1106"/>
      <c r="BS170" s="1106"/>
      <c r="BT170" s="1106"/>
      <c r="BU170" s="1106"/>
      <c r="BV170" s="1106"/>
      <c r="BW170" s="1106"/>
      <c r="BX170" s="1106"/>
      <c r="BY170" s="1106"/>
      <c r="BZ170" s="1106"/>
      <c r="CA170" s="1106"/>
    </row>
    <row r="171" spans="3:79" ht="9" customHeight="1" x14ac:dyDescent="0.2">
      <c r="C171" s="1106"/>
      <c r="D171" s="1106"/>
      <c r="E171" s="1106"/>
      <c r="F171" s="1106"/>
      <c r="G171" s="1106"/>
      <c r="H171" s="1106"/>
      <c r="I171" s="1106"/>
      <c r="J171" s="1106"/>
      <c r="K171" s="1106"/>
      <c r="L171" s="1106"/>
      <c r="M171" s="1106"/>
      <c r="N171" s="1106"/>
      <c r="O171" s="1106"/>
      <c r="AB171" s="1106"/>
      <c r="AC171" s="1106"/>
      <c r="AD171" s="1106"/>
      <c r="AE171" s="1106"/>
      <c r="AF171" s="1106"/>
      <c r="AG171" s="1106"/>
      <c r="AH171" s="1106"/>
      <c r="AL171" s="1106"/>
      <c r="AZ171" s="1106"/>
      <c r="BA171" s="1106"/>
      <c r="BB171" s="1106"/>
      <c r="BC171" s="1106"/>
      <c r="BD171" s="1106"/>
      <c r="BE171" s="1106"/>
      <c r="BF171" s="1106"/>
      <c r="BG171" s="1106"/>
      <c r="BH171" s="1106"/>
      <c r="BI171" s="1106"/>
      <c r="BJ171" s="1106"/>
      <c r="BK171" s="1106"/>
      <c r="BL171" s="1106"/>
      <c r="BM171" s="1106"/>
      <c r="BN171" s="1106"/>
      <c r="BO171" s="1106"/>
      <c r="BP171" s="1106"/>
      <c r="BQ171" s="1106"/>
      <c r="BR171" s="1106"/>
      <c r="BS171" s="1106"/>
      <c r="BT171" s="1106"/>
      <c r="BU171" s="1106"/>
      <c r="BV171" s="1106"/>
      <c r="BW171" s="1106"/>
      <c r="BX171" s="1106"/>
      <c r="BY171" s="1106"/>
      <c r="BZ171" s="1106"/>
      <c r="CA171" s="1106"/>
    </row>
    <row r="172" spans="3:79" ht="9" customHeight="1" x14ac:dyDescent="0.2">
      <c r="C172" s="1106"/>
      <c r="D172" s="1106"/>
      <c r="E172" s="1106"/>
      <c r="F172" s="1106"/>
      <c r="G172" s="1106"/>
      <c r="H172" s="1106"/>
      <c r="I172" s="1106"/>
      <c r="J172" s="1106"/>
      <c r="K172" s="1106"/>
      <c r="L172" s="1106"/>
      <c r="M172" s="1106"/>
      <c r="N172" s="1106"/>
      <c r="O172" s="1106"/>
      <c r="U172" s="1106"/>
      <c r="AB172" s="1106"/>
      <c r="AC172" s="1106"/>
      <c r="AD172" s="1106"/>
      <c r="AE172" s="1106"/>
      <c r="AF172" s="1106"/>
      <c r="AG172" s="1106"/>
      <c r="AH172" s="1106"/>
      <c r="AL172" s="1106"/>
      <c r="AT172" s="1106"/>
      <c r="AU172" s="1106"/>
      <c r="AV172" s="1106"/>
      <c r="AW172" s="1106"/>
      <c r="AX172" s="1106"/>
      <c r="AY172" s="1106"/>
      <c r="AZ172" s="1106"/>
      <c r="BA172" s="1106"/>
      <c r="BB172" s="1106"/>
      <c r="BC172" s="1106"/>
      <c r="BD172" s="1106"/>
      <c r="BE172" s="1106"/>
      <c r="BF172" s="1106"/>
      <c r="BG172" s="1106"/>
      <c r="BH172" s="1106"/>
      <c r="BI172" s="1106"/>
      <c r="BJ172" s="1106"/>
      <c r="BK172" s="1106"/>
      <c r="BL172" s="1106"/>
      <c r="BM172" s="1106"/>
      <c r="BN172" s="1106"/>
      <c r="BO172" s="1106"/>
      <c r="BP172" s="1106"/>
      <c r="BQ172" s="1106"/>
      <c r="BR172" s="1106"/>
      <c r="BS172" s="1106"/>
      <c r="BT172" s="1106"/>
      <c r="BU172" s="1106"/>
      <c r="BV172" s="1106"/>
      <c r="BW172" s="1106"/>
      <c r="BX172" s="1106"/>
      <c r="BY172" s="1106"/>
      <c r="BZ172" s="1106"/>
      <c r="CA172" s="1106"/>
    </row>
    <row r="173" spans="3:79" ht="9" customHeight="1" x14ac:dyDescent="0.2">
      <c r="C173" s="1106"/>
      <c r="D173" s="1106"/>
      <c r="E173" s="1106"/>
      <c r="F173" s="1106"/>
      <c r="G173" s="1106"/>
      <c r="H173" s="1106"/>
      <c r="I173" s="1106"/>
      <c r="J173" s="1106"/>
      <c r="K173" s="1106"/>
      <c r="L173" s="1106"/>
      <c r="M173" s="1106"/>
      <c r="N173" s="1106"/>
      <c r="O173" s="1106"/>
      <c r="U173" s="1106"/>
      <c r="AB173" s="1106"/>
      <c r="AC173" s="1106"/>
      <c r="AD173" s="1106"/>
      <c r="AE173" s="1106"/>
      <c r="AF173" s="1106"/>
      <c r="AG173" s="1106"/>
      <c r="AH173" s="1106"/>
      <c r="AL173" s="1106"/>
      <c r="AO173" s="1106"/>
      <c r="AP173" s="1106"/>
      <c r="AT173" s="1106"/>
      <c r="AU173" s="1106"/>
      <c r="AV173" s="1106"/>
      <c r="AW173" s="1106"/>
      <c r="AX173" s="1106"/>
      <c r="AY173" s="1106"/>
      <c r="AZ173" s="1106"/>
      <c r="BA173" s="1106"/>
      <c r="BB173" s="1106"/>
      <c r="BC173" s="1106"/>
      <c r="BD173" s="1106"/>
      <c r="BE173" s="1106"/>
      <c r="BF173" s="1106"/>
      <c r="BG173" s="1106"/>
      <c r="BH173" s="1106"/>
      <c r="BI173" s="1106"/>
      <c r="BJ173" s="1106"/>
      <c r="BK173" s="1106"/>
      <c r="BL173" s="1106"/>
      <c r="BM173" s="1106"/>
      <c r="BN173" s="1106"/>
      <c r="BO173" s="1106"/>
      <c r="BP173" s="1106"/>
      <c r="BQ173" s="1106"/>
      <c r="BR173" s="1106"/>
      <c r="BS173" s="1106"/>
      <c r="BT173" s="1106"/>
      <c r="BU173" s="1106"/>
      <c r="BV173" s="1106"/>
      <c r="BW173" s="1106"/>
      <c r="BX173" s="1106"/>
      <c r="BY173" s="1106"/>
      <c r="BZ173" s="1106"/>
      <c r="CA173" s="1106"/>
    </row>
    <row r="174" spans="3:79" ht="9" customHeight="1" x14ac:dyDescent="0.2">
      <c r="C174" s="1106"/>
      <c r="D174" s="1106"/>
      <c r="E174" s="1106"/>
      <c r="F174" s="1106"/>
      <c r="G174" s="1106"/>
      <c r="H174" s="1106"/>
      <c r="I174" s="1106"/>
      <c r="J174" s="1106"/>
      <c r="K174" s="1106"/>
      <c r="L174" s="1106"/>
      <c r="M174" s="1106"/>
      <c r="N174" s="1106"/>
      <c r="O174" s="1106"/>
      <c r="U174" s="1106"/>
      <c r="AB174" s="1106"/>
      <c r="AC174" s="1106"/>
      <c r="AD174" s="1106"/>
      <c r="AE174" s="1106"/>
      <c r="AF174" s="1106"/>
      <c r="AG174" s="1106"/>
      <c r="AH174" s="1106"/>
      <c r="AL174" s="1106"/>
      <c r="AT174" s="1106"/>
      <c r="AU174" s="1106"/>
      <c r="AV174" s="1106"/>
      <c r="AW174" s="1106"/>
      <c r="AX174" s="1106"/>
      <c r="AY174" s="1106"/>
      <c r="AZ174" s="1106"/>
      <c r="BA174" s="1106"/>
      <c r="BB174" s="1106"/>
      <c r="BC174" s="1106"/>
      <c r="BD174" s="1106"/>
      <c r="BE174" s="1106"/>
      <c r="BF174" s="1106"/>
      <c r="BG174" s="1106"/>
      <c r="BH174" s="1106"/>
      <c r="BI174" s="1106"/>
      <c r="BJ174" s="1106"/>
      <c r="BK174" s="1106"/>
      <c r="BL174" s="1106"/>
      <c r="BM174" s="1106"/>
      <c r="BN174" s="1106"/>
      <c r="BO174" s="1106"/>
      <c r="BP174" s="1106"/>
      <c r="BQ174" s="1106"/>
      <c r="BR174" s="1106"/>
      <c r="BS174" s="1106"/>
      <c r="BT174" s="1106"/>
      <c r="BU174" s="1106"/>
      <c r="BV174" s="1106"/>
      <c r="BW174" s="1106"/>
      <c r="BX174" s="1106"/>
      <c r="BY174" s="1106"/>
      <c r="BZ174" s="1106"/>
      <c r="CA174" s="1106"/>
    </row>
    <row r="175" spans="3:79" ht="9" customHeight="1" x14ac:dyDescent="0.2">
      <c r="C175" s="1106"/>
      <c r="D175" s="1106"/>
      <c r="E175" s="1106"/>
      <c r="F175" s="1106"/>
      <c r="G175" s="1106"/>
      <c r="H175" s="1106"/>
      <c r="I175" s="1106"/>
      <c r="J175" s="1106"/>
      <c r="K175" s="1106"/>
      <c r="L175" s="1106"/>
      <c r="M175" s="1106"/>
      <c r="N175" s="1106"/>
      <c r="O175" s="1106"/>
      <c r="AB175" s="1106"/>
      <c r="AC175" s="1106"/>
      <c r="AD175" s="1106"/>
      <c r="AE175" s="1106"/>
      <c r="AF175" s="1106"/>
      <c r="AG175" s="1106"/>
      <c r="AH175" s="1106"/>
      <c r="AL175" s="1106"/>
      <c r="AZ175" s="1106"/>
      <c r="BA175" s="1106"/>
      <c r="BB175" s="1106"/>
      <c r="BC175" s="1106"/>
      <c r="BD175" s="1106"/>
      <c r="BE175" s="1106"/>
      <c r="BF175" s="1106"/>
      <c r="BG175" s="1106"/>
      <c r="BH175" s="1106"/>
      <c r="BI175" s="1106"/>
      <c r="BJ175" s="1106"/>
      <c r="BK175" s="1106"/>
      <c r="BL175" s="1106"/>
      <c r="BM175" s="1106"/>
      <c r="BN175" s="1106"/>
      <c r="BO175" s="1106"/>
      <c r="BP175" s="1106"/>
      <c r="BQ175" s="1106"/>
      <c r="BR175" s="1106"/>
      <c r="BS175" s="1106"/>
      <c r="BT175" s="1106"/>
      <c r="BU175" s="1106"/>
      <c r="BV175" s="1106"/>
      <c r="BW175" s="1106"/>
      <c r="BX175" s="1106"/>
      <c r="BY175" s="1106"/>
      <c r="BZ175" s="1106"/>
      <c r="CA175" s="1106"/>
    </row>
    <row r="176" spans="3:79" ht="9" customHeight="1" x14ac:dyDescent="0.2">
      <c r="C176" s="1106"/>
      <c r="D176" s="1106"/>
      <c r="E176" s="1106"/>
      <c r="F176" s="1106"/>
      <c r="G176" s="1106"/>
      <c r="H176" s="1106"/>
      <c r="I176" s="1106"/>
      <c r="J176" s="1106"/>
      <c r="K176" s="1106"/>
      <c r="L176" s="1106"/>
      <c r="M176" s="1106"/>
      <c r="N176" s="1106"/>
      <c r="O176" s="1106"/>
      <c r="AB176" s="1106"/>
      <c r="AC176" s="1106"/>
      <c r="AD176" s="1106"/>
      <c r="AE176" s="1106"/>
      <c r="AF176" s="1106"/>
      <c r="AG176" s="1106"/>
      <c r="AH176" s="1106"/>
      <c r="AL176" s="1106"/>
      <c r="AZ176" s="1106"/>
      <c r="BA176" s="1106"/>
      <c r="BB176" s="1106"/>
      <c r="BC176" s="1106"/>
      <c r="BD176" s="1106"/>
      <c r="BE176" s="1106"/>
      <c r="BF176" s="1106"/>
      <c r="BG176" s="1106"/>
      <c r="BH176" s="1106"/>
      <c r="BI176" s="1106"/>
      <c r="BJ176" s="1106"/>
      <c r="BK176" s="1106"/>
      <c r="BL176" s="1106"/>
      <c r="BM176" s="1106"/>
      <c r="BN176" s="1106"/>
      <c r="BO176" s="1106"/>
      <c r="BP176" s="1106"/>
      <c r="BQ176" s="1106"/>
      <c r="BR176" s="1106"/>
      <c r="BS176" s="1106"/>
      <c r="BT176" s="1106"/>
      <c r="BU176" s="1106"/>
      <c r="BV176" s="1106"/>
      <c r="BW176" s="1106"/>
      <c r="BX176" s="1106"/>
      <c r="BY176" s="1106"/>
      <c r="BZ176" s="1106"/>
      <c r="CA176" s="1106"/>
    </row>
    <row r="177" spans="3:79" ht="9" customHeight="1" x14ac:dyDescent="0.2">
      <c r="C177" s="1106"/>
      <c r="D177" s="1106"/>
      <c r="E177" s="1106"/>
      <c r="F177" s="1106"/>
      <c r="G177" s="1106"/>
      <c r="H177" s="1106"/>
      <c r="I177" s="1106"/>
      <c r="J177" s="1106"/>
      <c r="K177" s="1106"/>
      <c r="L177" s="1106"/>
      <c r="M177" s="1106"/>
      <c r="N177" s="1106"/>
      <c r="O177" s="1106"/>
      <c r="AB177" s="1106"/>
      <c r="AC177" s="1106"/>
      <c r="AD177" s="1106"/>
      <c r="AE177" s="1106"/>
      <c r="AF177" s="1106"/>
      <c r="AG177" s="1106"/>
      <c r="AH177" s="1106"/>
      <c r="AL177" s="1106"/>
      <c r="AZ177" s="1106"/>
      <c r="BA177" s="1106"/>
      <c r="BB177" s="1106"/>
      <c r="BC177" s="1106"/>
      <c r="BD177" s="1106"/>
      <c r="BE177" s="1106"/>
      <c r="BF177" s="1106"/>
      <c r="BG177" s="1106"/>
      <c r="BH177" s="1106"/>
      <c r="BI177" s="1106"/>
      <c r="BJ177" s="1106"/>
      <c r="BK177" s="1106"/>
      <c r="BL177" s="1106"/>
      <c r="BM177" s="1106"/>
      <c r="BN177" s="1106"/>
      <c r="BO177" s="1106"/>
      <c r="BP177" s="1106"/>
      <c r="BQ177" s="1106"/>
      <c r="BR177" s="1106"/>
      <c r="BS177" s="1106"/>
      <c r="BT177" s="1106"/>
      <c r="BU177" s="1106"/>
      <c r="BV177" s="1106"/>
      <c r="BW177" s="1106"/>
      <c r="BX177" s="1106"/>
      <c r="BY177" s="1106"/>
      <c r="BZ177" s="1106"/>
      <c r="CA177" s="1106"/>
    </row>
    <row r="178" spans="3:79" ht="9" customHeight="1" x14ac:dyDescent="0.2">
      <c r="C178" s="1106"/>
      <c r="D178" s="1106"/>
      <c r="E178" s="1106"/>
      <c r="F178" s="1106"/>
      <c r="G178" s="1106"/>
      <c r="H178" s="1106"/>
      <c r="I178" s="1106"/>
      <c r="J178" s="1106"/>
      <c r="K178" s="1106"/>
      <c r="L178" s="1106"/>
      <c r="M178" s="1106"/>
      <c r="N178" s="1106"/>
      <c r="O178" s="1106"/>
      <c r="U178" s="1106"/>
      <c r="AB178" s="1106"/>
      <c r="AC178" s="1106"/>
      <c r="AD178" s="1106"/>
      <c r="AE178" s="1106"/>
      <c r="AF178" s="1106"/>
      <c r="AG178" s="1106"/>
      <c r="AH178" s="1106"/>
      <c r="AL178" s="1106"/>
      <c r="AT178" s="1106"/>
      <c r="AU178" s="1106"/>
      <c r="AV178" s="1106"/>
      <c r="AW178" s="1106"/>
      <c r="AX178" s="1106"/>
      <c r="AY178" s="1106"/>
      <c r="AZ178" s="1106"/>
      <c r="BA178" s="1106"/>
      <c r="BB178" s="1106"/>
      <c r="BC178" s="1106"/>
      <c r="BD178" s="1106"/>
      <c r="BE178" s="1106"/>
      <c r="BF178" s="1106"/>
      <c r="BG178" s="1106"/>
      <c r="BH178" s="1106"/>
      <c r="BI178" s="1106"/>
      <c r="BJ178" s="1106"/>
      <c r="BK178" s="1106"/>
      <c r="BL178" s="1106"/>
      <c r="BM178" s="1106"/>
      <c r="BN178" s="1106"/>
      <c r="BO178" s="1106"/>
      <c r="BP178" s="1106"/>
      <c r="BQ178" s="1106"/>
      <c r="BR178" s="1106"/>
      <c r="BS178" s="1106"/>
      <c r="BT178" s="1106"/>
      <c r="BU178" s="1106"/>
      <c r="BV178" s="1106"/>
      <c r="BW178" s="1106"/>
      <c r="BX178" s="1106"/>
      <c r="BY178" s="1106"/>
      <c r="BZ178" s="1106"/>
      <c r="CA178" s="1106"/>
    </row>
    <row r="179" spans="3:79" ht="9" customHeight="1" x14ac:dyDescent="0.2">
      <c r="C179" s="1106"/>
      <c r="D179" s="1106"/>
      <c r="E179" s="1106"/>
      <c r="F179" s="1106"/>
      <c r="G179" s="1106"/>
      <c r="H179" s="1106"/>
      <c r="I179" s="1106"/>
      <c r="J179" s="1106"/>
      <c r="K179" s="1106"/>
      <c r="L179" s="1106"/>
      <c r="M179" s="1106"/>
      <c r="N179" s="1106"/>
      <c r="O179" s="1106"/>
      <c r="U179" s="1106"/>
      <c r="AB179" s="1106"/>
      <c r="AC179" s="1106"/>
      <c r="AD179" s="1106"/>
      <c r="AE179" s="1106"/>
      <c r="AF179" s="1106"/>
      <c r="AG179" s="1106"/>
      <c r="AH179" s="1106"/>
      <c r="AL179" s="1106"/>
      <c r="AO179" s="1106"/>
      <c r="AP179" s="1106"/>
      <c r="AT179" s="1106"/>
      <c r="AU179" s="1106"/>
      <c r="AV179" s="1106"/>
      <c r="AW179" s="1106"/>
      <c r="AX179" s="1106"/>
      <c r="AY179" s="1106"/>
      <c r="AZ179" s="1106"/>
      <c r="BA179" s="1106"/>
      <c r="BB179" s="1106"/>
      <c r="BC179" s="1106"/>
      <c r="BD179" s="1106"/>
      <c r="BE179" s="1106"/>
      <c r="BF179" s="1106"/>
      <c r="BG179" s="1106"/>
      <c r="BH179" s="1106"/>
      <c r="BI179" s="1106"/>
      <c r="BJ179" s="1106"/>
      <c r="BK179" s="1106"/>
      <c r="BL179" s="1106"/>
      <c r="BM179" s="1106"/>
      <c r="BN179" s="1106"/>
      <c r="BO179" s="1106"/>
      <c r="BP179" s="1106"/>
      <c r="BQ179" s="1106"/>
      <c r="BR179" s="1106"/>
      <c r="BS179" s="1106"/>
      <c r="BT179" s="1106"/>
      <c r="BU179" s="1106"/>
      <c r="BV179" s="1106"/>
      <c r="BW179" s="1106"/>
      <c r="BX179" s="1106"/>
      <c r="BY179" s="1106"/>
      <c r="BZ179" s="1106"/>
      <c r="CA179" s="1106"/>
    </row>
    <row r="180" spans="3:79" ht="9" customHeight="1" x14ac:dyDescent="0.2">
      <c r="C180" s="1106"/>
      <c r="D180" s="1106"/>
      <c r="E180" s="1106"/>
      <c r="F180" s="1106"/>
      <c r="G180" s="1106"/>
      <c r="H180" s="1106"/>
      <c r="I180" s="1106"/>
      <c r="J180" s="1106"/>
      <c r="K180" s="1106"/>
      <c r="L180" s="1106"/>
      <c r="M180" s="1106"/>
      <c r="N180" s="1106"/>
      <c r="O180" s="1106"/>
      <c r="U180" s="1106"/>
      <c r="AB180" s="1106"/>
      <c r="AC180" s="1106"/>
      <c r="AD180" s="1106"/>
      <c r="AE180" s="1106"/>
      <c r="AF180" s="1106"/>
      <c r="AG180" s="1106"/>
      <c r="AH180" s="1106"/>
      <c r="AL180" s="1106"/>
      <c r="AT180" s="1106"/>
      <c r="AU180" s="1106"/>
      <c r="AV180" s="1106"/>
      <c r="AW180" s="1106"/>
      <c r="AX180" s="1106"/>
      <c r="AY180" s="1106"/>
      <c r="AZ180" s="1106"/>
      <c r="BA180" s="1106"/>
      <c r="BB180" s="1106"/>
      <c r="BC180" s="1106"/>
      <c r="BD180" s="1106"/>
      <c r="BE180" s="1106"/>
      <c r="BF180" s="1106"/>
      <c r="BG180" s="1106"/>
      <c r="BH180" s="1106"/>
      <c r="BI180" s="1106"/>
      <c r="BJ180" s="1106"/>
      <c r="BK180" s="1106"/>
      <c r="BL180" s="1106"/>
      <c r="BM180" s="1106"/>
      <c r="BN180" s="1106"/>
      <c r="BO180" s="1106"/>
      <c r="BP180" s="1106"/>
      <c r="BQ180" s="1106"/>
      <c r="BR180" s="1106"/>
      <c r="BS180" s="1106"/>
      <c r="BT180" s="1106"/>
      <c r="BU180" s="1106"/>
      <c r="BV180" s="1106"/>
      <c r="BW180" s="1106"/>
      <c r="BX180" s="1106"/>
      <c r="BY180" s="1106"/>
      <c r="BZ180" s="1106"/>
      <c r="CA180" s="1106"/>
    </row>
    <row r="181" spans="3:79" ht="9" customHeight="1" x14ac:dyDescent="0.2">
      <c r="C181" s="1106"/>
      <c r="D181" s="1106"/>
      <c r="E181" s="1106"/>
      <c r="F181" s="1106"/>
      <c r="G181" s="1106"/>
      <c r="H181" s="1106"/>
      <c r="I181" s="1106"/>
      <c r="J181" s="1106"/>
      <c r="K181" s="1106"/>
      <c r="L181" s="1106"/>
      <c r="M181" s="1106"/>
      <c r="N181" s="1106"/>
      <c r="O181" s="1106"/>
      <c r="AB181" s="1106"/>
      <c r="AC181" s="1106"/>
      <c r="AD181" s="1106"/>
      <c r="AE181" s="1106"/>
      <c r="AF181" s="1106"/>
      <c r="AG181" s="1106"/>
      <c r="AH181" s="1106"/>
      <c r="AL181" s="1106"/>
      <c r="AZ181" s="1106"/>
      <c r="BA181" s="1106"/>
      <c r="BB181" s="1106"/>
      <c r="BC181" s="1106"/>
      <c r="BD181" s="1106"/>
      <c r="BE181" s="1106"/>
      <c r="BF181" s="1106"/>
      <c r="BG181" s="1106"/>
      <c r="BH181" s="1106"/>
      <c r="BI181" s="1106"/>
      <c r="BJ181" s="1106"/>
      <c r="BK181" s="1106"/>
      <c r="BL181" s="1106"/>
      <c r="BM181" s="1106"/>
      <c r="BN181" s="1106"/>
      <c r="BO181" s="1106"/>
      <c r="BP181" s="1106"/>
      <c r="BQ181" s="1106"/>
      <c r="BR181" s="1106"/>
      <c r="BS181" s="1106"/>
      <c r="BT181" s="1106"/>
      <c r="BU181" s="1106"/>
      <c r="BV181" s="1106"/>
      <c r="BW181" s="1106"/>
      <c r="BX181" s="1106"/>
      <c r="BY181" s="1106"/>
      <c r="BZ181" s="1106"/>
      <c r="CA181" s="1106"/>
    </row>
    <row r="182" spans="3:79" ht="9" customHeight="1" x14ac:dyDescent="0.2">
      <c r="C182" s="1106"/>
      <c r="D182" s="1106"/>
      <c r="E182" s="1106"/>
      <c r="F182" s="1106"/>
      <c r="G182" s="1106"/>
      <c r="H182" s="1106"/>
      <c r="I182" s="1106"/>
      <c r="J182" s="1106"/>
      <c r="K182" s="1106"/>
      <c r="L182" s="1106"/>
      <c r="M182" s="1106"/>
      <c r="N182" s="1106"/>
      <c r="O182" s="1106"/>
      <c r="AB182" s="1106"/>
      <c r="AC182" s="1106"/>
      <c r="AD182" s="1106"/>
      <c r="AE182" s="1106"/>
      <c r="AF182" s="1106"/>
      <c r="AG182" s="1106"/>
      <c r="AH182" s="1106"/>
      <c r="AL182" s="1106"/>
      <c r="AZ182" s="1106"/>
      <c r="BA182" s="1106"/>
      <c r="BB182" s="1106"/>
      <c r="BC182" s="1106"/>
      <c r="BD182" s="1106"/>
      <c r="BE182" s="1106"/>
      <c r="BF182" s="1106"/>
      <c r="BG182" s="1106"/>
      <c r="BH182" s="1106"/>
      <c r="BI182" s="1106"/>
      <c r="BJ182" s="1106"/>
      <c r="BK182" s="1106"/>
      <c r="BL182" s="1106"/>
      <c r="BM182" s="1106"/>
      <c r="BN182" s="1106"/>
      <c r="BO182" s="1106"/>
      <c r="BP182" s="1106"/>
      <c r="BQ182" s="1106"/>
      <c r="BR182" s="1106"/>
      <c r="BS182" s="1106"/>
      <c r="BT182" s="1106"/>
      <c r="BU182" s="1106"/>
      <c r="BV182" s="1106"/>
      <c r="BW182" s="1106"/>
      <c r="BX182" s="1106"/>
      <c r="BY182" s="1106"/>
      <c r="BZ182" s="1106"/>
      <c r="CA182" s="1106"/>
    </row>
    <row r="183" spans="3:79" ht="9" customHeight="1" x14ac:dyDescent="0.2">
      <c r="C183" s="1106"/>
      <c r="D183" s="1106"/>
      <c r="E183" s="1106"/>
      <c r="F183" s="1106"/>
      <c r="G183" s="1106"/>
      <c r="H183" s="1106"/>
      <c r="I183" s="1106"/>
      <c r="J183" s="1106"/>
      <c r="K183" s="1106"/>
      <c r="L183" s="1106"/>
      <c r="M183" s="1106"/>
      <c r="N183" s="1106"/>
      <c r="O183" s="1106"/>
      <c r="AB183" s="1106"/>
      <c r="AC183" s="1106"/>
      <c r="AD183" s="1106"/>
      <c r="AE183" s="1106"/>
      <c r="AF183" s="1106"/>
      <c r="AG183" s="1106"/>
      <c r="AH183" s="1106"/>
      <c r="AL183" s="1106"/>
      <c r="AZ183" s="1106"/>
      <c r="BA183" s="1106"/>
      <c r="BB183" s="1106"/>
      <c r="BC183" s="1106"/>
      <c r="BD183" s="1106"/>
      <c r="BE183" s="1106"/>
      <c r="BF183" s="1106"/>
      <c r="BG183" s="1106"/>
      <c r="BH183" s="1106"/>
      <c r="BI183" s="1106"/>
      <c r="BJ183" s="1106"/>
      <c r="BK183" s="1106"/>
      <c r="BL183" s="1106"/>
      <c r="BM183" s="1106"/>
      <c r="BN183" s="1106"/>
      <c r="BO183" s="1106"/>
      <c r="BP183" s="1106"/>
      <c r="BQ183" s="1106"/>
      <c r="BR183" s="1106"/>
      <c r="BS183" s="1106"/>
      <c r="BT183" s="1106"/>
      <c r="BU183" s="1106"/>
      <c r="BV183" s="1106"/>
      <c r="BW183" s="1106"/>
      <c r="BX183" s="1106"/>
      <c r="BY183" s="1106"/>
      <c r="BZ183" s="1106"/>
      <c r="CA183" s="1106"/>
    </row>
    <row r="184" spans="3:79" ht="9" customHeight="1" x14ac:dyDescent="0.2">
      <c r="C184" s="1106"/>
      <c r="D184" s="1106"/>
      <c r="E184" s="1106"/>
      <c r="F184" s="1106"/>
      <c r="G184" s="1106"/>
      <c r="H184" s="1106"/>
      <c r="I184" s="1106"/>
      <c r="J184" s="1106"/>
      <c r="K184" s="1106"/>
      <c r="L184" s="1106"/>
      <c r="M184" s="1106"/>
      <c r="N184" s="1106"/>
      <c r="O184" s="1106"/>
      <c r="U184" s="1106"/>
      <c r="AB184" s="1106"/>
      <c r="AC184" s="1106"/>
      <c r="AD184" s="1106"/>
      <c r="AE184" s="1106"/>
      <c r="AF184" s="1106"/>
      <c r="AG184" s="1106"/>
      <c r="AH184" s="1106"/>
      <c r="AL184" s="1106"/>
      <c r="AT184" s="1106"/>
      <c r="AU184" s="1106"/>
      <c r="AV184" s="1106"/>
      <c r="AW184" s="1106"/>
      <c r="AX184" s="1106"/>
      <c r="AY184" s="1106"/>
      <c r="AZ184" s="1106"/>
      <c r="BA184" s="1106"/>
      <c r="BB184" s="1106"/>
      <c r="BC184" s="1106"/>
      <c r="BD184" s="1106"/>
      <c r="BE184" s="1106"/>
      <c r="BF184" s="1106"/>
      <c r="BG184" s="1106"/>
      <c r="BH184" s="1106"/>
      <c r="BI184" s="1106"/>
      <c r="BJ184" s="1106"/>
      <c r="BK184" s="1106"/>
      <c r="BL184" s="1106"/>
      <c r="BM184" s="1106"/>
      <c r="BN184" s="1106"/>
      <c r="BO184" s="1106"/>
      <c r="BP184" s="1106"/>
      <c r="BQ184" s="1106"/>
      <c r="BR184" s="1106"/>
      <c r="BS184" s="1106"/>
      <c r="BT184" s="1106"/>
      <c r="BU184" s="1106"/>
      <c r="BV184" s="1106"/>
      <c r="BW184" s="1106"/>
      <c r="BX184" s="1106"/>
      <c r="BY184" s="1106"/>
      <c r="BZ184" s="1106"/>
      <c r="CA184" s="1106"/>
    </row>
    <row r="185" spans="3:79" ht="9" customHeight="1" x14ac:dyDescent="0.2">
      <c r="C185" s="1106"/>
      <c r="D185" s="1106"/>
      <c r="E185" s="1106"/>
      <c r="F185" s="1106"/>
      <c r="G185" s="1106"/>
      <c r="H185" s="1106"/>
      <c r="I185" s="1106"/>
      <c r="J185" s="1106"/>
      <c r="K185" s="1106"/>
      <c r="L185" s="1106"/>
      <c r="M185" s="1106"/>
      <c r="N185" s="1106"/>
      <c r="O185" s="1106"/>
      <c r="U185" s="1106"/>
      <c r="AB185" s="1106"/>
      <c r="AC185" s="1106"/>
      <c r="AD185" s="1106"/>
      <c r="AE185" s="1106"/>
      <c r="AF185" s="1106"/>
      <c r="AG185" s="1106"/>
      <c r="AH185" s="1106"/>
      <c r="AL185" s="1106"/>
      <c r="AO185" s="1106"/>
      <c r="AP185" s="1106"/>
      <c r="AT185" s="1106"/>
      <c r="AU185" s="1106"/>
      <c r="AV185" s="1106"/>
      <c r="AW185" s="1106"/>
      <c r="AX185" s="1106"/>
      <c r="AY185" s="1106"/>
      <c r="AZ185" s="1106"/>
      <c r="BA185" s="1106"/>
      <c r="BB185" s="1106"/>
      <c r="BC185" s="1106"/>
      <c r="BD185" s="1106"/>
      <c r="BE185" s="1106"/>
      <c r="BF185" s="1106"/>
      <c r="BG185" s="1106"/>
      <c r="BH185" s="1106"/>
      <c r="BI185" s="1106"/>
      <c r="BJ185" s="1106"/>
      <c r="BK185" s="1106"/>
      <c r="BL185" s="1106"/>
      <c r="BM185" s="1106"/>
      <c r="BN185" s="1106"/>
      <c r="BO185" s="1106"/>
      <c r="BP185" s="1106"/>
      <c r="BQ185" s="1106"/>
      <c r="BR185" s="1106"/>
      <c r="BS185" s="1106"/>
      <c r="BT185" s="1106"/>
      <c r="BU185" s="1106"/>
      <c r="BV185" s="1106"/>
      <c r="BW185" s="1106"/>
      <c r="BX185" s="1106"/>
      <c r="BY185" s="1106"/>
      <c r="BZ185" s="1106"/>
      <c r="CA185" s="1106"/>
    </row>
    <row r="186" spans="3:79" ht="9" customHeight="1" x14ac:dyDescent="0.2">
      <c r="C186" s="1106"/>
      <c r="D186" s="1106"/>
      <c r="E186" s="1106"/>
      <c r="F186" s="1106"/>
      <c r="G186" s="1106"/>
      <c r="H186" s="1106"/>
      <c r="I186" s="1106"/>
      <c r="J186" s="1106"/>
      <c r="K186" s="1106"/>
      <c r="L186" s="1106"/>
      <c r="M186" s="1106"/>
      <c r="N186" s="1106"/>
      <c r="O186" s="1106"/>
      <c r="U186" s="1106"/>
      <c r="AB186" s="1106"/>
      <c r="AC186" s="1106"/>
      <c r="AD186" s="1106"/>
      <c r="AE186" s="1106"/>
      <c r="AF186" s="1106"/>
      <c r="AG186" s="1106"/>
      <c r="AH186" s="1106"/>
      <c r="AL186" s="1106"/>
      <c r="AT186" s="1106"/>
      <c r="AU186" s="1106"/>
      <c r="AV186" s="1106"/>
      <c r="AW186" s="1106"/>
      <c r="AX186" s="1106"/>
      <c r="AY186" s="1106"/>
      <c r="AZ186" s="1106"/>
      <c r="BA186" s="1106"/>
      <c r="BB186" s="1106"/>
      <c r="BC186" s="1106"/>
      <c r="BD186" s="1106"/>
      <c r="BE186" s="1106"/>
      <c r="BF186" s="1106"/>
      <c r="BG186" s="1106"/>
      <c r="BH186" s="1106"/>
      <c r="BI186" s="1106"/>
      <c r="BJ186" s="1106"/>
      <c r="BK186" s="1106"/>
      <c r="BL186" s="1106"/>
      <c r="BM186" s="1106"/>
      <c r="BN186" s="1106"/>
      <c r="BO186" s="1106"/>
      <c r="BP186" s="1106"/>
      <c r="BQ186" s="1106"/>
      <c r="BR186" s="1106"/>
      <c r="BS186" s="1106"/>
      <c r="BT186" s="1106"/>
      <c r="BU186" s="1106"/>
      <c r="BV186" s="1106"/>
      <c r="BW186" s="1106"/>
      <c r="BX186" s="1106"/>
      <c r="BY186" s="1106"/>
      <c r="BZ186" s="1106"/>
      <c r="CA186" s="1106"/>
    </row>
    <row r="187" spans="3:79" ht="9" customHeight="1" x14ac:dyDescent="0.2">
      <c r="C187" s="1106"/>
      <c r="D187" s="1106"/>
      <c r="E187" s="1106"/>
      <c r="F187" s="1106"/>
      <c r="G187" s="1106"/>
      <c r="H187" s="1106"/>
      <c r="I187" s="1106"/>
      <c r="J187" s="1106"/>
      <c r="K187" s="1106"/>
      <c r="L187" s="1106"/>
      <c r="M187" s="1106"/>
      <c r="N187" s="1106"/>
      <c r="O187" s="1106"/>
      <c r="AB187" s="1106"/>
      <c r="AC187" s="1106"/>
      <c r="AD187" s="1106"/>
      <c r="AE187" s="1106"/>
      <c r="AF187" s="1106"/>
      <c r="AG187" s="1106"/>
      <c r="AH187" s="1106"/>
      <c r="AL187" s="1106"/>
      <c r="AZ187" s="1106"/>
      <c r="BA187" s="1106"/>
      <c r="BB187" s="1106"/>
      <c r="BC187" s="1106"/>
      <c r="BD187" s="1106"/>
      <c r="BE187" s="1106"/>
      <c r="BF187" s="1106"/>
      <c r="BG187" s="1106"/>
      <c r="BH187" s="1106"/>
      <c r="BI187" s="1106"/>
      <c r="BJ187" s="1106"/>
      <c r="BK187" s="1106"/>
      <c r="BL187" s="1106"/>
      <c r="BM187" s="1106"/>
      <c r="BN187" s="1106"/>
      <c r="BO187" s="1106"/>
      <c r="BP187" s="1106"/>
      <c r="BQ187" s="1106"/>
      <c r="BR187" s="1106"/>
      <c r="BS187" s="1106"/>
      <c r="BT187" s="1106"/>
      <c r="BU187" s="1106"/>
      <c r="BV187" s="1106"/>
      <c r="BW187" s="1106"/>
      <c r="BX187" s="1106"/>
      <c r="BY187" s="1106"/>
      <c r="BZ187" s="1106"/>
      <c r="CA187" s="1106"/>
    </row>
    <row r="188" spans="3:79" ht="9" customHeight="1" x14ac:dyDescent="0.2">
      <c r="C188" s="1106"/>
      <c r="D188" s="1106"/>
      <c r="E188" s="1106"/>
      <c r="F188" s="1106"/>
      <c r="G188" s="1106"/>
      <c r="H188" s="1106"/>
      <c r="I188" s="1106"/>
      <c r="J188" s="1106"/>
      <c r="K188" s="1106"/>
      <c r="L188" s="1106"/>
      <c r="M188" s="1106"/>
      <c r="N188" s="1106"/>
      <c r="O188" s="1106"/>
      <c r="AB188" s="1106"/>
      <c r="AC188" s="1106"/>
      <c r="AD188" s="1106"/>
      <c r="AE188" s="1106"/>
      <c r="AF188" s="1106"/>
      <c r="AG188" s="1106"/>
      <c r="AH188" s="1106"/>
      <c r="AL188" s="1106"/>
      <c r="AZ188" s="1106"/>
      <c r="BA188" s="1106"/>
      <c r="BB188" s="1106"/>
      <c r="BC188" s="1106"/>
      <c r="BD188" s="1106"/>
      <c r="BE188" s="1106"/>
      <c r="BF188" s="1106"/>
      <c r="BG188" s="1106"/>
      <c r="BH188" s="1106"/>
      <c r="BI188" s="1106"/>
      <c r="BJ188" s="1106"/>
      <c r="BK188" s="1106"/>
      <c r="BL188" s="1106"/>
      <c r="BM188" s="1106"/>
      <c r="BN188" s="1106"/>
      <c r="BO188" s="1106"/>
      <c r="BP188" s="1106"/>
      <c r="BQ188" s="1106"/>
      <c r="BR188" s="1106"/>
      <c r="BS188" s="1106"/>
      <c r="BT188" s="1106"/>
      <c r="BU188" s="1106"/>
      <c r="BV188" s="1106"/>
      <c r="BW188" s="1106"/>
      <c r="BX188" s="1106"/>
      <c r="BY188" s="1106"/>
      <c r="BZ188" s="1106"/>
      <c r="CA188" s="1106"/>
    </row>
    <row r="189" spans="3:79" ht="9" customHeight="1" x14ac:dyDescent="0.2">
      <c r="C189" s="1106"/>
      <c r="D189" s="1106"/>
      <c r="E189" s="1106"/>
      <c r="F189" s="1106"/>
      <c r="G189" s="1106"/>
      <c r="H189" s="1106"/>
      <c r="I189" s="1106"/>
      <c r="J189" s="1106"/>
      <c r="K189" s="1106"/>
      <c r="L189" s="1106"/>
      <c r="M189" s="1106"/>
      <c r="N189" s="1106"/>
      <c r="O189" s="1106"/>
      <c r="AB189" s="1106"/>
      <c r="AC189" s="1106"/>
      <c r="AD189" s="1106"/>
      <c r="AE189" s="1106"/>
      <c r="AF189" s="1106"/>
      <c r="AG189" s="1106"/>
      <c r="AH189" s="1106"/>
      <c r="AL189" s="1106"/>
      <c r="AZ189" s="1106"/>
      <c r="BA189" s="1106"/>
      <c r="BB189" s="1106"/>
      <c r="BC189" s="1106"/>
      <c r="BD189" s="1106"/>
      <c r="BE189" s="1106"/>
      <c r="BF189" s="1106"/>
      <c r="BG189" s="1106"/>
      <c r="BH189" s="1106"/>
      <c r="BI189" s="1106"/>
      <c r="BJ189" s="1106"/>
      <c r="BK189" s="1106"/>
      <c r="BL189" s="1106"/>
      <c r="BM189" s="1106"/>
      <c r="BN189" s="1106"/>
      <c r="BO189" s="1106"/>
      <c r="BP189" s="1106"/>
      <c r="BQ189" s="1106"/>
      <c r="BR189" s="1106"/>
      <c r="BS189" s="1106"/>
      <c r="BT189" s="1106"/>
      <c r="BU189" s="1106"/>
      <c r="BV189" s="1106"/>
      <c r="BW189" s="1106"/>
      <c r="BX189" s="1106"/>
      <c r="BY189" s="1106"/>
      <c r="BZ189" s="1106"/>
      <c r="CA189" s="1106"/>
    </row>
    <row r="190" spans="3:79" ht="9" customHeight="1" x14ac:dyDescent="0.2">
      <c r="C190" s="1106"/>
      <c r="D190" s="1106"/>
      <c r="E190" s="1106"/>
      <c r="F190" s="1106"/>
      <c r="G190" s="1106"/>
      <c r="H190" s="1106"/>
      <c r="I190" s="1106"/>
      <c r="J190" s="1106"/>
      <c r="K190" s="1106"/>
      <c r="L190" s="1106"/>
      <c r="M190" s="1106"/>
      <c r="N190" s="1106"/>
      <c r="O190" s="1106"/>
      <c r="U190" s="1106"/>
      <c r="AB190" s="1106"/>
      <c r="AC190" s="1106"/>
      <c r="AD190" s="1106"/>
      <c r="AE190" s="1106"/>
      <c r="AF190" s="1106"/>
      <c r="AG190" s="1106"/>
      <c r="AH190" s="1106"/>
      <c r="AL190" s="1106"/>
      <c r="AT190" s="1106"/>
      <c r="AU190" s="1106"/>
      <c r="AV190" s="1106"/>
      <c r="AW190" s="1106"/>
      <c r="AX190" s="1106"/>
      <c r="AY190" s="1106"/>
      <c r="AZ190" s="1106"/>
      <c r="BA190" s="1106"/>
      <c r="BB190" s="1106"/>
      <c r="BC190" s="1106"/>
      <c r="BD190" s="1106"/>
      <c r="BE190" s="1106"/>
      <c r="BF190" s="1106"/>
      <c r="BG190" s="1106"/>
      <c r="BH190" s="1106"/>
      <c r="BI190" s="1106"/>
      <c r="BJ190" s="1106"/>
      <c r="BK190" s="1106"/>
      <c r="BL190" s="1106"/>
      <c r="BM190" s="1106"/>
      <c r="BN190" s="1106"/>
      <c r="BO190" s="1106"/>
      <c r="BP190" s="1106"/>
      <c r="BQ190" s="1106"/>
      <c r="BR190" s="1106"/>
      <c r="BS190" s="1106"/>
      <c r="BT190" s="1106"/>
      <c r="BU190" s="1106"/>
      <c r="BV190" s="1106"/>
      <c r="BW190" s="1106"/>
      <c r="BX190" s="1106"/>
      <c r="BY190" s="1106"/>
      <c r="BZ190" s="1106"/>
      <c r="CA190" s="1106"/>
    </row>
    <row r="191" spans="3:79" ht="9" customHeight="1" x14ac:dyDescent="0.2">
      <c r="C191" s="1106"/>
      <c r="D191" s="1106"/>
      <c r="E191" s="1106"/>
      <c r="F191" s="1106"/>
      <c r="G191" s="1106"/>
      <c r="H191" s="1106"/>
      <c r="I191" s="1106"/>
      <c r="J191" s="1106"/>
      <c r="K191" s="1106"/>
      <c r="L191" s="1106"/>
      <c r="M191" s="1106"/>
      <c r="N191" s="1106"/>
      <c r="O191" s="1106"/>
      <c r="U191" s="1106"/>
      <c r="AB191" s="1106"/>
      <c r="AC191" s="1106"/>
      <c r="AD191" s="1106"/>
      <c r="AE191" s="1106"/>
      <c r="AF191" s="1106"/>
      <c r="AG191" s="1106"/>
      <c r="AH191" s="1106"/>
      <c r="AL191" s="1106"/>
      <c r="AO191" s="1106"/>
      <c r="AP191" s="1106"/>
      <c r="AT191" s="1106"/>
      <c r="AU191" s="1106"/>
      <c r="AV191" s="1106"/>
      <c r="AW191" s="1106"/>
      <c r="AX191" s="1106"/>
      <c r="AY191" s="1106"/>
      <c r="AZ191" s="1106"/>
      <c r="BA191" s="1106"/>
      <c r="BB191" s="1106"/>
      <c r="BC191" s="1106"/>
      <c r="BD191" s="1106"/>
      <c r="BE191" s="1106"/>
      <c r="BF191" s="1106"/>
      <c r="BG191" s="1106"/>
      <c r="BH191" s="1106"/>
      <c r="BI191" s="1106"/>
      <c r="BJ191" s="1106"/>
      <c r="BK191" s="1106"/>
      <c r="BL191" s="1106"/>
      <c r="BM191" s="1106"/>
      <c r="BN191" s="1106"/>
      <c r="BO191" s="1106"/>
      <c r="BP191" s="1106"/>
      <c r="BQ191" s="1106"/>
      <c r="BR191" s="1106"/>
      <c r="BS191" s="1106"/>
      <c r="BT191" s="1106"/>
      <c r="BU191" s="1106"/>
      <c r="BV191" s="1106"/>
      <c r="BW191" s="1106"/>
      <c r="BX191" s="1106"/>
      <c r="BY191" s="1106"/>
      <c r="BZ191" s="1106"/>
      <c r="CA191" s="1106"/>
    </row>
    <row r="192" spans="3:79" ht="9" customHeight="1" x14ac:dyDescent="0.2">
      <c r="C192" s="1106"/>
      <c r="D192" s="1106"/>
      <c r="E192" s="1106"/>
      <c r="F192" s="1106"/>
      <c r="G192" s="1106"/>
      <c r="H192" s="1106"/>
      <c r="I192" s="1106"/>
      <c r="J192" s="1106"/>
      <c r="K192" s="1106"/>
      <c r="L192" s="1106"/>
      <c r="M192" s="1106"/>
      <c r="N192" s="1106"/>
      <c r="O192" s="1106"/>
      <c r="U192" s="1106"/>
      <c r="AB192" s="1106"/>
      <c r="AC192" s="1106"/>
      <c r="AD192" s="1106"/>
      <c r="AE192" s="1106"/>
      <c r="AF192" s="1106"/>
      <c r="AG192" s="1106"/>
      <c r="AH192" s="1106"/>
      <c r="AL192" s="1106"/>
      <c r="AT192" s="1106"/>
      <c r="AU192" s="1106"/>
      <c r="AV192" s="1106"/>
      <c r="AW192" s="1106"/>
      <c r="AX192" s="1106"/>
      <c r="AY192" s="1106"/>
      <c r="AZ192" s="1106"/>
      <c r="BA192" s="1106"/>
      <c r="BB192" s="1106"/>
      <c r="BC192" s="1106"/>
      <c r="BD192" s="1106"/>
      <c r="BE192" s="1106"/>
      <c r="BF192" s="1106"/>
      <c r="BG192" s="1106"/>
      <c r="BH192" s="1106"/>
      <c r="BI192" s="1106"/>
      <c r="BJ192" s="1106"/>
      <c r="BK192" s="1106"/>
      <c r="BL192" s="1106"/>
      <c r="BM192" s="1106"/>
      <c r="BN192" s="1106"/>
      <c r="BO192" s="1106"/>
      <c r="BP192" s="1106"/>
      <c r="BQ192" s="1106"/>
      <c r="BR192" s="1106"/>
      <c r="BS192" s="1106"/>
      <c r="BT192" s="1106"/>
      <c r="BU192" s="1106"/>
      <c r="BV192" s="1106"/>
      <c r="BW192" s="1106"/>
      <c r="BX192" s="1106"/>
      <c r="BY192" s="1106"/>
      <c r="BZ192" s="1106"/>
      <c r="CA192" s="1106"/>
    </row>
    <row r="193" spans="3:79" ht="9" customHeight="1" x14ac:dyDescent="0.2">
      <c r="C193" s="1106"/>
      <c r="D193" s="1106"/>
      <c r="E193" s="1106"/>
      <c r="F193" s="1106"/>
      <c r="G193" s="1106"/>
      <c r="H193" s="1106"/>
      <c r="I193" s="1106"/>
      <c r="J193" s="1106"/>
      <c r="K193" s="1106"/>
      <c r="L193" s="1106"/>
      <c r="M193" s="1106"/>
      <c r="N193" s="1106"/>
      <c r="O193" s="1106"/>
      <c r="AB193" s="1106"/>
      <c r="AC193" s="1106"/>
      <c r="AD193" s="1106"/>
      <c r="AE193" s="1106"/>
      <c r="AF193" s="1106"/>
      <c r="AG193" s="1106"/>
      <c r="AH193" s="1106"/>
      <c r="AL193" s="1106"/>
      <c r="AZ193" s="1106"/>
      <c r="BA193" s="1106"/>
      <c r="BB193" s="1106"/>
      <c r="BC193" s="1106"/>
      <c r="BD193" s="1106"/>
      <c r="BE193" s="1106"/>
      <c r="BF193" s="1106"/>
      <c r="BG193" s="1106"/>
      <c r="BH193" s="1106"/>
      <c r="BI193" s="1106"/>
      <c r="BJ193" s="1106"/>
      <c r="BK193" s="1106"/>
      <c r="BL193" s="1106"/>
      <c r="BM193" s="1106"/>
      <c r="BN193" s="1106"/>
      <c r="BO193" s="1106"/>
      <c r="BP193" s="1106"/>
      <c r="BQ193" s="1106"/>
      <c r="BR193" s="1106"/>
      <c r="BS193" s="1106"/>
      <c r="BT193" s="1106"/>
      <c r="BU193" s="1106"/>
      <c r="BV193" s="1106"/>
      <c r="BW193" s="1106"/>
      <c r="BX193" s="1106"/>
      <c r="BY193" s="1106"/>
      <c r="BZ193" s="1106"/>
      <c r="CA193" s="1106"/>
    </row>
    <row r="194" spans="3:79" ht="9" customHeight="1" x14ac:dyDescent="0.2">
      <c r="C194" s="1106"/>
      <c r="D194" s="1106"/>
      <c r="E194" s="1106"/>
      <c r="F194" s="1106"/>
      <c r="G194" s="1106"/>
      <c r="H194" s="1106"/>
      <c r="I194" s="1106"/>
      <c r="J194" s="1106"/>
      <c r="K194" s="1106"/>
      <c r="L194" s="1106"/>
      <c r="M194" s="1106"/>
      <c r="N194" s="1106"/>
      <c r="O194" s="1106"/>
      <c r="AB194" s="1106"/>
      <c r="AC194" s="1106"/>
      <c r="AD194" s="1106"/>
      <c r="AE194" s="1106"/>
      <c r="AF194" s="1106"/>
      <c r="AG194" s="1106"/>
      <c r="AH194" s="1106"/>
      <c r="AL194" s="1106"/>
      <c r="AZ194" s="1106"/>
      <c r="BA194" s="1106"/>
      <c r="BB194" s="1106"/>
      <c r="BC194" s="1106"/>
      <c r="BD194" s="1106"/>
      <c r="BE194" s="1106"/>
      <c r="BF194" s="1106"/>
      <c r="BG194" s="1106"/>
      <c r="BH194" s="1106"/>
      <c r="BI194" s="1106"/>
      <c r="BJ194" s="1106"/>
      <c r="BK194" s="1106"/>
      <c r="BL194" s="1106"/>
      <c r="BM194" s="1106"/>
      <c r="BN194" s="1106"/>
      <c r="BO194" s="1106"/>
      <c r="BP194" s="1106"/>
      <c r="BQ194" s="1106"/>
      <c r="BR194" s="1106"/>
      <c r="BS194" s="1106"/>
      <c r="BT194" s="1106"/>
      <c r="BU194" s="1106"/>
      <c r="BV194" s="1106"/>
      <c r="BW194" s="1106"/>
      <c r="BX194" s="1106"/>
      <c r="BY194" s="1106"/>
      <c r="BZ194" s="1106"/>
      <c r="CA194" s="1106"/>
    </row>
    <row r="195" spans="3:79" ht="9" customHeight="1" x14ac:dyDescent="0.2">
      <c r="C195" s="1106"/>
      <c r="D195" s="1106"/>
      <c r="E195" s="1106"/>
      <c r="F195" s="1106"/>
      <c r="G195" s="1106"/>
      <c r="H195" s="1106"/>
      <c r="I195" s="1106"/>
      <c r="J195" s="1106"/>
      <c r="K195" s="1106"/>
      <c r="L195" s="1106"/>
      <c r="M195" s="1106"/>
      <c r="N195" s="1106"/>
      <c r="O195" s="1106"/>
      <c r="AB195" s="1106"/>
      <c r="AC195" s="1106"/>
      <c r="AD195" s="1106"/>
      <c r="AE195" s="1106"/>
      <c r="AF195" s="1106"/>
      <c r="AG195" s="1106"/>
      <c r="AH195" s="1106"/>
      <c r="AL195" s="1106"/>
      <c r="AZ195" s="1106"/>
      <c r="BA195" s="1106"/>
      <c r="BB195" s="1106"/>
      <c r="BC195" s="1106"/>
      <c r="BD195" s="1106"/>
      <c r="BE195" s="1106"/>
      <c r="BF195" s="1106"/>
      <c r="BG195" s="1106"/>
      <c r="BH195" s="1106"/>
      <c r="BI195" s="1106"/>
      <c r="BJ195" s="1106"/>
      <c r="BK195" s="1106"/>
      <c r="BL195" s="1106"/>
      <c r="BM195" s="1106"/>
      <c r="BN195" s="1106"/>
      <c r="BO195" s="1106"/>
      <c r="BP195" s="1106"/>
      <c r="BQ195" s="1106"/>
      <c r="BR195" s="1106"/>
      <c r="BS195" s="1106"/>
      <c r="BT195" s="1106"/>
      <c r="BU195" s="1106"/>
      <c r="BV195" s="1106"/>
      <c r="BW195" s="1106"/>
      <c r="BX195" s="1106"/>
      <c r="BY195" s="1106"/>
      <c r="BZ195" s="1106"/>
      <c r="CA195" s="1106"/>
    </row>
    <row r="196" spans="3:79" ht="9" customHeight="1" x14ac:dyDescent="0.2">
      <c r="C196" s="1106"/>
      <c r="D196" s="1106"/>
      <c r="E196" s="1106"/>
      <c r="F196" s="1106"/>
      <c r="G196" s="1106"/>
      <c r="H196" s="1106"/>
      <c r="I196" s="1106"/>
      <c r="J196" s="1106"/>
      <c r="K196" s="1106"/>
      <c r="L196" s="1106"/>
      <c r="M196" s="1106"/>
      <c r="N196" s="1106"/>
      <c r="O196" s="1106"/>
      <c r="U196" s="1106"/>
      <c r="AB196" s="1106"/>
      <c r="AC196" s="1106"/>
      <c r="AD196" s="1106"/>
      <c r="AE196" s="1106"/>
      <c r="AF196" s="1106"/>
      <c r="AG196" s="1106"/>
      <c r="AH196" s="1106"/>
      <c r="AL196" s="1106"/>
      <c r="AT196" s="1106"/>
      <c r="AU196" s="1106"/>
      <c r="AV196" s="1106"/>
      <c r="AW196" s="1106"/>
      <c r="AX196" s="1106"/>
      <c r="AY196" s="1106"/>
      <c r="AZ196" s="1106"/>
      <c r="BA196" s="1106"/>
      <c r="BB196" s="1106"/>
      <c r="BC196" s="1106"/>
      <c r="BD196" s="1106"/>
      <c r="BE196" s="1106"/>
      <c r="BF196" s="1106"/>
      <c r="BG196" s="1106"/>
      <c r="BH196" s="1106"/>
      <c r="BI196" s="1106"/>
      <c r="BJ196" s="1106"/>
      <c r="BK196" s="1106"/>
      <c r="BL196" s="1106"/>
      <c r="BM196" s="1106"/>
      <c r="BN196" s="1106"/>
      <c r="BO196" s="1106"/>
      <c r="BP196" s="1106"/>
      <c r="BQ196" s="1106"/>
      <c r="BR196" s="1106"/>
      <c r="BS196" s="1106"/>
      <c r="BT196" s="1106"/>
      <c r="BU196" s="1106"/>
      <c r="BV196" s="1106"/>
      <c r="BW196" s="1106"/>
      <c r="BX196" s="1106"/>
      <c r="BY196" s="1106"/>
      <c r="BZ196" s="1106"/>
      <c r="CA196" s="1106"/>
    </row>
    <row r="197" spans="3:79" ht="9" customHeight="1" x14ac:dyDescent="0.2">
      <c r="C197" s="1106"/>
      <c r="D197" s="1106"/>
      <c r="E197" s="1106"/>
      <c r="F197" s="1106"/>
      <c r="G197" s="1106"/>
      <c r="H197" s="1106"/>
      <c r="I197" s="1106"/>
      <c r="J197" s="1106"/>
      <c r="K197" s="1106"/>
      <c r="L197" s="1106"/>
      <c r="M197" s="1106"/>
      <c r="N197" s="1106"/>
      <c r="O197" s="1106"/>
      <c r="U197" s="1106"/>
      <c r="AB197" s="1106"/>
      <c r="AC197" s="1106"/>
      <c r="AD197" s="1106"/>
      <c r="AE197" s="1106"/>
      <c r="AF197" s="1106"/>
      <c r="AG197" s="1106"/>
      <c r="AH197" s="1106"/>
      <c r="AL197" s="1106"/>
      <c r="AO197" s="1106"/>
      <c r="AP197" s="1106"/>
      <c r="AT197" s="1106"/>
      <c r="AU197" s="1106"/>
      <c r="AV197" s="1106"/>
      <c r="AW197" s="1106"/>
      <c r="AX197" s="1106"/>
      <c r="AY197" s="1106"/>
      <c r="AZ197" s="1106"/>
      <c r="BA197" s="1106"/>
      <c r="BB197" s="1106"/>
      <c r="BC197" s="1106"/>
      <c r="BD197" s="1106"/>
      <c r="BE197" s="1106"/>
      <c r="BF197" s="1106"/>
      <c r="BG197" s="1106"/>
      <c r="BH197" s="1106"/>
      <c r="BI197" s="1106"/>
      <c r="BJ197" s="1106"/>
      <c r="BK197" s="1106"/>
      <c r="BL197" s="1106"/>
      <c r="BM197" s="1106"/>
      <c r="BN197" s="1106"/>
      <c r="BO197" s="1106"/>
      <c r="BP197" s="1106"/>
      <c r="BQ197" s="1106"/>
      <c r="BR197" s="1106"/>
      <c r="BS197" s="1106"/>
      <c r="BT197" s="1106"/>
      <c r="BU197" s="1106"/>
      <c r="BV197" s="1106"/>
      <c r="BW197" s="1106"/>
      <c r="BX197" s="1106"/>
      <c r="BY197" s="1106"/>
      <c r="BZ197" s="1106"/>
      <c r="CA197" s="1106"/>
    </row>
    <row r="198" spans="3:79" ht="9" customHeight="1" x14ac:dyDescent="0.2">
      <c r="C198" s="1106"/>
      <c r="D198" s="1106"/>
      <c r="E198" s="1106"/>
      <c r="F198" s="1106"/>
      <c r="G198" s="1106"/>
      <c r="H198" s="1106"/>
      <c r="I198" s="1106"/>
      <c r="J198" s="1106"/>
      <c r="K198" s="1106"/>
      <c r="L198" s="1106"/>
      <c r="M198" s="1106"/>
      <c r="N198" s="1106"/>
      <c r="O198" s="1106"/>
      <c r="U198" s="1106"/>
      <c r="AB198" s="1106"/>
      <c r="AC198" s="1106"/>
      <c r="AD198" s="1106"/>
      <c r="AE198" s="1106"/>
      <c r="AF198" s="1106"/>
      <c r="AG198" s="1106"/>
      <c r="AH198" s="1106"/>
      <c r="AL198" s="1106"/>
      <c r="AT198" s="1106"/>
      <c r="AU198" s="1106"/>
      <c r="AV198" s="1106"/>
      <c r="AW198" s="1106"/>
      <c r="AX198" s="1106"/>
      <c r="AY198" s="1106"/>
      <c r="AZ198" s="1106"/>
      <c r="BA198" s="1106"/>
      <c r="BB198" s="1106"/>
      <c r="BC198" s="1106"/>
      <c r="BD198" s="1106"/>
      <c r="BE198" s="1106"/>
      <c r="BF198" s="1106"/>
      <c r="BG198" s="1106"/>
      <c r="BH198" s="1106"/>
      <c r="BI198" s="1106"/>
      <c r="BJ198" s="1106"/>
      <c r="BK198" s="1106"/>
      <c r="BL198" s="1106"/>
      <c r="BM198" s="1106"/>
      <c r="BN198" s="1106"/>
      <c r="BO198" s="1106"/>
      <c r="BP198" s="1106"/>
      <c r="BQ198" s="1106"/>
      <c r="BR198" s="1106"/>
      <c r="BS198" s="1106"/>
      <c r="BT198" s="1106"/>
      <c r="BU198" s="1106"/>
      <c r="BV198" s="1106"/>
      <c r="BW198" s="1106"/>
      <c r="BX198" s="1106"/>
      <c r="BY198" s="1106"/>
      <c r="BZ198" s="1106"/>
      <c r="CA198" s="1106"/>
    </row>
    <row r="199" spans="3:79" ht="9" customHeight="1" x14ac:dyDescent="0.2">
      <c r="C199" s="1106"/>
      <c r="D199" s="1106"/>
      <c r="E199" s="1106"/>
      <c r="F199" s="1106"/>
      <c r="G199" s="1106"/>
      <c r="H199" s="1106"/>
      <c r="I199" s="1106"/>
      <c r="J199" s="1106"/>
      <c r="K199" s="1106"/>
      <c r="L199" s="1106"/>
      <c r="M199" s="1106"/>
      <c r="N199" s="1106"/>
      <c r="O199" s="1106"/>
      <c r="AB199" s="1106"/>
      <c r="AC199" s="1106"/>
      <c r="AD199" s="1106"/>
      <c r="AE199" s="1106"/>
      <c r="AF199" s="1106"/>
      <c r="AG199" s="1106"/>
      <c r="AH199" s="1106"/>
      <c r="AL199" s="1106"/>
      <c r="AZ199" s="1106"/>
      <c r="BA199" s="1106"/>
      <c r="BB199" s="1106"/>
      <c r="BC199" s="1106"/>
      <c r="BD199" s="1106"/>
      <c r="BE199" s="1106"/>
      <c r="BF199" s="1106"/>
      <c r="BG199" s="1106"/>
      <c r="BH199" s="1106"/>
      <c r="BI199" s="1106"/>
      <c r="BJ199" s="1106"/>
      <c r="BK199" s="1106"/>
      <c r="BL199" s="1106"/>
      <c r="BM199" s="1106"/>
      <c r="BN199" s="1106"/>
      <c r="BO199" s="1106"/>
      <c r="BP199" s="1106"/>
      <c r="BQ199" s="1106"/>
      <c r="BR199" s="1106"/>
      <c r="BS199" s="1106"/>
      <c r="BT199" s="1106"/>
      <c r="BU199" s="1106"/>
      <c r="BV199" s="1106"/>
      <c r="BW199" s="1106"/>
      <c r="BX199" s="1106"/>
      <c r="BY199" s="1106"/>
      <c r="BZ199" s="1106"/>
      <c r="CA199" s="1106"/>
    </row>
    <row r="200" spans="3:79" ht="9" customHeight="1" x14ac:dyDescent="0.2">
      <c r="C200" s="1106"/>
      <c r="D200" s="1106"/>
      <c r="E200" s="1106"/>
      <c r="F200" s="1106"/>
      <c r="G200" s="1106"/>
      <c r="H200" s="1106"/>
      <c r="I200" s="1106"/>
      <c r="J200" s="1106"/>
      <c r="K200" s="1106"/>
      <c r="L200" s="1106"/>
      <c r="M200" s="1106"/>
      <c r="N200" s="1106"/>
      <c r="O200" s="1106"/>
      <c r="AB200" s="1106"/>
      <c r="AC200" s="1106"/>
      <c r="AD200" s="1106"/>
      <c r="AE200" s="1106"/>
      <c r="AF200" s="1106"/>
      <c r="AG200" s="1106"/>
      <c r="AH200" s="1106"/>
      <c r="AL200" s="1106"/>
      <c r="AZ200" s="1106"/>
      <c r="BA200" s="1106"/>
      <c r="BB200" s="1106"/>
      <c r="BC200" s="1106"/>
      <c r="BD200" s="1106"/>
      <c r="BE200" s="1106"/>
      <c r="BF200" s="1106"/>
      <c r="BG200" s="1106"/>
      <c r="BH200" s="1106"/>
      <c r="BI200" s="1106"/>
      <c r="BJ200" s="1106"/>
      <c r="BK200" s="1106"/>
      <c r="BL200" s="1106"/>
      <c r="BM200" s="1106"/>
      <c r="BN200" s="1106"/>
      <c r="BO200" s="1106"/>
      <c r="BP200" s="1106"/>
      <c r="BQ200" s="1106"/>
      <c r="BR200" s="1106"/>
      <c r="BS200" s="1106"/>
      <c r="BT200" s="1106"/>
      <c r="BU200" s="1106"/>
      <c r="BV200" s="1106"/>
      <c r="BW200" s="1106"/>
      <c r="BX200" s="1106"/>
      <c r="BY200" s="1106"/>
      <c r="BZ200" s="1106"/>
      <c r="CA200" s="1106"/>
    </row>
    <row r="201" spans="3:79" ht="9" customHeight="1" x14ac:dyDescent="0.2">
      <c r="C201" s="1106"/>
      <c r="D201" s="1106"/>
      <c r="E201" s="1106"/>
      <c r="F201" s="1106"/>
      <c r="G201" s="1106"/>
      <c r="H201" s="1106"/>
      <c r="I201" s="1106"/>
      <c r="J201" s="1106"/>
      <c r="K201" s="1106"/>
      <c r="L201" s="1106"/>
      <c r="M201" s="1106"/>
      <c r="N201" s="1106"/>
      <c r="O201" s="1106"/>
      <c r="AB201" s="1106"/>
      <c r="AC201" s="1106"/>
      <c r="AD201" s="1106"/>
      <c r="AE201" s="1106"/>
      <c r="AF201" s="1106"/>
      <c r="AG201" s="1106"/>
      <c r="AH201" s="1106"/>
      <c r="AL201" s="1106"/>
      <c r="AZ201" s="1106"/>
      <c r="BA201" s="1106"/>
      <c r="BB201" s="1106"/>
      <c r="BC201" s="1106"/>
      <c r="BD201" s="1106"/>
      <c r="BE201" s="1106"/>
      <c r="BF201" s="1106"/>
      <c r="BG201" s="1106"/>
      <c r="BH201" s="1106"/>
      <c r="BI201" s="1106"/>
      <c r="BJ201" s="1106"/>
      <c r="BK201" s="1106"/>
      <c r="BL201" s="1106"/>
      <c r="BM201" s="1106"/>
      <c r="BN201" s="1106"/>
      <c r="BO201" s="1106"/>
      <c r="BP201" s="1106"/>
      <c r="BQ201" s="1106"/>
      <c r="BR201" s="1106"/>
      <c r="BS201" s="1106"/>
      <c r="BT201" s="1106"/>
      <c r="BU201" s="1106"/>
      <c r="BV201" s="1106"/>
      <c r="BW201" s="1106"/>
      <c r="BX201" s="1106"/>
      <c r="BY201" s="1106"/>
      <c r="BZ201" s="1106"/>
      <c r="CA201" s="1106"/>
    </row>
    <row r="202" spans="3:79" ht="9" customHeight="1" x14ac:dyDescent="0.2">
      <c r="C202" s="1106"/>
      <c r="D202" s="1106"/>
      <c r="E202" s="1106"/>
      <c r="F202" s="1106"/>
      <c r="G202" s="1106"/>
      <c r="H202" s="1106"/>
      <c r="I202" s="1106"/>
      <c r="J202" s="1106"/>
      <c r="K202" s="1106"/>
      <c r="L202" s="1106"/>
      <c r="M202" s="1106"/>
      <c r="N202" s="1106"/>
      <c r="O202" s="1106"/>
      <c r="U202" s="1106"/>
      <c r="AB202" s="1106"/>
      <c r="AC202" s="1106"/>
      <c r="AD202" s="1106"/>
      <c r="AE202" s="1106"/>
      <c r="AF202" s="1106"/>
      <c r="AG202" s="1106"/>
      <c r="AH202" s="1106"/>
      <c r="AL202" s="1106"/>
      <c r="AT202" s="1106"/>
      <c r="AU202" s="1106"/>
      <c r="AV202" s="1106"/>
      <c r="AW202" s="1106"/>
      <c r="AX202" s="1106"/>
      <c r="AY202" s="1106"/>
      <c r="AZ202" s="1106"/>
      <c r="BA202" s="1106"/>
      <c r="BB202" s="1106"/>
      <c r="BC202" s="1106"/>
      <c r="BD202" s="1106"/>
      <c r="BE202" s="1106"/>
      <c r="BF202" s="1106"/>
      <c r="BG202" s="1106"/>
      <c r="BH202" s="1106"/>
      <c r="BI202" s="1106"/>
      <c r="BJ202" s="1106"/>
      <c r="BK202" s="1106"/>
      <c r="BL202" s="1106"/>
      <c r="BM202" s="1106"/>
      <c r="BN202" s="1106"/>
      <c r="BO202" s="1106"/>
      <c r="BP202" s="1106"/>
      <c r="BQ202" s="1106"/>
      <c r="BR202" s="1106"/>
      <c r="BS202" s="1106"/>
      <c r="BT202" s="1106"/>
      <c r="BU202" s="1106"/>
      <c r="BV202" s="1106"/>
      <c r="BW202" s="1106"/>
      <c r="BX202" s="1106"/>
      <c r="BY202" s="1106"/>
      <c r="BZ202" s="1106"/>
      <c r="CA202" s="1106"/>
    </row>
    <row r="203" spans="3:79" ht="9" customHeight="1" x14ac:dyDescent="0.2">
      <c r="C203" s="1106"/>
      <c r="D203" s="1106"/>
      <c r="E203" s="1106"/>
      <c r="F203" s="1106"/>
      <c r="G203" s="1106"/>
      <c r="H203" s="1106"/>
      <c r="I203" s="1106"/>
      <c r="J203" s="1106"/>
      <c r="K203" s="1106"/>
      <c r="L203" s="1106"/>
      <c r="M203" s="1106"/>
      <c r="N203" s="1106"/>
      <c r="O203" s="1106"/>
      <c r="U203" s="1106"/>
      <c r="AB203" s="1106"/>
      <c r="AC203" s="1106"/>
      <c r="AD203" s="1106"/>
      <c r="AE203" s="1106"/>
      <c r="AF203" s="1106"/>
      <c r="AG203" s="1106"/>
      <c r="AH203" s="1106"/>
      <c r="AL203" s="1106"/>
      <c r="AO203" s="1106"/>
      <c r="AP203" s="1106"/>
      <c r="AT203" s="1106"/>
      <c r="AU203" s="1106"/>
      <c r="AV203" s="1106"/>
      <c r="AW203" s="1106"/>
      <c r="AX203" s="1106"/>
      <c r="AY203" s="1106"/>
      <c r="AZ203" s="1106"/>
      <c r="BA203" s="1106"/>
      <c r="BB203" s="1106"/>
      <c r="BC203" s="1106"/>
      <c r="BD203" s="1106"/>
      <c r="BE203" s="1106"/>
      <c r="BF203" s="1106"/>
      <c r="BG203" s="1106"/>
      <c r="BH203" s="1106"/>
      <c r="BI203" s="1106"/>
      <c r="BJ203" s="1106"/>
      <c r="BK203" s="1106"/>
      <c r="BL203" s="1106"/>
      <c r="BM203" s="1106"/>
      <c r="BN203" s="1106"/>
      <c r="BO203" s="1106"/>
      <c r="BP203" s="1106"/>
      <c r="BQ203" s="1106"/>
      <c r="BR203" s="1106"/>
      <c r="BS203" s="1106"/>
      <c r="BT203" s="1106"/>
      <c r="BU203" s="1106"/>
      <c r="BV203" s="1106"/>
      <c r="BW203" s="1106"/>
      <c r="BX203" s="1106"/>
      <c r="BY203" s="1106"/>
      <c r="BZ203" s="1106"/>
      <c r="CA203" s="1106"/>
    </row>
    <row r="204" spans="3:79" ht="9" customHeight="1" x14ac:dyDescent="0.2">
      <c r="C204" s="1106"/>
      <c r="D204" s="1106"/>
      <c r="E204" s="1106"/>
      <c r="F204" s="1106"/>
      <c r="G204" s="1106"/>
      <c r="H204" s="1106"/>
      <c r="I204" s="1106"/>
      <c r="J204" s="1106"/>
      <c r="K204" s="1106"/>
      <c r="L204" s="1106"/>
      <c r="M204" s="1106"/>
      <c r="N204" s="1106"/>
      <c r="O204" s="1106"/>
      <c r="U204" s="1106"/>
      <c r="AB204" s="1106"/>
      <c r="AC204" s="1106"/>
      <c r="AD204" s="1106"/>
      <c r="AE204" s="1106"/>
      <c r="AF204" s="1106"/>
      <c r="AG204" s="1106"/>
      <c r="AH204" s="1106"/>
      <c r="AL204" s="1106"/>
      <c r="AT204" s="1106"/>
      <c r="AU204" s="1106"/>
      <c r="AV204" s="1106"/>
      <c r="AW204" s="1106"/>
      <c r="AX204" s="1106"/>
      <c r="AY204" s="1106"/>
      <c r="AZ204" s="1106"/>
      <c r="BA204" s="1106"/>
      <c r="BB204" s="1106"/>
      <c r="BC204" s="1106"/>
      <c r="BD204" s="1106"/>
      <c r="BE204" s="1106"/>
      <c r="BF204" s="1106"/>
      <c r="BG204" s="1106"/>
      <c r="BH204" s="1106"/>
      <c r="BI204" s="1106"/>
      <c r="BJ204" s="1106"/>
      <c r="BK204" s="1106"/>
      <c r="BL204" s="1106"/>
      <c r="BM204" s="1106"/>
      <c r="BN204" s="1106"/>
      <c r="BO204" s="1106"/>
      <c r="BP204" s="1106"/>
      <c r="BQ204" s="1106"/>
      <c r="BR204" s="1106"/>
      <c r="BS204" s="1106"/>
      <c r="BT204" s="1106"/>
      <c r="BU204" s="1106"/>
      <c r="BV204" s="1106"/>
      <c r="BW204" s="1106"/>
      <c r="BX204" s="1106"/>
      <c r="BY204" s="1106"/>
      <c r="BZ204" s="1106"/>
      <c r="CA204" s="1106"/>
    </row>
    <row r="205" spans="3:79" ht="9" customHeight="1" x14ac:dyDescent="0.2">
      <c r="C205" s="1106"/>
      <c r="D205" s="1106"/>
      <c r="E205" s="1106"/>
      <c r="F205" s="1106"/>
      <c r="G205" s="1106"/>
      <c r="H205" s="1106"/>
      <c r="I205" s="1106"/>
      <c r="J205" s="1106"/>
      <c r="K205" s="1106"/>
      <c r="L205" s="1106"/>
      <c r="M205" s="1106"/>
      <c r="N205" s="1106"/>
      <c r="O205" s="1106"/>
      <c r="AB205" s="1106"/>
      <c r="AC205" s="1106"/>
      <c r="AD205" s="1106"/>
      <c r="AE205" s="1106"/>
      <c r="AF205" s="1106"/>
      <c r="AG205" s="1106"/>
      <c r="AH205" s="1106"/>
      <c r="AL205" s="1106"/>
      <c r="AZ205" s="1106"/>
      <c r="BA205" s="1106"/>
      <c r="BB205" s="1106"/>
      <c r="BC205" s="1106"/>
      <c r="BD205" s="1106"/>
      <c r="BE205" s="1106"/>
      <c r="BF205" s="1106"/>
      <c r="BG205" s="1106"/>
      <c r="BH205" s="1106"/>
      <c r="BI205" s="1106"/>
      <c r="BJ205" s="1106"/>
      <c r="BK205" s="1106"/>
      <c r="BL205" s="1106"/>
      <c r="BM205" s="1106"/>
      <c r="BN205" s="1106"/>
      <c r="BO205" s="1106"/>
      <c r="BP205" s="1106"/>
      <c r="BQ205" s="1106"/>
      <c r="BR205" s="1106"/>
      <c r="BS205" s="1106"/>
      <c r="BT205" s="1106"/>
      <c r="BU205" s="1106"/>
      <c r="BV205" s="1106"/>
      <c r="BW205" s="1106"/>
      <c r="BX205" s="1106"/>
      <c r="BY205" s="1106"/>
      <c r="BZ205" s="1106"/>
      <c r="CA205" s="1106"/>
    </row>
    <row r="206" spans="3:79" ht="9" customHeight="1" x14ac:dyDescent="0.2">
      <c r="C206" s="1106"/>
      <c r="D206" s="1106"/>
      <c r="E206" s="1106"/>
      <c r="F206" s="1106"/>
      <c r="G206" s="1106"/>
      <c r="H206" s="1106"/>
      <c r="I206" s="1106"/>
      <c r="J206" s="1106"/>
      <c r="K206" s="1106"/>
      <c r="L206" s="1106"/>
      <c r="M206" s="1106"/>
      <c r="N206" s="1106"/>
      <c r="O206" s="1106"/>
      <c r="AB206" s="1106"/>
      <c r="AC206" s="1106"/>
      <c r="AD206" s="1106"/>
      <c r="AE206" s="1106"/>
      <c r="AF206" s="1106"/>
      <c r="AG206" s="1106"/>
      <c r="AH206" s="1106"/>
      <c r="AL206" s="1106"/>
      <c r="AZ206" s="1106"/>
      <c r="BA206" s="1106"/>
      <c r="BB206" s="1106"/>
      <c r="BC206" s="1106"/>
      <c r="BD206" s="1106"/>
      <c r="BE206" s="1106"/>
      <c r="BF206" s="1106"/>
      <c r="BG206" s="1106"/>
      <c r="BH206" s="1106"/>
      <c r="BI206" s="1106"/>
      <c r="BJ206" s="1106"/>
      <c r="BK206" s="1106"/>
      <c r="BL206" s="1106"/>
      <c r="BM206" s="1106"/>
      <c r="BN206" s="1106"/>
      <c r="BO206" s="1106"/>
      <c r="BP206" s="1106"/>
      <c r="BQ206" s="1106"/>
      <c r="BR206" s="1106"/>
      <c r="BS206" s="1106"/>
      <c r="BT206" s="1106"/>
      <c r="BU206" s="1106"/>
      <c r="BV206" s="1106"/>
      <c r="BW206" s="1106"/>
      <c r="BX206" s="1106"/>
      <c r="BY206" s="1106"/>
      <c r="BZ206" s="1106"/>
      <c r="CA206" s="1106"/>
    </row>
    <row r="207" spans="3:79" ht="9" customHeight="1" x14ac:dyDescent="0.2">
      <c r="C207" s="1106"/>
      <c r="D207" s="1106"/>
      <c r="E207" s="1106"/>
      <c r="F207" s="1106"/>
      <c r="G207" s="1106"/>
      <c r="H207" s="1106"/>
      <c r="I207" s="1106"/>
      <c r="J207" s="1106"/>
      <c r="K207" s="1106"/>
      <c r="L207" s="1106"/>
      <c r="M207" s="1106"/>
      <c r="N207" s="1106"/>
      <c r="O207" s="1106"/>
      <c r="AB207" s="1106"/>
      <c r="AC207" s="1106"/>
      <c r="AD207" s="1106"/>
      <c r="AE207" s="1106"/>
      <c r="AF207" s="1106"/>
      <c r="AG207" s="1106"/>
      <c r="AH207" s="1106"/>
      <c r="AL207" s="1106"/>
      <c r="AZ207" s="1106"/>
      <c r="BA207" s="1106"/>
      <c r="BB207" s="1106"/>
      <c r="BC207" s="1106"/>
      <c r="BD207" s="1106"/>
      <c r="BE207" s="1106"/>
      <c r="BF207" s="1106"/>
      <c r="BG207" s="1106"/>
      <c r="BH207" s="1106"/>
      <c r="BI207" s="1106"/>
      <c r="BJ207" s="1106"/>
      <c r="BK207" s="1106"/>
      <c r="BL207" s="1106"/>
      <c r="BM207" s="1106"/>
      <c r="BN207" s="1106"/>
      <c r="BO207" s="1106"/>
      <c r="BP207" s="1106"/>
      <c r="BQ207" s="1106"/>
      <c r="BR207" s="1106"/>
      <c r="BS207" s="1106"/>
      <c r="BT207" s="1106"/>
      <c r="BU207" s="1106"/>
      <c r="BV207" s="1106"/>
      <c r="BW207" s="1106"/>
      <c r="BX207" s="1106"/>
      <c r="BY207" s="1106"/>
      <c r="BZ207" s="1106"/>
      <c r="CA207" s="1106"/>
    </row>
    <row r="208" spans="3:79" ht="9" customHeight="1" x14ac:dyDescent="0.2">
      <c r="C208" s="1106"/>
      <c r="D208" s="1106"/>
      <c r="E208" s="1106"/>
      <c r="F208" s="1106"/>
      <c r="G208" s="1106"/>
      <c r="H208" s="1106"/>
      <c r="I208" s="1106"/>
      <c r="J208" s="1106"/>
      <c r="K208" s="1106"/>
      <c r="L208" s="1106"/>
      <c r="M208" s="1106"/>
      <c r="N208" s="1106"/>
      <c r="O208" s="1106"/>
      <c r="U208" s="1106"/>
      <c r="AB208" s="1106"/>
      <c r="AC208" s="1106"/>
      <c r="AD208" s="1106"/>
      <c r="AE208" s="1106"/>
      <c r="AF208" s="1106"/>
      <c r="AG208" s="1106"/>
      <c r="AH208" s="1106"/>
      <c r="AL208" s="1106"/>
      <c r="AT208" s="1106"/>
      <c r="AU208" s="1106"/>
      <c r="AV208" s="1106"/>
      <c r="AW208" s="1106"/>
      <c r="AX208" s="1106"/>
      <c r="AY208" s="1106"/>
      <c r="AZ208" s="1106"/>
      <c r="BA208" s="1106"/>
      <c r="BB208" s="1106"/>
      <c r="BC208" s="1106"/>
      <c r="BD208" s="1106"/>
      <c r="BE208" s="1106"/>
      <c r="BF208" s="1106"/>
      <c r="BG208" s="1106"/>
      <c r="BH208" s="1106"/>
      <c r="BI208" s="1106"/>
      <c r="BJ208" s="1106"/>
      <c r="BK208" s="1106"/>
      <c r="BL208" s="1106"/>
      <c r="BM208" s="1106"/>
      <c r="BN208" s="1106"/>
      <c r="BO208" s="1106"/>
      <c r="BP208" s="1106"/>
      <c r="BQ208" s="1106"/>
      <c r="BR208" s="1106"/>
      <c r="BS208" s="1106"/>
      <c r="BT208" s="1106"/>
      <c r="BU208" s="1106"/>
      <c r="BV208" s="1106"/>
      <c r="BW208" s="1106"/>
      <c r="BX208" s="1106"/>
      <c r="BY208" s="1106"/>
      <c r="BZ208" s="1106"/>
      <c r="CA208" s="1106"/>
    </row>
    <row r="209" spans="3:79" ht="9" customHeight="1" x14ac:dyDescent="0.2">
      <c r="C209" s="1106"/>
      <c r="D209" s="1106"/>
      <c r="E209" s="1106"/>
      <c r="F209" s="1106"/>
      <c r="G209" s="1106"/>
      <c r="H209" s="1106"/>
      <c r="I209" s="1106"/>
      <c r="J209" s="1106"/>
      <c r="K209" s="1106"/>
      <c r="L209" s="1106"/>
      <c r="M209" s="1106"/>
      <c r="N209" s="1106"/>
      <c r="O209" s="1106"/>
      <c r="U209" s="1106"/>
      <c r="AB209" s="1106"/>
      <c r="AC209" s="1106"/>
      <c r="AD209" s="1106"/>
      <c r="AE209" s="1106"/>
      <c r="AF209" s="1106"/>
      <c r="AG209" s="1106"/>
      <c r="AH209" s="1106"/>
      <c r="AL209" s="1106"/>
      <c r="AO209" s="1106"/>
      <c r="AP209" s="1106"/>
      <c r="AT209" s="1106"/>
      <c r="AU209" s="1106"/>
      <c r="AV209" s="1106"/>
      <c r="AW209" s="1106"/>
      <c r="AX209" s="1106"/>
      <c r="AY209" s="1106"/>
      <c r="AZ209" s="1106"/>
      <c r="BA209" s="1106"/>
      <c r="BB209" s="1106"/>
      <c r="BC209" s="1106"/>
      <c r="BD209" s="1106"/>
      <c r="BE209" s="1106"/>
      <c r="BF209" s="1106"/>
      <c r="BG209" s="1106"/>
      <c r="BH209" s="1106"/>
      <c r="BI209" s="1106"/>
      <c r="BJ209" s="1106"/>
      <c r="BK209" s="1106"/>
      <c r="BL209" s="1106"/>
      <c r="BM209" s="1106"/>
      <c r="BN209" s="1106"/>
      <c r="BO209" s="1106"/>
      <c r="BP209" s="1106"/>
      <c r="BQ209" s="1106"/>
      <c r="BR209" s="1106"/>
      <c r="BS209" s="1106"/>
      <c r="BT209" s="1106"/>
      <c r="BU209" s="1106"/>
      <c r="BV209" s="1106"/>
      <c r="BW209" s="1106"/>
      <c r="BX209" s="1106"/>
      <c r="BY209" s="1106"/>
      <c r="BZ209" s="1106"/>
      <c r="CA209" s="1106"/>
    </row>
    <row r="210" spans="3:79" ht="9" customHeight="1" x14ac:dyDescent="0.2">
      <c r="C210" s="1106"/>
      <c r="D210" s="1106"/>
      <c r="E210" s="1106"/>
      <c r="F210" s="1106"/>
      <c r="G210" s="1106"/>
      <c r="H210" s="1106"/>
      <c r="I210" s="1106"/>
      <c r="J210" s="1106"/>
      <c r="K210" s="1106"/>
      <c r="L210" s="1106"/>
      <c r="M210" s="1106"/>
      <c r="N210" s="1106"/>
      <c r="O210" s="1106"/>
      <c r="U210" s="1106"/>
      <c r="AB210" s="1106"/>
      <c r="AC210" s="1106"/>
      <c r="AD210" s="1106"/>
      <c r="AE210" s="1106"/>
      <c r="AF210" s="1106"/>
      <c r="AG210" s="1106"/>
      <c r="AH210" s="1106"/>
      <c r="AL210" s="1106"/>
      <c r="AT210" s="1106"/>
      <c r="AU210" s="1106"/>
      <c r="AV210" s="1106"/>
      <c r="AW210" s="1106"/>
      <c r="AX210" s="1106"/>
      <c r="AY210" s="1106"/>
      <c r="AZ210" s="1106"/>
      <c r="BA210" s="1106"/>
      <c r="BB210" s="1106"/>
      <c r="BC210" s="1106"/>
      <c r="BD210" s="1106"/>
      <c r="BE210" s="1106"/>
      <c r="BF210" s="1106"/>
      <c r="BG210" s="1106"/>
      <c r="BH210" s="1106"/>
      <c r="BI210" s="1106"/>
      <c r="BJ210" s="1106"/>
      <c r="BK210" s="1106"/>
      <c r="BL210" s="1106"/>
      <c r="BM210" s="1106"/>
      <c r="BN210" s="1106"/>
      <c r="BO210" s="1106"/>
      <c r="BP210" s="1106"/>
      <c r="BQ210" s="1106"/>
      <c r="BR210" s="1106"/>
      <c r="BS210" s="1106"/>
      <c r="BT210" s="1106"/>
      <c r="BU210" s="1106"/>
      <c r="BV210" s="1106"/>
      <c r="BW210" s="1106"/>
      <c r="BX210" s="1106"/>
      <c r="BY210" s="1106"/>
      <c r="BZ210" s="1106"/>
      <c r="CA210" s="1106"/>
    </row>
    <row r="211" spans="3:79" ht="9" customHeight="1" x14ac:dyDescent="0.2">
      <c r="C211" s="1106"/>
      <c r="D211" s="1106"/>
      <c r="E211" s="1106"/>
      <c r="F211" s="1106"/>
      <c r="G211" s="1106"/>
      <c r="H211" s="1106"/>
      <c r="I211" s="1106"/>
      <c r="J211" s="1106"/>
      <c r="K211" s="1106"/>
      <c r="L211" s="1106"/>
      <c r="M211" s="1106"/>
      <c r="N211" s="1106"/>
      <c r="O211" s="1106"/>
      <c r="AB211" s="1106"/>
      <c r="AC211" s="1106"/>
      <c r="AD211" s="1106"/>
      <c r="AE211" s="1106"/>
      <c r="AF211" s="1106"/>
      <c r="AG211" s="1106"/>
      <c r="AH211" s="1106"/>
      <c r="AL211" s="1106"/>
      <c r="AZ211" s="1106"/>
      <c r="BA211" s="1106"/>
      <c r="BB211" s="1106"/>
      <c r="BC211" s="1106"/>
      <c r="BD211" s="1106"/>
      <c r="BE211" s="1106"/>
      <c r="BF211" s="1106"/>
      <c r="BG211" s="1106"/>
      <c r="BH211" s="1106"/>
      <c r="BI211" s="1106"/>
      <c r="BJ211" s="1106"/>
      <c r="BK211" s="1106"/>
      <c r="BL211" s="1106"/>
      <c r="BM211" s="1106"/>
      <c r="BN211" s="1106"/>
      <c r="BO211" s="1106"/>
      <c r="BP211" s="1106"/>
      <c r="BQ211" s="1106"/>
      <c r="BR211" s="1106"/>
      <c r="BS211" s="1106"/>
      <c r="BT211" s="1106"/>
      <c r="BU211" s="1106"/>
      <c r="BV211" s="1106"/>
      <c r="BW211" s="1106"/>
      <c r="BX211" s="1106"/>
      <c r="BY211" s="1106"/>
      <c r="BZ211" s="1106"/>
      <c r="CA211" s="1106"/>
    </row>
    <row r="212" spans="3:79" ht="9" customHeight="1" x14ac:dyDescent="0.2">
      <c r="C212" s="1106"/>
      <c r="D212" s="1106"/>
      <c r="E212" s="1106"/>
      <c r="F212" s="1106"/>
      <c r="G212" s="1106"/>
      <c r="H212" s="1106"/>
      <c r="I212" s="1106"/>
      <c r="J212" s="1106"/>
      <c r="K212" s="1106"/>
      <c r="L212" s="1106"/>
      <c r="M212" s="1106"/>
      <c r="N212" s="1106"/>
      <c r="O212" s="1106"/>
      <c r="AB212" s="1106"/>
      <c r="AC212" s="1106"/>
      <c r="AD212" s="1106"/>
      <c r="AE212" s="1106"/>
      <c r="AF212" s="1106"/>
      <c r="AG212" s="1106"/>
      <c r="AH212" s="1106"/>
      <c r="AL212" s="1106"/>
      <c r="AZ212" s="1106"/>
      <c r="BA212" s="1106"/>
      <c r="BB212" s="1106"/>
      <c r="BC212" s="1106"/>
      <c r="BD212" s="1106"/>
      <c r="BE212" s="1106"/>
      <c r="BF212" s="1106"/>
      <c r="BG212" s="1106"/>
      <c r="BH212" s="1106"/>
      <c r="BI212" s="1106"/>
      <c r="BJ212" s="1106"/>
      <c r="BK212" s="1106"/>
      <c r="BL212" s="1106"/>
      <c r="BM212" s="1106"/>
      <c r="BN212" s="1106"/>
      <c r="BO212" s="1106"/>
      <c r="BP212" s="1106"/>
      <c r="BQ212" s="1106"/>
      <c r="BR212" s="1106"/>
      <c r="BS212" s="1106"/>
      <c r="BT212" s="1106"/>
      <c r="BU212" s="1106"/>
      <c r="BV212" s="1106"/>
      <c r="BW212" s="1106"/>
      <c r="BX212" s="1106"/>
      <c r="BY212" s="1106"/>
      <c r="BZ212" s="1106"/>
      <c r="CA212" s="1106"/>
    </row>
    <row r="213" spans="3:79" ht="9" customHeight="1" x14ac:dyDescent="0.2">
      <c r="C213" s="1106"/>
      <c r="D213" s="1106"/>
      <c r="E213" s="1106"/>
      <c r="F213" s="1106"/>
      <c r="G213" s="1106"/>
      <c r="H213" s="1106"/>
      <c r="I213" s="1106"/>
      <c r="J213" s="1106"/>
      <c r="K213" s="1106"/>
      <c r="L213" s="1106"/>
      <c r="M213" s="1106"/>
      <c r="N213" s="1106"/>
      <c r="O213" s="1106"/>
      <c r="AB213" s="1106"/>
      <c r="AC213" s="1106"/>
      <c r="AD213" s="1106"/>
      <c r="AE213" s="1106"/>
      <c r="AF213" s="1106"/>
      <c r="AG213" s="1106"/>
      <c r="AH213" s="1106"/>
      <c r="AL213" s="1106"/>
      <c r="AZ213" s="1106"/>
      <c r="BA213" s="1106"/>
      <c r="BB213" s="1106"/>
      <c r="BC213" s="1106"/>
      <c r="BD213" s="1106"/>
      <c r="BE213" s="1106"/>
      <c r="BF213" s="1106"/>
      <c r="BG213" s="1106"/>
      <c r="BH213" s="1106"/>
      <c r="BI213" s="1106"/>
      <c r="BJ213" s="1106"/>
      <c r="BK213" s="1106"/>
      <c r="BL213" s="1106"/>
      <c r="BM213" s="1106"/>
      <c r="BN213" s="1106"/>
      <c r="BO213" s="1106"/>
      <c r="BP213" s="1106"/>
      <c r="BQ213" s="1106"/>
      <c r="BR213" s="1106"/>
      <c r="BS213" s="1106"/>
      <c r="BT213" s="1106"/>
      <c r="BU213" s="1106"/>
      <c r="BV213" s="1106"/>
      <c r="BW213" s="1106"/>
      <c r="BX213" s="1106"/>
      <c r="BY213" s="1106"/>
      <c r="BZ213" s="1106"/>
      <c r="CA213" s="1106"/>
    </row>
    <row r="214" spans="3:79" ht="9" customHeight="1" x14ac:dyDescent="0.2">
      <c r="C214" s="1106"/>
      <c r="D214" s="1106"/>
      <c r="E214" s="1106"/>
      <c r="F214" s="1106"/>
      <c r="G214" s="1106"/>
      <c r="H214" s="1106"/>
      <c r="I214" s="1106"/>
      <c r="J214" s="1106"/>
      <c r="K214" s="1106"/>
      <c r="L214" s="1106"/>
      <c r="M214" s="1106"/>
      <c r="N214" s="1106"/>
      <c r="O214" s="1106"/>
      <c r="U214" s="1106"/>
      <c r="AB214" s="1106"/>
      <c r="AC214" s="1106"/>
      <c r="AD214" s="1106"/>
      <c r="AE214" s="1106"/>
      <c r="AF214" s="1106"/>
      <c r="AG214" s="1106"/>
      <c r="AH214" s="1106"/>
      <c r="AL214" s="1106"/>
      <c r="AT214" s="1106"/>
      <c r="AU214" s="1106"/>
      <c r="AV214" s="1106"/>
      <c r="AW214" s="1106"/>
      <c r="AX214" s="1106"/>
      <c r="AY214" s="1106"/>
      <c r="AZ214" s="1106"/>
      <c r="BA214" s="1106"/>
      <c r="BB214" s="1106"/>
      <c r="BC214" s="1106"/>
      <c r="BD214" s="1106"/>
      <c r="BE214" s="1106"/>
      <c r="BF214" s="1106"/>
      <c r="BG214" s="1106"/>
      <c r="BH214" s="1106"/>
      <c r="BI214" s="1106"/>
      <c r="BJ214" s="1106"/>
      <c r="BK214" s="1106"/>
      <c r="BL214" s="1106"/>
      <c r="BM214" s="1106"/>
      <c r="BN214" s="1106"/>
      <c r="BO214" s="1106"/>
      <c r="BP214" s="1106"/>
      <c r="BQ214" s="1106"/>
      <c r="BR214" s="1106"/>
      <c r="BS214" s="1106"/>
      <c r="BT214" s="1106"/>
      <c r="BU214" s="1106"/>
      <c r="BV214" s="1106"/>
      <c r="BW214" s="1106"/>
      <c r="BX214" s="1106"/>
      <c r="BY214" s="1106"/>
      <c r="BZ214" s="1106"/>
      <c r="CA214" s="1106"/>
    </row>
    <row r="215" spans="3:79" ht="9" customHeight="1" x14ac:dyDescent="0.2">
      <c r="C215" s="1106"/>
      <c r="D215" s="1106"/>
      <c r="E215" s="1106"/>
      <c r="F215" s="1106"/>
      <c r="G215" s="1106"/>
      <c r="H215" s="1106"/>
      <c r="I215" s="1106"/>
      <c r="J215" s="1106"/>
      <c r="K215" s="1106"/>
      <c r="L215" s="1106"/>
      <c r="M215" s="1106"/>
      <c r="N215" s="1106"/>
      <c r="O215" s="1106"/>
      <c r="U215" s="1106"/>
      <c r="AB215" s="1106"/>
      <c r="AC215" s="1106"/>
      <c r="AD215" s="1106"/>
      <c r="AE215" s="1106"/>
      <c r="AF215" s="1106"/>
      <c r="AG215" s="1106"/>
      <c r="AH215" s="1106"/>
      <c r="AL215" s="1106"/>
      <c r="AO215" s="1106"/>
      <c r="AP215" s="1106"/>
      <c r="AT215" s="1106"/>
      <c r="AU215" s="1106"/>
      <c r="AV215" s="1106"/>
      <c r="AW215" s="1106"/>
      <c r="AX215" s="1106"/>
      <c r="AY215" s="1106"/>
      <c r="AZ215" s="1106"/>
      <c r="BA215" s="1106"/>
      <c r="BB215" s="1106"/>
      <c r="BC215" s="1106"/>
      <c r="BD215" s="1106"/>
      <c r="BE215" s="1106"/>
      <c r="BF215" s="1106"/>
      <c r="BG215" s="1106"/>
      <c r="BH215" s="1106"/>
      <c r="BI215" s="1106"/>
      <c r="BJ215" s="1106"/>
      <c r="BK215" s="1106"/>
      <c r="BL215" s="1106"/>
      <c r="BM215" s="1106"/>
      <c r="BN215" s="1106"/>
      <c r="BO215" s="1106"/>
      <c r="BP215" s="1106"/>
      <c r="BQ215" s="1106"/>
      <c r="BR215" s="1106"/>
      <c r="BS215" s="1106"/>
      <c r="BT215" s="1106"/>
      <c r="BU215" s="1106"/>
      <c r="BV215" s="1106"/>
      <c r="BW215" s="1106"/>
      <c r="BX215" s="1106"/>
      <c r="BY215" s="1106"/>
      <c r="BZ215" s="1106"/>
      <c r="CA215" s="1106"/>
    </row>
    <row r="216" spans="3:79" ht="9" customHeight="1" x14ac:dyDescent="0.2">
      <c r="C216" s="1106"/>
      <c r="D216" s="1106"/>
      <c r="E216" s="1106"/>
      <c r="F216" s="1106"/>
      <c r="G216" s="1106"/>
      <c r="H216" s="1106"/>
      <c r="I216" s="1106"/>
      <c r="J216" s="1106"/>
      <c r="K216" s="1106"/>
      <c r="L216" s="1106"/>
      <c r="M216" s="1106"/>
      <c r="N216" s="1106"/>
      <c r="O216" s="1106"/>
      <c r="U216" s="1106"/>
      <c r="AB216" s="1106"/>
      <c r="AC216" s="1106"/>
      <c r="AD216" s="1106"/>
      <c r="AE216" s="1106"/>
      <c r="AF216" s="1106"/>
      <c r="AG216" s="1106"/>
      <c r="AH216" s="1106"/>
      <c r="AL216" s="1106"/>
      <c r="AT216" s="1106"/>
      <c r="AU216" s="1106"/>
      <c r="AV216" s="1106"/>
      <c r="AW216" s="1106"/>
      <c r="AX216" s="1106"/>
      <c r="AY216" s="1106"/>
      <c r="AZ216" s="1106"/>
      <c r="BA216" s="1106"/>
      <c r="BB216" s="1106"/>
      <c r="BC216" s="1106"/>
      <c r="BD216" s="1106"/>
      <c r="BE216" s="1106"/>
      <c r="BF216" s="1106"/>
      <c r="BG216" s="1106"/>
      <c r="BH216" s="1106"/>
      <c r="BI216" s="1106"/>
      <c r="BJ216" s="1106"/>
      <c r="BK216" s="1106"/>
      <c r="BL216" s="1106"/>
      <c r="BM216" s="1106"/>
      <c r="BN216" s="1106"/>
      <c r="BO216" s="1106"/>
      <c r="BP216" s="1106"/>
      <c r="BQ216" s="1106"/>
      <c r="BR216" s="1106"/>
      <c r="BS216" s="1106"/>
      <c r="BT216" s="1106"/>
      <c r="BU216" s="1106"/>
      <c r="BV216" s="1106"/>
      <c r="BW216" s="1106"/>
      <c r="BX216" s="1106"/>
      <c r="BY216" s="1106"/>
      <c r="BZ216" s="1106"/>
      <c r="CA216" s="1106"/>
    </row>
    <row r="217" spans="3:79" ht="9" customHeight="1" x14ac:dyDescent="0.2">
      <c r="C217" s="1106"/>
      <c r="D217" s="1106"/>
      <c r="E217" s="1106"/>
      <c r="F217" s="1106"/>
      <c r="G217" s="1106"/>
      <c r="H217" s="1106"/>
      <c r="I217" s="1106"/>
      <c r="J217" s="1106"/>
      <c r="K217" s="1106"/>
      <c r="L217" s="1106"/>
      <c r="M217" s="1106"/>
      <c r="N217" s="1106"/>
      <c r="O217" s="1106"/>
      <c r="AB217" s="1106"/>
      <c r="AC217" s="1106"/>
      <c r="AD217" s="1106"/>
      <c r="AE217" s="1106"/>
      <c r="AF217" s="1106"/>
      <c r="AG217" s="1106"/>
      <c r="AH217" s="1106"/>
      <c r="AL217" s="1106"/>
      <c r="AZ217" s="1106"/>
      <c r="BA217" s="1106"/>
      <c r="BB217" s="1106"/>
      <c r="BC217" s="1106"/>
      <c r="BD217" s="1106"/>
      <c r="BE217" s="1106"/>
      <c r="BF217" s="1106"/>
      <c r="BG217" s="1106"/>
      <c r="BH217" s="1106"/>
      <c r="BI217" s="1106"/>
      <c r="BJ217" s="1106"/>
      <c r="BK217" s="1106"/>
      <c r="BL217" s="1106"/>
      <c r="BM217" s="1106"/>
      <c r="BN217" s="1106"/>
      <c r="BO217" s="1106"/>
      <c r="BP217" s="1106"/>
      <c r="BQ217" s="1106"/>
      <c r="BR217" s="1106"/>
      <c r="BS217" s="1106"/>
      <c r="BT217" s="1106"/>
      <c r="BU217" s="1106"/>
      <c r="BV217" s="1106"/>
      <c r="BW217" s="1106"/>
      <c r="BX217" s="1106"/>
      <c r="BY217" s="1106"/>
      <c r="BZ217" s="1106"/>
      <c r="CA217" s="1106"/>
    </row>
    <row r="218" spans="3:79" ht="9" customHeight="1" x14ac:dyDescent="0.2">
      <c r="C218" s="1106"/>
      <c r="D218" s="1106"/>
      <c r="E218" s="1106"/>
      <c r="F218" s="1106"/>
      <c r="G218" s="1106"/>
      <c r="H218" s="1106"/>
      <c r="I218" s="1106"/>
      <c r="J218" s="1106"/>
      <c r="K218" s="1106"/>
      <c r="L218" s="1106"/>
      <c r="M218" s="1106"/>
      <c r="N218" s="1106"/>
      <c r="O218" s="1106"/>
      <c r="AB218" s="1106"/>
      <c r="AC218" s="1106"/>
      <c r="AD218" s="1106"/>
      <c r="AE218" s="1106"/>
      <c r="AF218" s="1106"/>
      <c r="AG218" s="1106"/>
      <c r="AH218" s="1106"/>
      <c r="AL218" s="1106"/>
      <c r="AZ218" s="1106"/>
      <c r="BA218" s="1106"/>
      <c r="BB218" s="1106"/>
      <c r="BC218" s="1106"/>
      <c r="BD218" s="1106"/>
      <c r="BE218" s="1106"/>
      <c r="BF218" s="1106"/>
      <c r="BG218" s="1106"/>
      <c r="BH218" s="1106"/>
      <c r="BI218" s="1106"/>
      <c r="BJ218" s="1106"/>
      <c r="BK218" s="1106"/>
      <c r="BL218" s="1106"/>
      <c r="BM218" s="1106"/>
      <c r="BN218" s="1106"/>
      <c r="BO218" s="1106"/>
      <c r="BP218" s="1106"/>
      <c r="BQ218" s="1106"/>
      <c r="BR218" s="1106"/>
      <c r="BS218" s="1106"/>
      <c r="BT218" s="1106"/>
      <c r="BU218" s="1106"/>
      <c r="BV218" s="1106"/>
      <c r="BW218" s="1106"/>
      <c r="BX218" s="1106"/>
      <c r="BY218" s="1106"/>
      <c r="BZ218" s="1106"/>
      <c r="CA218" s="1106"/>
    </row>
    <row r="219" spans="3:79" ht="9" customHeight="1" x14ac:dyDescent="0.2">
      <c r="C219" s="1106"/>
      <c r="D219" s="1106"/>
      <c r="E219" s="1106"/>
      <c r="F219" s="1106"/>
      <c r="G219" s="1106"/>
      <c r="H219" s="1106"/>
      <c r="I219" s="1106"/>
      <c r="J219" s="1106"/>
      <c r="K219" s="1106"/>
      <c r="L219" s="1106"/>
      <c r="M219" s="1106"/>
      <c r="N219" s="1106"/>
      <c r="O219" s="1106"/>
      <c r="AB219" s="1106"/>
      <c r="AC219" s="1106"/>
      <c r="AD219" s="1106"/>
      <c r="AE219" s="1106"/>
      <c r="AF219" s="1106"/>
      <c r="AG219" s="1106"/>
      <c r="AH219" s="1106"/>
      <c r="AL219" s="1106"/>
      <c r="AZ219" s="1106"/>
      <c r="BA219" s="1106"/>
      <c r="BB219" s="1106"/>
      <c r="BC219" s="1106"/>
      <c r="BD219" s="1106"/>
      <c r="BE219" s="1106"/>
      <c r="BF219" s="1106"/>
      <c r="BG219" s="1106"/>
      <c r="BH219" s="1106"/>
      <c r="BI219" s="1106"/>
      <c r="BJ219" s="1106"/>
      <c r="BK219" s="1106"/>
      <c r="BL219" s="1106"/>
      <c r="BM219" s="1106"/>
      <c r="BN219" s="1106"/>
      <c r="BO219" s="1106"/>
      <c r="BP219" s="1106"/>
      <c r="BQ219" s="1106"/>
      <c r="BR219" s="1106"/>
      <c r="BS219" s="1106"/>
      <c r="BT219" s="1106"/>
      <c r="BU219" s="1106"/>
      <c r="BV219" s="1106"/>
      <c r="BW219" s="1106"/>
      <c r="BX219" s="1106"/>
      <c r="BY219" s="1106"/>
      <c r="BZ219" s="1106"/>
      <c r="CA219" s="1106"/>
    </row>
    <row r="220" spans="3:79" ht="9" customHeight="1" x14ac:dyDescent="0.2">
      <c r="C220" s="1106"/>
      <c r="D220" s="1106"/>
      <c r="E220" s="1106"/>
      <c r="F220" s="1106"/>
      <c r="G220" s="1106"/>
      <c r="H220" s="1106"/>
      <c r="I220" s="1106"/>
      <c r="J220" s="1106"/>
      <c r="K220" s="1106"/>
      <c r="L220" s="1106"/>
      <c r="M220" s="1106"/>
      <c r="N220" s="1106"/>
      <c r="O220" s="1106"/>
      <c r="U220" s="1106"/>
      <c r="AB220" s="1106"/>
      <c r="AC220" s="1106"/>
      <c r="AD220" s="1106"/>
      <c r="AE220" s="1106"/>
      <c r="AF220" s="1106"/>
      <c r="AG220" s="1106"/>
      <c r="AH220" s="1106"/>
      <c r="AL220" s="1106"/>
      <c r="AT220" s="1106"/>
      <c r="AU220" s="1106"/>
      <c r="AV220" s="1106"/>
      <c r="AW220" s="1106"/>
      <c r="AX220" s="1106"/>
      <c r="AY220" s="1106"/>
      <c r="AZ220" s="1106"/>
      <c r="BA220" s="1106"/>
      <c r="BB220" s="1106"/>
      <c r="BC220" s="1106"/>
      <c r="BD220" s="1106"/>
      <c r="BE220" s="1106"/>
      <c r="BF220" s="1106"/>
      <c r="BG220" s="1106"/>
      <c r="BH220" s="1106"/>
      <c r="BI220" s="1106"/>
      <c r="BJ220" s="1106"/>
      <c r="BK220" s="1106"/>
      <c r="BL220" s="1106"/>
      <c r="BM220" s="1106"/>
      <c r="BN220" s="1106"/>
      <c r="BO220" s="1106"/>
      <c r="BP220" s="1106"/>
      <c r="BQ220" s="1106"/>
      <c r="BR220" s="1106"/>
      <c r="BS220" s="1106"/>
      <c r="BT220" s="1106"/>
      <c r="BU220" s="1106"/>
      <c r="BV220" s="1106"/>
      <c r="BW220" s="1106"/>
      <c r="BX220" s="1106"/>
      <c r="BY220" s="1106"/>
      <c r="BZ220" s="1106"/>
      <c r="CA220" s="1106"/>
    </row>
    <row r="221" spans="3:79" ht="9" customHeight="1" x14ac:dyDescent="0.2">
      <c r="C221" s="1106"/>
      <c r="D221" s="1106"/>
      <c r="E221" s="1106"/>
      <c r="F221" s="1106"/>
      <c r="G221" s="1106"/>
      <c r="H221" s="1106"/>
      <c r="I221" s="1106"/>
      <c r="J221" s="1106"/>
      <c r="K221" s="1106"/>
      <c r="L221" s="1106"/>
      <c r="M221" s="1106"/>
      <c r="N221" s="1106"/>
      <c r="O221" s="1106"/>
      <c r="U221" s="1106"/>
      <c r="AB221" s="1106"/>
      <c r="AC221" s="1106"/>
      <c r="AD221" s="1106"/>
      <c r="AE221" s="1106"/>
      <c r="AF221" s="1106"/>
      <c r="AG221" s="1106"/>
      <c r="AH221" s="1106"/>
      <c r="AL221" s="1106"/>
      <c r="AO221" s="1106"/>
      <c r="AP221" s="1106"/>
      <c r="AT221" s="1106"/>
      <c r="AU221" s="1106"/>
      <c r="AV221" s="1106"/>
      <c r="AW221" s="1106"/>
      <c r="AX221" s="1106"/>
      <c r="AY221" s="1106"/>
      <c r="AZ221" s="1106"/>
      <c r="BA221" s="1106"/>
      <c r="BB221" s="1106"/>
      <c r="BC221" s="1106"/>
      <c r="BD221" s="1106"/>
      <c r="BE221" s="1106"/>
      <c r="BF221" s="1106"/>
      <c r="BG221" s="1106"/>
      <c r="BH221" s="1106"/>
      <c r="BI221" s="1106"/>
      <c r="BJ221" s="1106"/>
      <c r="BK221" s="1106"/>
      <c r="BL221" s="1106"/>
      <c r="BM221" s="1106"/>
      <c r="BN221" s="1106"/>
      <c r="BO221" s="1106"/>
      <c r="BP221" s="1106"/>
      <c r="BQ221" s="1106"/>
      <c r="BR221" s="1106"/>
      <c r="BS221" s="1106"/>
      <c r="BT221" s="1106"/>
      <c r="BU221" s="1106"/>
      <c r="BV221" s="1106"/>
      <c r="BW221" s="1106"/>
      <c r="BX221" s="1106"/>
      <c r="BY221" s="1106"/>
      <c r="BZ221" s="1106"/>
      <c r="CA221" s="1106"/>
    </row>
    <row r="222" spans="3:79" ht="9" customHeight="1" x14ac:dyDescent="0.2">
      <c r="C222" s="1106"/>
      <c r="D222" s="1106"/>
      <c r="E222" s="1106"/>
      <c r="F222" s="1106"/>
      <c r="G222" s="1106"/>
      <c r="H222" s="1106"/>
      <c r="I222" s="1106"/>
      <c r="J222" s="1106"/>
      <c r="K222" s="1106"/>
      <c r="L222" s="1106"/>
      <c r="M222" s="1106"/>
      <c r="N222" s="1106"/>
      <c r="O222" s="1106"/>
      <c r="U222" s="1106"/>
      <c r="AB222" s="1106"/>
      <c r="AC222" s="1106"/>
      <c r="AD222" s="1106"/>
      <c r="AE222" s="1106"/>
      <c r="AF222" s="1106"/>
      <c r="AG222" s="1106"/>
      <c r="AH222" s="1106"/>
      <c r="AL222" s="1106"/>
      <c r="AT222" s="1106"/>
      <c r="AU222" s="1106"/>
      <c r="AV222" s="1106"/>
      <c r="AW222" s="1106"/>
      <c r="AX222" s="1106"/>
      <c r="AY222" s="1106"/>
      <c r="AZ222" s="1106"/>
      <c r="BA222" s="1106"/>
      <c r="BB222" s="1106"/>
      <c r="BC222" s="1106"/>
      <c r="BD222" s="1106"/>
      <c r="BE222" s="1106"/>
      <c r="BF222" s="1106"/>
      <c r="BG222" s="1106"/>
      <c r="BH222" s="1106"/>
      <c r="BI222" s="1106"/>
      <c r="BJ222" s="1106"/>
      <c r="BK222" s="1106"/>
      <c r="BL222" s="1106"/>
      <c r="BM222" s="1106"/>
      <c r="BN222" s="1106"/>
      <c r="BO222" s="1106"/>
      <c r="BP222" s="1106"/>
      <c r="BQ222" s="1106"/>
      <c r="BR222" s="1106"/>
      <c r="BS222" s="1106"/>
      <c r="BT222" s="1106"/>
      <c r="BU222" s="1106"/>
      <c r="BV222" s="1106"/>
      <c r="BW222" s="1106"/>
      <c r="BX222" s="1106"/>
      <c r="BY222" s="1106"/>
      <c r="BZ222" s="1106"/>
      <c r="CA222" s="1106"/>
    </row>
    <row r="223" spans="3:79" ht="9" customHeight="1" x14ac:dyDescent="0.2">
      <c r="C223" s="1106"/>
      <c r="D223" s="1106"/>
      <c r="E223" s="1106"/>
      <c r="F223" s="1106"/>
      <c r="G223" s="1106"/>
      <c r="H223" s="1106"/>
      <c r="I223" s="1106"/>
      <c r="J223" s="1106"/>
      <c r="K223" s="1106"/>
      <c r="L223" s="1106"/>
      <c r="M223" s="1106"/>
      <c r="N223" s="1106"/>
      <c r="O223" s="1106"/>
      <c r="AB223" s="1106"/>
      <c r="AC223" s="1106"/>
      <c r="AD223" s="1106"/>
      <c r="AE223" s="1106"/>
      <c r="AF223" s="1106"/>
      <c r="AG223" s="1106"/>
      <c r="AH223" s="1106"/>
      <c r="AL223" s="1106"/>
      <c r="AZ223" s="1106"/>
      <c r="BA223" s="1106"/>
      <c r="BB223" s="1106"/>
      <c r="BC223" s="1106"/>
      <c r="BD223" s="1106"/>
      <c r="BE223" s="1106"/>
      <c r="BF223" s="1106"/>
      <c r="BG223" s="1106"/>
      <c r="BH223" s="1106"/>
      <c r="BI223" s="1106"/>
      <c r="BJ223" s="1106"/>
      <c r="BK223" s="1106"/>
      <c r="BL223" s="1106"/>
      <c r="BM223" s="1106"/>
      <c r="BN223" s="1106"/>
      <c r="BO223" s="1106"/>
      <c r="BP223" s="1106"/>
      <c r="BQ223" s="1106"/>
      <c r="BR223" s="1106"/>
      <c r="BS223" s="1106"/>
      <c r="BT223" s="1106"/>
      <c r="BU223" s="1106"/>
      <c r="BV223" s="1106"/>
      <c r="BW223" s="1106"/>
      <c r="BX223" s="1106"/>
      <c r="BY223" s="1106"/>
      <c r="BZ223" s="1106"/>
      <c r="CA223" s="1106"/>
    </row>
    <row r="224" spans="3:79" ht="9" customHeight="1" x14ac:dyDescent="0.2">
      <c r="C224" s="1106"/>
      <c r="D224" s="1106"/>
      <c r="E224" s="1106"/>
      <c r="F224" s="1106"/>
      <c r="G224" s="1106"/>
      <c r="H224" s="1106"/>
      <c r="I224" s="1106"/>
      <c r="J224" s="1106"/>
      <c r="K224" s="1106"/>
      <c r="L224" s="1106"/>
      <c r="M224" s="1106"/>
      <c r="N224" s="1106"/>
      <c r="O224" s="1106"/>
      <c r="AB224" s="1106"/>
      <c r="AC224" s="1106"/>
      <c r="AD224" s="1106"/>
      <c r="AE224" s="1106"/>
      <c r="AF224" s="1106"/>
      <c r="AG224" s="1106"/>
      <c r="AH224" s="1106"/>
      <c r="AL224" s="1106"/>
      <c r="AZ224" s="1106"/>
      <c r="BA224" s="1106"/>
      <c r="BB224" s="1106"/>
      <c r="BC224" s="1106"/>
      <c r="BD224" s="1106"/>
      <c r="BE224" s="1106"/>
      <c r="BF224" s="1106"/>
      <c r="BG224" s="1106"/>
      <c r="BH224" s="1106"/>
      <c r="BI224" s="1106"/>
      <c r="BJ224" s="1106"/>
      <c r="BK224" s="1106"/>
      <c r="BL224" s="1106"/>
      <c r="BM224" s="1106"/>
      <c r="BN224" s="1106"/>
      <c r="BO224" s="1106"/>
      <c r="BP224" s="1106"/>
      <c r="BQ224" s="1106"/>
      <c r="BR224" s="1106"/>
      <c r="BS224" s="1106"/>
      <c r="BT224" s="1106"/>
      <c r="BU224" s="1106"/>
      <c r="BV224" s="1106"/>
      <c r="BW224" s="1106"/>
      <c r="BX224" s="1106"/>
      <c r="BY224" s="1106"/>
      <c r="BZ224" s="1106"/>
      <c r="CA224" s="1106"/>
    </row>
    <row r="225" spans="3:79" ht="9" customHeight="1" x14ac:dyDescent="0.2">
      <c r="C225" s="1106"/>
      <c r="D225" s="1106"/>
      <c r="E225" s="1106"/>
      <c r="F225" s="1106"/>
      <c r="G225" s="1106"/>
      <c r="H225" s="1106"/>
      <c r="I225" s="1106"/>
      <c r="J225" s="1106"/>
      <c r="K225" s="1106"/>
      <c r="L225" s="1106"/>
      <c r="M225" s="1106"/>
      <c r="N225" s="1106"/>
      <c r="O225" s="1106"/>
      <c r="AB225" s="1106"/>
      <c r="AC225" s="1106"/>
      <c r="AD225" s="1106"/>
      <c r="AE225" s="1106"/>
      <c r="AF225" s="1106"/>
      <c r="AG225" s="1106"/>
      <c r="AH225" s="1106"/>
      <c r="AL225" s="1106"/>
      <c r="AZ225" s="1106"/>
      <c r="BA225" s="1106"/>
      <c r="BB225" s="1106"/>
      <c r="BC225" s="1106"/>
      <c r="BD225" s="1106"/>
      <c r="BE225" s="1106"/>
      <c r="BF225" s="1106"/>
      <c r="BG225" s="1106"/>
      <c r="BH225" s="1106"/>
      <c r="BI225" s="1106"/>
      <c r="BJ225" s="1106"/>
      <c r="BK225" s="1106"/>
      <c r="BL225" s="1106"/>
      <c r="BM225" s="1106"/>
      <c r="BN225" s="1106"/>
      <c r="BO225" s="1106"/>
      <c r="BP225" s="1106"/>
      <c r="BQ225" s="1106"/>
      <c r="BR225" s="1106"/>
      <c r="BS225" s="1106"/>
      <c r="BT225" s="1106"/>
      <c r="BU225" s="1106"/>
      <c r="BV225" s="1106"/>
      <c r="BW225" s="1106"/>
      <c r="BX225" s="1106"/>
      <c r="BY225" s="1106"/>
      <c r="BZ225" s="1106"/>
      <c r="CA225" s="1106"/>
    </row>
    <row r="226" spans="3:79" ht="9" customHeight="1" x14ac:dyDescent="0.2">
      <c r="C226" s="1106"/>
      <c r="D226" s="1106"/>
      <c r="E226" s="1106"/>
      <c r="F226" s="1106"/>
      <c r="G226" s="1106"/>
      <c r="H226" s="1106"/>
      <c r="I226" s="1106"/>
      <c r="J226" s="1106"/>
      <c r="K226" s="1106"/>
      <c r="L226" s="1106"/>
      <c r="M226" s="1106"/>
      <c r="N226" s="1106"/>
      <c r="O226" s="1106"/>
      <c r="U226" s="1106"/>
      <c r="AB226" s="1106"/>
      <c r="AC226" s="1106"/>
      <c r="AD226" s="1106"/>
      <c r="AE226" s="1106"/>
      <c r="AF226" s="1106"/>
      <c r="AG226" s="1106"/>
      <c r="AH226" s="1106"/>
      <c r="AL226" s="1106"/>
      <c r="AT226" s="1106"/>
      <c r="AU226" s="1106"/>
      <c r="AV226" s="1106"/>
      <c r="AW226" s="1106"/>
      <c r="AX226" s="1106"/>
      <c r="AY226" s="1106"/>
      <c r="AZ226" s="1106"/>
      <c r="BA226" s="1106"/>
      <c r="BB226" s="1106"/>
      <c r="BC226" s="1106"/>
      <c r="BD226" s="1106"/>
      <c r="BE226" s="1106"/>
      <c r="BF226" s="1106"/>
      <c r="BG226" s="1106"/>
      <c r="BH226" s="1106"/>
      <c r="BI226" s="1106"/>
      <c r="BJ226" s="1106"/>
      <c r="BK226" s="1106"/>
      <c r="BL226" s="1106"/>
      <c r="BM226" s="1106"/>
      <c r="BN226" s="1106"/>
      <c r="BO226" s="1106"/>
      <c r="BP226" s="1106"/>
      <c r="BQ226" s="1106"/>
      <c r="BR226" s="1106"/>
      <c r="BS226" s="1106"/>
      <c r="BT226" s="1106"/>
      <c r="BU226" s="1106"/>
      <c r="BV226" s="1106"/>
      <c r="BW226" s="1106"/>
      <c r="BX226" s="1106"/>
      <c r="BY226" s="1106"/>
      <c r="BZ226" s="1106"/>
      <c r="CA226" s="1106"/>
    </row>
    <row r="227" spans="3:79" ht="9" customHeight="1" x14ac:dyDescent="0.2">
      <c r="C227" s="1106"/>
      <c r="D227" s="1106"/>
      <c r="E227" s="1106"/>
      <c r="F227" s="1106"/>
      <c r="G227" s="1106"/>
      <c r="H227" s="1106"/>
      <c r="I227" s="1106"/>
      <c r="J227" s="1106"/>
      <c r="K227" s="1106"/>
      <c r="L227" s="1106"/>
      <c r="M227" s="1106"/>
      <c r="N227" s="1106"/>
      <c r="O227" s="1106"/>
      <c r="U227" s="1106"/>
      <c r="AB227" s="1106"/>
      <c r="AC227" s="1106"/>
      <c r="AD227" s="1106"/>
      <c r="AE227" s="1106"/>
      <c r="AF227" s="1106"/>
      <c r="AG227" s="1106"/>
      <c r="AH227" s="1106"/>
      <c r="AL227" s="1106"/>
      <c r="AO227" s="1106"/>
      <c r="AP227" s="1106"/>
      <c r="AT227" s="1106"/>
      <c r="AU227" s="1106"/>
      <c r="AV227" s="1106"/>
      <c r="AW227" s="1106"/>
      <c r="AX227" s="1106"/>
      <c r="AY227" s="1106"/>
      <c r="AZ227" s="1106"/>
      <c r="BA227" s="1106"/>
      <c r="BB227" s="1106"/>
      <c r="BC227" s="1106"/>
      <c r="BD227" s="1106"/>
      <c r="BE227" s="1106"/>
      <c r="BF227" s="1106"/>
      <c r="BG227" s="1106"/>
      <c r="BH227" s="1106"/>
      <c r="BI227" s="1106"/>
      <c r="BJ227" s="1106"/>
      <c r="BK227" s="1106"/>
      <c r="BL227" s="1106"/>
      <c r="BM227" s="1106"/>
      <c r="BN227" s="1106"/>
      <c r="BO227" s="1106"/>
      <c r="BP227" s="1106"/>
      <c r="BQ227" s="1106"/>
      <c r="BR227" s="1106"/>
      <c r="BS227" s="1106"/>
      <c r="BT227" s="1106"/>
      <c r="BU227" s="1106"/>
      <c r="BV227" s="1106"/>
      <c r="BW227" s="1106"/>
      <c r="BX227" s="1106"/>
      <c r="BY227" s="1106"/>
      <c r="BZ227" s="1106"/>
      <c r="CA227" s="1106"/>
    </row>
    <row r="228" spans="3:79" ht="9" customHeight="1" x14ac:dyDescent="0.2">
      <c r="C228" s="1106"/>
      <c r="D228" s="1106"/>
      <c r="E228" s="1106"/>
      <c r="F228" s="1106"/>
      <c r="G228" s="1106"/>
      <c r="H228" s="1106"/>
      <c r="I228" s="1106"/>
      <c r="J228" s="1106"/>
      <c r="K228" s="1106"/>
      <c r="L228" s="1106"/>
      <c r="M228" s="1106"/>
      <c r="N228" s="1106"/>
      <c r="O228" s="1106"/>
      <c r="U228" s="1106"/>
      <c r="AB228" s="1106"/>
      <c r="AC228" s="1106"/>
      <c r="AD228" s="1106"/>
      <c r="AE228" s="1106"/>
      <c r="AF228" s="1106"/>
      <c r="AG228" s="1106"/>
      <c r="AH228" s="1106"/>
      <c r="AL228" s="1106"/>
      <c r="AT228" s="1106"/>
      <c r="AU228" s="1106"/>
      <c r="AV228" s="1106"/>
      <c r="AW228" s="1106"/>
      <c r="AX228" s="1106"/>
      <c r="AY228" s="1106"/>
      <c r="AZ228" s="1106"/>
      <c r="BA228" s="1106"/>
      <c r="BB228" s="1106"/>
      <c r="BC228" s="1106"/>
      <c r="BD228" s="1106"/>
      <c r="BE228" s="1106"/>
      <c r="BF228" s="1106"/>
      <c r="BG228" s="1106"/>
      <c r="BH228" s="1106"/>
      <c r="BI228" s="1106"/>
      <c r="BJ228" s="1106"/>
      <c r="BK228" s="1106"/>
      <c r="BL228" s="1106"/>
      <c r="BM228" s="1106"/>
      <c r="BN228" s="1106"/>
      <c r="BO228" s="1106"/>
      <c r="BP228" s="1106"/>
      <c r="BQ228" s="1106"/>
      <c r="BR228" s="1106"/>
      <c r="BS228" s="1106"/>
      <c r="BT228" s="1106"/>
      <c r="BU228" s="1106"/>
      <c r="BV228" s="1106"/>
      <c r="BW228" s="1106"/>
      <c r="BX228" s="1106"/>
      <c r="BY228" s="1106"/>
      <c r="BZ228" s="1106"/>
      <c r="CA228" s="1106"/>
    </row>
    <row r="229" spans="3:79" ht="9" customHeight="1" x14ac:dyDescent="0.2">
      <c r="C229" s="1106"/>
      <c r="D229" s="1106"/>
      <c r="E229" s="1106"/>
      <c r="F229" s="1106"/>
      <c r="G229" s="1106"/>
      <c r="H229" s="1106"/>
      <c r="I229" s="1106"/>
      <c r="J229" s="1106"/>
      <c r="K229" s="1106"/>
      <c r="L229" s="1106"/>
      <c r="M229" s="1106"/>
      <c r="N229" s="1106"/>
      <c r="O229" s="1106"/>
      <c r="AB229" s="1106"/>
      <c r="AC229" s="1106"/>
      <c r="AD229" s="1106"/>
      <c r="AE229" s="1106"/>
      <c r="AF229" s="1106"/>
      <c r="AG229" s="1106"/>
      <c r="AH229" s="1106"/>
      <c r="AL229" s="1106"/>
      <c r="AZ229" s="1106"/>
      <c r="BA229" s="1106"/>
      <c r="BB229" s="1106"/>
      <c r="BC229" s="1106"/>
      <c r="BD229" s="1106"/>
      <c r="BE229" s="1106"/>
      <c r="BF229" s="1106"/>
      <c r="BG229" s="1106"/>
      <c r="BH229" s="1106"/>
      <c r="BI229" s="1106"/>
      <c r="BJ229" s="1106"/>
      <c r="BK229" s="1106"/>
      <c r="BL229" s="1106"/>
      <c r="BM229" s="1106"/>
      <c r="BN229" s="1106"/>
      <c r="BO229" s="1106"/>
      <c r="BP229" s="1106"/>
      <c r="BQ229" s="1106"/>
      <c r="BR229" s="1106"/>
      <c r="BS229" s="1106"/>
      <c r="BT229" s="1106"/>
      <c r="BU229" s="1106"/>
      <c r="BV229" s="1106"/>
      <c r="BW229" s="1106"/>
      <c r="BX229" s="1106"/>
      <c r="BY229" s="1106"/>
      <c r="BZ229" s="1106"/>
      <c r="CA229" s="1106"/>
    </row>
    <row r="230" spans="3:79" ht="9" customHeight="1" x14ac:dyDescent="0.2">
      <c r="C230" s="1106"/>
      <c r="D230" s="1106"/>
      <c r="E230" s="1106"/>
      <c r="F230" s="1106"/>
      <c r="G230" s="1106"/>
      <c r="H230" s="1106"/>
      <c r="I230" s="1106"/>
      <c r="J230" s="1106"/>
      <c r="K230" s="1106"/>
      <c r="L230" s="1106"/>
      <c r="M230" s="1106"/>
      <c r="N230" s="1106"/>
      <c r="O230" s="1106"/>
      <c r="AB230" s="1106"/>
      <c r="AC230" s="1106"/>
      <c r="AD230" s="1106"/>
      <c r="AE230" s="1106"/>
      <c r="AF230" s="1106"/>
      <c r="AG230" s="1106"/>
      <c r="AH230" s="1106"/>
      <c r="AL230" s="1106"/>
      <c r="AZ230" s="1106"/>
      <c r="BA230" s="1106"/>
      <c r="BB230" s="1106"/>
      <c r="BC230" s="1106"/>
      <c r="BD230" s="1106"/>
      <c r="BE230" s="1106"/>
      <c r="BF230" s="1106"/>
      <c r="BG230" s="1106"/>
      <c r="BH230" s="1106"/>
      <c r="BI230" s="1106"/>
      <c r="BJ230" s="1106"/>
      <c r="BK230" s="1106"/>
      <c r="BL230" s="1106"/>
      <c r="BM230" s="1106"/>
      <c r="BN230" s="1106"/>
      <c r="BO230" s="1106"/>
      <c r="BP230" s="1106"/>
      <c r="BQ230" s="1106"/>
      <c r="BR230" s="1106"/>
      <c r="BS230" s="1106"/>
      <c r="BT230" s="1106"/>
      <c r="BU230" s="1106"/>
      <c r="BV230" s="1106"/>
      <c r="BW230" s="1106"/>
      <c r="BX230" s="1106"/>
      <c r="BY230" s="1106"/>
      <c r="BZ230" s="1106"/>
      <c r="CA230" s="1106"/>
    </row>
    <row r="231" spans="3:79" ht="9" customHeight="1" x14ac:dyDescent="0.2">
      <c r="C231" s="1106"/>
      <c r="D231" s="1106"/>
      <c r="E231" s="1106"/>
      <c r="F231" s="1106"/>
      <c r="G231" s="1106"/>
      <c r="H231" s="1106"/>
      <c r="I231" s="1106"/>
      <c r="J231" s="1106"/>
      <c r="K231" s="1106"/>
      <c r="L231" s="1106"/>
      <c r="M231" s="1106"/>
      <c r="N231" s="1106"/>
      <c r="O231" s="1106"/>
      <c r="AB231" s="1106"/>
      <c r="AC231" s="1106"/>
      <c r="AD231" s="1106"/>
      <c r="AE231" s="1106"/>
      <c r="AF231" s="1106"/>
      <c r="AG231" s="1106"/>
      <c r="AH231" s="1106"/>
      <c r="AL231" s="1106"/>
      <c r="AZ231" s="1106"/>
      <c r="BA231" s="1106"/>
      <c r="BB231" s="1106"/>
      <c r="BC231" s="1106"/>
      <c r="BD231" s="1106"/>
      <c r="BE231" s="1106"/>
      <c r="BF231" s="1106"/>
      <c r="BG231" s="1106"/>
      <c r="BH231" s="1106"/>
      <c r="BI231" s="1106"/>
      <c r="BJ231" s="1106"/>
      <c r="BK231" s="1106"/>
      <c r="BL231" s="1106"/>
      <c r="BM231" s="1106"/>
      <c r="BN231" s="1106"/>
      <c r="BO231" s="1106"/>
      <c r="BP231" s="1106"/>
      <c r="BQ231" s="1106"/>
      <c r="BR231" s="1106"/>
      <c r="BS231" s="1106"/>
      <c r="BT231" s="1106"/>
      <c r="BU231" s="1106"/>
      <c r="BV231" s="1106"/>
      <c r="BW231" s="1106"/>
      <c r="BX231" s="1106"/>
      <c r="BY231" s="1106"/>
      <c r="BZ231" s="1106"/>
      <c r="CA231" s="1106"/>
    </row>
    <row r="232" spans="3:79" ht="9" customHeight="1" x14ac:dyDescent="0.2">
      <c r="C232" s="1106"/>
      <c r="D232" s="1106"/>
      <c r="E232" s="1106"/>
      <c r="F232" s="1106"/>
      <c r="G232" s="1106"/>
      <c r="H232" s="1106"/>
      <c r="I232" s="1106"/>
      <c r="J232" s="1106"/>
      <c r="K232" s="1106"/>
      <c r="L232" s="1106"/>
      <c r="M232" s="1106"/>
      <c r="N232" s="1106"/>
      <c r="O232" s="1106"/>
      <c r="U232" s="1106"/>
      <c r="AB232" s="1106"/>
      <c r="AC232" s="1106"/>
      <c r="AD232" s="1106"/>
      <c r="AE232" s="1106"/>
      <c r="AF232" s="1106"/>
      <c r="AG232" s="1106"/>
      <c r="AH232" s="1106"/>
      <c r="AL232" s="1106"/>
      <c r="AT232" s="1106"/>
      <c r="AU232" s="1106"/>
      <c r="AV232" s="1106"/>
      <c r="AW232" s="1106"/>
      <c r="AX232" s="1106"/>
      <c r="AY232" s="1106"/>
      <c r="AZ232" s="1106"/>
      <c r="BA232" s="1106"/>
      <c r="BB232" s="1106"/>
      <c r="BC232" s="1106"/>
      <c r="BD232" s="1106"/>
      <c r="BE232" s="1106"/>
      <c r="BF232" s="1106"/>
      <c r="BG232" s="1106"/>
      <c r="BH232" s="1106"/>
      <c r="BI232" s="1106"/>
      <c r="BJ232" s="1106"/>
      <c r="BK232" s="1106"/>
      <c r="BL232" s="1106"/>
      <c r="BM232" s="1106"/>
      <c r="BN232" s="1106"/>
      <c r="BO232" s="1106"/>
      <c r="BP232" s="1106"/>
      <c r="BQ232" s="1106"/>
      <c r="BR232" s="1106"/>
      <c r="BS232" s="1106"/>
      <c r="BT232" s="1106"/>
      <c r="BU232" s="1106"/>
      <c r="BV232" s="1106"/>
      <c r="BW232" s="1106"/>
      <c r="BX232" s="1106"/>
      <c r="BY232" s="1106"/>
      <c r="BZ232" s="1106"/>
      <c r="CA232" s="1106"/>
    </row>
    <row r="233" spans="3:79" ht="9" customHeight="1" x14ac:dyDescent="0.2">
      <c r="C233" s="1106"/>
      <c r="D233" s="1106"/>
      <c r="E233" s="1106"/>
      <c r="F233" s="1106"/>
      <c r="G233" s="1106"/>
      <c r="H233" s="1106"/>
      <c r="I233" s="1106"/>
      <c r="J233" s="1106"/>
      <c r="K233" s="1106"/>
      <c r="L233" s="1106"/>
      <c r="M233" s="1106"/>
      <c r="N233" s="1106"/>
      <c r="O233" s="1106"/>
      <c r="U233" s="1106"/>
      <c r="AB233" s="1106"/>
      <c r="AC233" s="1106"/>
      <c r="AD233" s="1106"/>
      <c r="AE233" s="1106"/>
      <c r="AF233" s="1106"/>
      <c r="AG233" s="1106"/>
      <c r="AH233" s="1106"/>
      <c r="AL233" s="1106"/>
      <c r="AO233" s="1106"/>
      <c r="AP233" s="1106"/>
      <c r="AT233" s="1106"/>
      <c r="AU233" s="1106"/>
      <c r="AV233" s="1106"/>
      <c r="AW233" s="1106"/>
      <c r="AX233" s="1106"/>
      <c r="AY233" s="1106"/>
      <c r="AZ233" s="1106"/>
      <c r="BA233" s="1106"/>
      <c r="BB233" s="1106"/>
      <c r="BC233" s="1106"/>
      <c r="BD233" s="1106"/>
      <c r="BE233" s="1106"/>
      <c r="BF233" s="1106"/>
      <c r="BG233" s="1106"/>
      <c r="BH233" s="1106"/>
      <c r="BI233" s="1106"/>
      <c r="BJ233" s="1106"/>
      <c r="BK233" s="1106"/>
      <c r="BL233" s="1106"/>
      <c r="BM233" s="1106"/>
      <c r="BN233" s="1106"/>
      <c r="BO233" s="1106"/>
      <c r="BP233" s="1106"/>
      <c r="BQ233" s="1106"/>
      <c r="BR233" s="1106"/>
      <c r="BS233" s="1106"/>
      <c r="BT233" s="1106"/>
      <c r="BU233" s="1106"/>
      <c r="BV233" s="1106"/>
      <c r="BW233" s="1106"/>
      <c r="BX233" s="1106"/>
      <c r="BY233" s="1106"/>
      <c r="BZ233" s="1106"/>
      <c r="CA233" s="1106"/>
    </row>
    <row r="234" spans="3:79" ht="9" customHeight="1" x14ac:dyDescent="0.2">
      <c r="C234" s="1106"/>
      <c r="D234" s="1106"/>
      <c r="E234" s="1106"/>
      <c r="F234" s="1106"/>
      <c r="G234" s="1106"/>
      <c r="H234" s="1106"/>
      <c r="I234" s="1106"/>
      <c r="J234" s="1106"/>
      <c r="K234" s="1106"/>
      <c r="L234" s="1106"/>
      <c r="M234" s="1106"/>
      <c r="N234" s="1106"/>
      <c r="O234" s="1106"/>
      <c r="U234" s="1106"/>
      <c r="AB234" s="1106"/>
      <c r="AC234" s="1106"/>
      <c r="AD234" s="1106"/>
      <c r="AE234" s="1106"/>
      <c r="AF234" s="1106"/>
      <c r="AG234" s="1106"/>
      <c r="AH234" s="1106"/>
      <c r="AL234" s="1106"/>
      <c r="AT234" s="1106"/>
      <c r="AU234" s="1106"/>
      <c r="AV234" s="1106"/>
      <c r="AW234" s="1106"/>
      <c r="AX234" s="1106"/>
      <c r="AY234" s="1106"/>
      <c r="AZ234" s="1106"/>
      <c r="BA234" s="1106"/>
      <c r="BB234" s="1106"/>
      <c r="BC234" s="1106"/>
      <c r="BD234" s="1106"/>
      <c r="BE234" s="1106"/>
      <c r="BF234" s="1106"/>
      <c r="BG234" s="1106"/>
      <c r="BH234" s="1106"/>
      <c r="BI234" s="1106"/>
      <c r="BJ234" s="1106"/>
      <c r="BK234" s="1106"/>
      <c r="BL234" s="1106"/>
      <c r="BM234" s="1106"/>
      <c r="BN234" s="1106"/>
      <c r="BO234" s="1106"/>
      <c r="BP234" s="1106"/>
      <c r="BQ234" s="1106"/>
      <c r="BR234" s="1106"/>
      <c r="BS234" s="1106"/>
      <c r="BT234" s="1106"/>
      <c r="BU234" s="1106"/>
      <c r="BV234" s="1106"/>
      <c r="BW234" s="1106"/>
      <c r="BX234" s="1106"/>
      <c r="BY234" s="1106"/>
      <c r="BZ234" s="1106"/>
      <c r="CA234" s="1106"/>
    </row>
    <row r="235" spans="3:79" ht="9" customHeight="1" x14ac:dyDescent="0.2">
      <c r="C235" s="1106"/>
      <c r="D235" s="1106"/>
      <c r="E235" s="1106"/>
      <c r="F235" s="1106"/>
      <c r="G235" s="1106"/>
      <c r="H235" s="1106"/>
      <c r="I235" s="1106"/>
      <c r="J235" s="1106"/>
      <c r="K235" s="1106"/>
      <c r="L235" s="1106"/>
      <c r="M235" s="1106"/>
      <c r="N235" s="1106"/>
      <c r="O235" s="1106"/>
      <c r="AB235" s="1106"/>
      <c r="AC235" s="1106"/>
      <c r="AD235" s="1106"/>
      <c r="AE235" s="1106"/>
      <c r="AF235" s="1106"/>
      <c r="AG235" s="1106"/>
      <c r="AH235" s="1106"/>
      <c r="AL235" s="1106"/>
      <c r="AZ235" s="1106"/>
      <c r="BA235" s="1106"/>
      <c r="BB235" s="1106"/>
      <c r="BC235" s="1106"/>
      <c r="BD235" s="1106"/>
      <c r="BE235" s="1106"/>
      <c r="BF235" s="1106"/>
      <c r="BG235" s="1106"/>
      <c r="BH235" s="1106"/>
      <c r="BI235" s="1106"/>
      <c r="BJ235" s="1106"/>
      <c r="BK235" s="1106"/>
      <c r="BL235" s="1106"/>
      <c r="BM235" s="1106"/>
      <c r="BN235" s="1106"/>
      <c r="BO235" s="1106"/>
      <c r="BP235" s="1106"/>
      <c r="BQ235" s="1106"/>
      <c r="BR235" s="1106"/>
      <c r="BS235" s="1106"/>
      <c r="BT235" s="1106"/>
      <c r="BU235" s="1106"/>
      <c r="BV235" s="1106"/>
      <c r="BW235" s="1106"/>
      <c r="BX235" s="1106"/>
      <c r="BY235" s="1106"/>
      <c r="BZ235" s="1106"/>
      <c r="CA235" s="1106"/>
    </row>
    <row r="236" spans="3:79" ht="9" customHeight="1" x14ac:dyDescent="0.2">
      <c r="C236" s="1106"/>
      <c r="D236" s="1106"/>
      <c r="E236" s="1106"/>
      <c r="F236" s="1106"/>
      <c r="G236" s="1106"/>
      <c r="H236" s="1106"/>
      <c r="I236" s="1106"/>
      <c r="J236" s="1106"/>
      <c r="K236" s="1106"/>
      <c r="L236" s="1106"/>
      <c r="M236" s="1106"/>
      <c r="N236" s="1106"/>
      <c r="O236" s="1106"/>
      <c r="AB236" s="1106"/>
      <c r="AC236" s="1106"/>
      <c r="AD236" s="1106"/>
      <c r="AE236" s="1106"/>
      <c r="AF236" s="1106"/>
      <c r="AG236" s="1106"/>
      <c r="AH236" s="1106"/>
      <c r="AL236" s="1106"/>
      <c r="AZ236" s="1106"/>
      <c r="BA236" s="1106"/>
      <c r="BB236" s="1106"/>
      <c r="BC236" s="1106"/>
      <c r="BD236" s="1106"/>
      <c r="BE236" s="1106"/>
      <c r="BF236" s="1106"/>
      <c r="BG236" s="1106"/>
      <c r="BH236" s="1106"/>
      <c r="BI236" s="1106"/>
      <c r="BJ236" s="1106"/>
      <c r="BK236" s="1106"/>
      <c r="BL236" s="1106"/>
      <c r="BM236" s="1106"/>
      <c r="BN236" s="1106"/>
      <c r="BO236" s="1106"/>
      <c r="BP236" s="1106"/>
      <c r="BQ236" s="1106"/>
      <c r="BR236" s="1106"/>
      <c r="BS236" s="1106"/>
      <c r="BT236" s="1106"/>
      <c r="BU236" s="1106"/>
      <c r="BV236" s="1106"/>
      <c r="BW236" s="1106"/>
      <c r="BX236" s="1106"/>
      <c r="BY236" s="1106"/>
      <c r="BZ236" s="1106"/>
      <c r="CA236" s="1106"/>
    </row>
    <row r="237" spans="3:79" ht="9" customHeight="1" x14ac:dyDescent="0.2">
      <c r="C237" s="1106"/>
      <c r="D237" s="1106"/>
      <c r="E237" s="1106"/>
      <c r="F237" s="1106"/>
      <c r="G237" s="1106"/>
      <c r="H237" s="1106"/>
      <c r="I237" s="1106"/>
      <c r="J237" s="1106"/>
      <c r="K237" s="1106"/>
      <c r="L237" s="1106"/>
      <c r="M237" s="1106"/>
      <c r="N237" s="1106"/>
      <c r="O237" s="1106"/>
      <c r="AB237" s="1106"/>
      <c r="AC237" s="1106"/>
      <c r="AD237" s="1106"/>
      <c r="AE237" s="1106"/>
      <c r="AF237" s="1106"/>
      <c r="AG237" s="1106"/>
      <c r="AH237" s="1106"/>
      <c r="AL237" s="1106"/>
      <c r="AZ237" s="1106"/>
      <c r="BA237" s="1106"/>
      <c r="BB237" s="1106"/>
      <c r="BC237" s="1106"/>
      <c r="BD237" s="1106"/>
      <c r="BE237" s="1106"/>
      <c r="BF237" s="1106"/>
      <c r="BG237" s="1106"/>
      <c r="BH237" s="1106"/>
      <c r="BI237" s="1106"/>
      <c r="BJ237" s="1106"/>
      <c r="BK237" s="1106"/>
      <c r="BL237" s="1106"/>
      <c r="BM237" s="1106"/>
      <c r="BN237" s="1106"/>
      <c r="BO237" s="1106"/>
      <c r="BP237" s="1106"/>
      <c r="BQ237" s="1106"/>
      <c r="BR237" s="1106"/>
      <c r="BS237" s="1106"/>
      <c r="BT237" s="1106"/>
      <c r="BU237" s="1106"/>
      <c r="BV237" s="1106"/>
      <c r="BW237" s="1106"/>
      <c r="BX237" s="1106"/>
      <c r="BY237" s="1106"/>
      <c r="BZ237" s="1106"/>
      <c r="CA237" s="1106"/>
    </row>
    <row r="238" spans="3:79" ht="9" customHeight="1" x14ac:dyDescent="0.2">
      <c r="C238" s="1106"/>
      <c r="D238" s="1106"/>
      <c r="E238" s="1106"/>
      <c r="F238" s="1106"/>
      <c r="G238" s="1106"/>
      <c r="H238" s="1106"/>
      <c r="I238" s="1106"/>
      <c r="J238" s="1106"/>
      <c r="K238" s="1106"/>
      <c r="L238" s="1106"/>
      <c r="M238" s="1106"/>
      <c r="N238" s="1106"/>
      <c r="O238" s="1106"/>
      <c r="U238" s="1106"/>
      <c r="AB238" s="1106"/>
      <c r="AC238" s="1106"/>
      <c r="AD238" s="1106"/>
      <c r="AE238" s="1106"/>
      <c r="AF238" s="1106"/>
      <c r="AG238" s="1106"/>
      <c r="AH238" s="1106"/>
      <c r="AL238" s="1106"/>
      <c r="AT238" s="1106"/>
      <c r="AU238" s="1106"/>
      <c r="AV238" s="1106"/>
      <c r="AW238" s="1106"/>
      <c r="AX238" s="1106"/>
      <c r="AY238" s="1106"/>
      <c r="AZ238" s="1106"/>
      <c r="BA238" s="1106"/>
      <c r="BB238" s="1106"/>
      <c r="BC238" s="1106"/>
      <c r="BD238" s="1106"/>
      <c r="BE238" s="1106"/>
      <c r="BF238" s="1106"/>
      <c r="BG238" s="1106"/>
      <c r="BH238" s="1106"/>
      <c r="BI238" s="1106"/>
      <c r="BJ238" s="1106"/>
      <c r="BK238" s="1106"/>
      <c r="BL238" s="1106"/>
      <c r="BM238" s="1106"/>
      <c r="BN238" s="1106"/>
      <c r="BO238" s="1106"/>
      <c r="BP238" s="1106"/>
      <c r="BQ238" s="1106"/>
      <c r="BR238" s="1106"/>
      <c r="BS238" s="1106"/>
      <c r="BT238" s="1106"/>
      <c r="BU238" s="1106"/>
      <c r="BV238" s="1106"/>
      <c r="BW238" s="1106"/>
      <c r="BX238" s="1106"/>
      <c r="BY238" s="1106"/>
      <c r="BZ238" s="1106"/>
      <c r="CA238" s="1106"/>
    </row>
    <row r="239" spans="3:79" ht="9" customHeight="1" x14ac:dyDescent="0.2">
      <c r="C239" s="1106"/>
      <c r="D239" s="1106"/>
      <c r="E239" s="1106"/>
      <c r="F239" s="1106"/>
      <c r="G239" s="1106"/>
      <c r="H239" s="1106"/>
      <c r="I239" s="1106"/>
      <c r="J239" s="1106"/>
      <c r="K239" s="1106"/>
      <c r="L239" s="1106"/>
      <c r="M239" s="1106"/>
      <c r="N239" s="1106"/>
      <c r="O239" s="1106"/>
      <c r="U239" s="1106"/>
      <c r="AB239" s="1106"/>
      <c r="AC239" s="1106"/>
      <c r="AD239" s="1106"/>
      <c r="AE239" s="1106"/>
      <c r="AF239" s="1106"/>
      <c r="AG239" s="1106"/>
      <c r="AH239" s="1106"/>
      <c r="AL239" s="1106"/>
      <c r="AO239" s="1106"/>
      <c r="AP239" s="1106"/>
      <c r="AT239" s="1106"/>
      <c r="AU239" s="1106"/>
      <c r="AV239" s="1106"/>
      <c r="AW239" s="1106"/>
      <c r="AX239" s="1106"/>
      <c r="AY239" s="1106"/>
      <c r="AZ239" s="1106"/>
      <c r="BA239" s="1106"/>
      <c r="BB239" s="1106"/>
      <c r="BC239" s="1106"/>
      <c r="BD239" s="1106"/>
      <c r="BE239" s="1106"/>
      <c r="BF239" s="1106"/>
      <c r="BG239" s="1106"/>
      <c r="BH239" s="1106"/>
      <c r="BI239" s="1106"/>
      <c r="BJ239" s="1106"/>
      <c r="BK239" s="1106"/>
      <c r="BL239" s="1106"/>
      <c r="BM239" s="1106"/>
      <c r="BN239" s="1106"/>
      <c r="BO239" s="1106"/>
      <c r="BP239" s="1106"/>
      <c r="BQ239" s="1106"/>
      <c r="BR239" s="1106"/>
      <c r="BS239" s="1106"/>
      <c r="BT239" s="1106"/>
      <c r="BU239" s="1106"/>
      <c r="BV239" s="1106"/>
      <c r="BW239" s="1106"/>
      <c r="BX239" s="1106"/>
      <c r="BY239" s="1106"/>
      <c r="BZ239" s="1106"/>
      <c r="CA239" s="1106"/>
    </row>
    <row r="240" spans="3:79" ht="9" customHeight="1" x14ac:dyDescent="0.2">
      <c r="C240" s="1106"/>
      <c r="D240" s="1106"/>
      <c r="E240" s="1106"/>
      <c r="F240" s="1106"/>
      <c r="G240" s="1106"/>
      <c r="H240" s="1106"/>
      <c r="I240" s="1106"/>
      <c r="J240" s="1106"/>
      <c r="K240" s="1106"/>
      <c r="L240" s="1106"/>
      <c r="M240" s="1106"/>
      <c r="N240" s="1106"/>
      <c r="O240" s="1106"/>
      <c r="U240" s="1106"/>
      <c r="AB240" s="1106"/>
      <c r="AC240" s="1106"/>
      <c r="AD240" s="1106"/>
      <c r="AE240" s="1106"/>
      <c r="AF240" s="1106"/>
      <c r="AG240" s="1106"/>
      <c r="AH240" s="1106"/>
      <c r="AL240" s="1106"/>
      <c r="AT240" s="1106"/>
      <c r="AU240" s="1106"/>
      <c r="AV240" s="1106"/>
      <c r="AW240" s="1106"/>
      <c r="AX240" s="1106"/>
      <c r="AY240" s="1106"/>
      <c r="AZ240" s="1106"/>
      <c r="BA240" s="1106"/>
      <c r="BB240" s="1106"/>
      <c r="BC240" s="1106"/>
      <c r="BD240" s="1106"/>
      <c r="BE240" s="1106"/>
      <c r="BF240" s="1106"/>
      <c r="BG240" s="1106"/>
      <c r="BH240" s="1106"/>
      <c r="BI240" s="1106"/>
      <c r="BJ240" s="1106"/>
      <c r="BK240" s="1106"/>
      <c r="BL240" s="1106"/>
      <c r="BM240" s="1106"/>
      <c r="BN240" s="1106"/>
      <c r="BO240" s="1106"/>
      <c r="BP240" s="1106"/>
      <c r="BQ240" s="1106"/>
      <c r="BR240" s="1106"/>
      <c r="BS240" s="1106"/>
      <c r="BT240" s="1106"/>
      <c r="BU240" s="1106"/>
      <c r="BV240" s="1106"/>
      <c r="BW240" s="1106"/>
      <c r="BX240" s="1106"/>
      <c r="BY240" s="1106"/>
      <c r="BZ240" s="1106"/>
      <c r="CA240" s="1106"/>
    </row>
    <row r="241" spans="3:79" ht="9" customHeight="1" x14ac:dyDescent="0.2">
      <c r="C241" s="1106"/>
      <c r="D241" s="1106"/>
      <c r="E241" s="1106"/>
      <c r="F241" s="1106"/>
      <c r="G241" s="1106"/>
      <c r="H241" s="1106"/>
      <c r="I241" s="1106"/>
      <c r="J241" s="1106"/>
      <c r="K241" s="1106"/>
      <c r="L241" s="1106"/>
      <c r="M241" s="1106"/>
      <c r="N241" s="1106"/>
      <c r="O241" s="1106"/>
      <c r="AB241" s="1106"/>
      <c r="AC241" s="1106"/>
      <c r="AD241" s="1106"/>
      <c r="AE241" s="1106"/>
      <c r="AF241" s="1106"/>
      <c r="AG241" s="1106"/>
      <c r="AH241" s="1106"/>
      <c r="AL241" s="1106"/>
      <c r="AZ241" s="1106"/>
      <c r="BA241" s="1106"/>
      <c r="BB241" s="1106"/>
      <c r="BC241" s="1106"/>
      <c r="BD241" s="1106"/>
      <c r="BE241" s="1106"/>
      <c r="BF241" s="1106"/>
      <c r="BG241" s="1106"/>
      <c r="BH241" s="1106"/>
      <c r="BI241" s="1106"/>
      <c r="BJ241" s="1106"/>
      <c r="BK241" s="1106"/>
      <c r="BL241" s="1106"/>
      <c r="BM241" s="1106"/>
      <c r="BN241" s="1106"/>
      <c r="BO241" s="1106"/>
      <c r="BP241" s="1106"/>
      <c r="BQ241" s="1106"/>
      <c r="BR241" s="1106"/>
      <c r="BS241" s="1106"/>
      <c r="BT241" s="1106"/>
      <c r="BU241" s="1106"/>
      <c r="BV241" s="1106"/>
      <c r="BW241" s="1106"/>
      <c r="BX241" s="1106"/>
      <c r="BY241" s="1106"/>
      <c r="BZ241" s="1106"/>
      <c r="CA241" s="1106"/>
    </row>
    <row r="242" spans="3:79" ht="9" customHeight="1" x14ac:dyDescent="0.2">
      <c r="C242" s="1106"/>
      <c r="D242" s="1106"/>
      <c r="E242" s="1106"/>
      <c r="F242" s="1106"/>
      <c r="G242" s="1106"/>
      <c r="H242" s="1106"/>
      <c r="I242" s="1106"/>
      <c r="J242" s="1106"/>
      <c r="K242" s="1106"/>
      <c r="L242" s="1106"/>
      <c r="M242" s="1106"/>
      <c r="N242" s="1106"/>
      <c r="O242" s="1106"/>
      <c r="AB242" s="1106"/>
      <c r="AC242" s="1106"/>
      <c r="AD242" s="1106"/>
      <c r="AE242" s="1106"/>
      <c r="AF242" s="1106"/>
      <c r="AG242" s="1106"/>
      <c r="AH242" s="1106"/>
      <c r="AL242" s="1106"/>
      <c r="AZ242" s="1106"/>
      <c r="BA242" s="1106"/>
      <c r="BB242" s="1106"/>
      <c r="BC242" s="1106"/>
      <c r="BD242" s="1106"/>
      <c r="BE242" s="1106"/>
      <c r="BF242" s="1106"/>
      <c r="BG242" s="1106"/>
      <c r="BH242" s="1106"/>
      <c r="BI242" s="1106"/>
      <c r="BJ242" s="1106"/>
      <c r="BK242" s="1106"/>
      <c r="BL242" s="1106"/>
      <c r="BM242" s="1106"/>
      <c r="BN242" s="1106"/>
      <c r="BO242" s="1106"/>
      <c r="BP242" s="1106"/>
      <c r="BQ242" s="1106"/>
      <c r="BR242" s="1106"/>
      <c r="BS242" s="1106"/>
      <c r="BT242" s="1106"/>
      <c r="BU242" s="1106"/>
      <c r="BV242" s="1106"/>
      <c r="BW242" s="1106"/>
      <c r="BX242" s="1106"/>
      <c r="BY242" s="1106"/>
      <c r="BZ242" s="1106"/>
      <c r="CA242" s="1106"/>
    </row>
    <row r="243" spans="3:79" ht="9" customHeight="1" x14ac:dyDescent="0.2">
      <c r="C243" s="1106"/>
      <c r="D243" s="1106"/>
      <c r="E243" s="1106"/>
      <c r="F243" s="1106"/>
      <c r="G243" s="1106"/>
      <c r="H243" s="1106"/>
      <c r="I243" s="1106"/>
      <c r="J243" s="1106"/>
      <c r="K243" s="1106"/>
      <c r="L243" s="1106"/>
      <c r="M243" s="1106"/>
      <c r="N243" s="1106"/>
      <c r="O243" s="1106"/>
      <c r="AB243" s="1106"/>
      <c r="AC243" s="1106"/>
      <c r="AD243" s="1106"/>
      <c r="AE243" s="1106"/>
      <c r="AF243" s="1106"/>
      <c r="AG243" s="1106"/>
      <c r="AH243" s="1106"/>
      <c r="AL243" s="1106"/>
      <c r="AZ243" s="1106"/>
      <c r="BA243" s="1106"/>
      <c r="BB243" s="1106"/>
      <c r="BC243" s="1106"/>
      <c r="BD243" s="1106"/>
      <c r="BE243" s="1106"/>
      <c r="BF243" s="1106"/>
      <c r="BG243" s="1106"/>
      <c r="BH243" s="1106"/>
      <c r="BI243" s="1106"/>
      <c r="BJ243" s="1106"/>
      <c r="BK243" s="1106"/>
      <c r="BL243" s="1106"/>
      <c r="BM243" s="1106"/>
      <c r="BN243" s="1106"/>
      <c r="BO243" s="1106"/>
      <c r="BP243" s="1106"/>
      <c r="BQ243" s="1106"/>
      <c r="BR243" s="1106"/>
      <c r="BS243" s="1106"/>
      <c r="BT243" s="1106"/>
      <c r="BU243" s="1106"/>
      <c r="BV243" s="1106"/>
      <c r="BW243" s="1106"/>
      <c r="BX243" s="1106"/>
      <c r="BY243" s="1106"/>
      <c r="BZ243" s="1106"/>
      <c r="CA243" s="1106"/>
    </row>
    <row r="244" spans="3:79" ht="9" customHeight="1" x14ac:dyDescent="0.2">
      <c r="C244" s="1106"/>
      <c r="D244" s="1106"/>
      <c r="E244" s="1106"/>
      <c r="F244" s="1106"/>
      <c r="G244" s="1106"/>
      <c r="H244" s="1106"/>
      <c r="I244" s="1106"/>
      <c r="J244" s="1106"/>
      <c r="K244" s="1106"/>
      <c r="L244" s="1106"/>
      <c r="M244" s="1106"/>
      <c r="N244" s="1106"/>
      <c r="O244" s="1106"/>
      <c r="U244" s="1106"/>
      <c r="AB244" s="1106"/>
      <c r="AC244" s="1106"/>
      <c r="AD244" s="1106"/>
      <c r="AE244" s="1106"/>
      <c r="AF244" s="1106"/>
      <c r="AG244" s="1106"/>
      <c r="AH244" s="1106"/>
      <c r="AL244" s="1106"/>
      <c r="AT244" s="1106"/>
      <c r="AU244" s="1106"/>
      <c r="AV244" s="1106"/>
      <c r="AW244" s="1106"/>
      <c r="AX244" s="1106"/>
      <c r="AY244" s="1106"/>
      <c r="AZ244" s="1106"/>
      <c r="BA244" s="1106"/>
      <c r="BB244" s="1106"/>
      <c r="BC244" s="1106"/>
      <c r="BD244" s="1106"/>
      <c r="BE244" s="1106"/>
      <c r="BF244" s="1106"/>
      <c r="BG244" s="1106"/>
      <c r="BH244" s="1106"/>
      <c r="BI244" s="1106"/>
      <c r="BJ244" s="1106"/>
      <c r="BK244" s="1106"/>
      <c r="BL244" s="1106"/>
      <c r="BM244" s="1106"/>
      <c r="BN244" s="1106"/>
      <c r="BO244" s="1106"/>
      <c r="BP244" s="1106"/>
      <c r="BQ244" s="1106"/>
      <c r="BR244" s="1106"/>
      <c r="BS244" s="1106"/>
      <c r="BT244" s="1106"/>
      <c r="BU244" s="1106"/>
      <c r="BV244" s="1106"/>
      <c r="BW244" s="1106"/>
      <c r="BX244" s="1106"/>
      <c r="BY244" s="1106"/>
      <c r="BZ244" s="1106"/>
      <c r="CA244" s="1106"/>
    </row>
    <row r="245" spans="3:79" ht="9" customHeight="1" x14ac:dyDescent="0.2">
      <c r="C245" s="1106"/>
      <c r="D245" s="1106"/>
      <c r="E245" s="1106"/>
      <c r="F245" s="1106"/>
      <c r="G245" s="1106"/>
      <c r="H245" s="1106"/>
      <c r="I245" s="1106"/>
      <c r="J245" s="1106"/>
      <c r="K245" s="1106"/>
      <c r="L245" s="1106"/>
      <c r="M245" s="1106"/>
      <c r="N245" s="1106"/>
      <c r="O245" s="1106"/>
      <c r="U245" s="1106"/>
      <c r="AB245" s="1106"/>
      <c r="AC245" s="1106"/>
      <c r="AD245" s="1106"/>
      <c r="AE245" s="1106"/>
      <c r="AF245" s="1106"/>
      <c r="AG245" s="1106"/>
      <c r="AH245" s="1106"/>
      <c r="AL245" s="1106"/>
      <c r="AO245" s="1106"/>
      <c r="AP245" s="1106"/>
      <c r="AT245" s="1106"/>
      <c r="AU245" s="1106"/>
      <c r="AV245" s="1106"/>
      <c r="AW245" s="1106"/>
      <c r="AX245" s="1106"/>
      <c r="AY245" s="1106"/>
      <c r="AZ245" s="1106"/>
      <c r="BA245" s="1106"/>
      <c r="BB245" s="1106"/>
      <c r="BC245" s="1106"/>
      <c r="BD245" s="1106"/>
      <c r="BE245" s="1106"/>
      <c r="BF245" s="1106"/>
      <c r="BG245" s="1106"/>
      <c r="BH245" s="1106"/>
      <c r="BI245" s="1106"/>
      <c r="BJ245" s="1106"/>
      <c r="BK245" s="1106"/>
      <c r="BL245" s="1106"/>
      <c r="BM245" s="1106"/>
      <c r="BN245" s="1106"/>
      <c r="BO245" s="1106"/>
      <c r="BP245" s="1106"/>
      <c r="BQ245" s="1106"/>
      <c r="BR245" s="1106"/>
      <c r="BS245" s="1106"/>
      <c r="BT245" s="1106"/>
      <c r="BU245" s="1106"/>
      <c r="BV245" s="1106"/>
      <c r="BW245" s="1106"/>
      <c r="BX245" s="1106"/>
      <c r="BY245" s="1106"/>
      <c r="BZ245" s="1106"/>
      <c r="CA245" s="1106"/>
    </row>
    <row r="246" spans="3:79" ht="9" customHeight="1" x14ac:dyDescent="0.2">
      <c r="C246" s="1106"/>
      <c r="D246" s="1106"/>
      <c r="E246" s="1106"/>
      <c r="F246" s="1106"/>
      <c r="G246" s="1106"/>
      <c r="H246" s="1106"/>
      <c r="I246" s="1106"/>
      <c r="J246" s="1106"/>
      <c r="K246" s="1106"/>
      <c r="L246" s="1106"/>
      <c r="M246" s="1106"/>
      <c r="N246" s="1106"/>
      <c r="O246" s="1106"/>
      <c r="U246" s="1106"/>
      <c r="AB246" s="1106"/>
      <c r="AC246" s="1106"/>
      <c r="AD246" s="1106"/>
      <c r="AE246" s="1106"/>
      <c r="AF246" s="1106"/>
      <c r="AG246" s="1106"/>
      <c r="AH246" s="1106"/>
      <c r="AL246" s="1106"/>
      <c r="AT246" s="1106"/>
      <c r="AU246" s="1106"/>
      <c r="AV246" s="1106"/>
      <c r="AW246" s="1106"/>
      <c r="AX246" s="1106"/>
      <c r="AY246" s="1106"/>
      <c r="AZ246" s="1106"/>
      <c r="BA246" s="1106"/>
      <c r="BB246" s="1106"/>
      <c r="BC246" s="1106"/>
      <c r="BD246" s="1106"/>
      <c r="BE246" s="1106"/>
      <c r="BF246" s="1106"/>
      <c r="BG246" s="1106"/>
      <c r="BH246" s="1106"/>
      <c r="BI246" s="1106"/>
      <c r="BJ246" s="1106"/>
      <c r="BK246" s="1106"/>
      <c r="BL246" s="1106"/>
      <c r="BM246" s="1106"/>
      <c r="BN246" s="1106"/>
      <c r="BO246" s="1106"/>
      <c r="BP246" s="1106"/>
      <c r="BQ246" s="1106"/>
      <c r="BR246" s="1106"/>
      <c r="BS246" s="1106"/>
      <c r="BT246" s="1106"/>
      <c r="BU246" s="1106"/>
      <c r="BV246" s="1106"/>
      <c r="BW246" s="1106"/>
      <c r="BX246" s="1106"/>
      <c r="BY246" s="1106"/>
      <c r="BZ246" s="1106"/>
      <c r="CA246" s="1106"/>
    </row>
    <row r="247" spans="3:79" ht="9" customHeight="1" x14ac:dyDescent="0.2">
      <c r="C247" s="1106"/>
      <c r="D247" s="1106"/>
      <c r="E247" s="1106"/>
      <c r="F247" s="1106"/>
      <c r="G247" s="1106"/>
      <c r="H247" s="1106"/>
      <c r="I247" s="1106"/>
      <c r="J247" s="1106"/>
      <c r="K247" s="1106"/>
      <c r="L247" s="1106"/>
      <c r="M247" s="1106"/>
      <c r="N247" s="1106"/>
      <c r="O247" s="1106"/>
      <c r="AB247" s="1106"/>
      <c r="AC247" s="1106"/>
      <c r="AD247" s="1106"/>
      <c r="AE247" s="1106"/>
      <c r="AF247" s="1106"/>
      <c r="AG247" s="1106"/>
      <c r="AH247" s="1106"/>
      <c r="AL247" s="1106"/>
      <c r="AZ247" s="1106"/>
      <c r="BA247" s="1106"/>
      <c r="BB247" s="1106"/>
      <c r="BC247" s="1106"/>
      <c r="BD247" s="1106"/>
      <c r="BE247" s="1106"/>
      <c r="BF247" s="1106"/>
      <c r="BG247" s="1106"/>
      <c r="BH247" s="1106"/>
      <c r="BI247" s="1106"/>
      <c r="BJ247" s="1106"/>
      <c r="BK247" s="1106"/>
      <c r="BL247" s="1106"/>
      <c r="BM247" s="1106"/>
      <c r="BN247" s="1106"/>
      <c r="BO247" s="1106"/>
      <c r="BP247" s="1106"/>
      <c r="BQ247" s="1106"/>
      <c r="BR247" s="1106"/>
      <c r="BS247" s="1106"/>
      <c r="BT247" s="1106"/>
      <c r="BU247" s="1106"/>
      <c r="BV247" s="1106"/>
      <c r="BW247" s="1106"/>
      <c r="BX247" s="1106"/>
      <c r="BY247" s="1106"/>
      <c r="BZ247" s="1106"/>
      <c r="CA247" s="1106"/>
    </row>
    <row r="248" spans="3:79" ht="9" customHeight="1" x14ac:dyDescent="0.2">
      <c r="C248" s="1106"/>
      <c r="D248" s="1106"/>
      <c r="E248" s="1106"/>
      <c r="F248" s="1106"/>
      <c r="G248" s="1106"/>
      <c r="H248" s="1106"/>
      <c r="I248" s="1106"/>
      <c r="J248" s="1106"/>
      <c r="K248" s="1106"/>
      <c r="L248" s="1106"/>
      <c r="M248" s="1106"/>
      <c r="N248" s="1106"/>
      <c r="O248" s="1106"/>
      <c r="AB248" s="1106"/>
      <c r="AC248" s="1106"/>
      <c r="AD248" s="1106"/>
      <c r="AE248" s="1106"/>
      <c r="AF248" s="1106"/>
      <c r="AG248" s="1106"/>
      <c r="AH248" s="1106"/>
      <c r="AL248" s="1106"/>
      <c r="AZ248" s="1106"/>
      <c r="BA248" s="1106"/>
      <c r="BB248" s="1106"/>
      <c r="BC248" s="1106"/>
      <c r="BD248" s="1106"/>
      <c r="BE248" s="1106"/>
      <c r="BF248" s="1106"/>
      <c r="BG248" s="1106"/>
      <c r="BH248" s="1106"/>
      <c r="BI248" s="1106"/>
      <c r="BJ248" s="1106"/>
      <c r="BK248" s="1106"/>
      <c r="BL248" s="1106"/>
      <c r="BM248" s="1106"/>
      <c r="BN248" s="1106"/>
      <c r="BO248" s="1106"/>
      <c r="BP248" s="1106"/>
      <c r="BQ248" s="1106"/>
      <c r="BR248" s="1106"/>
      <c r="BS248" s="1106"/>
      <c r="BT248" s="1106"/>
      <c r="BU248" s="1106"/>
      <c r="BV248" s="1106"/>
      <c r="BW248" s="1106"/>
      <c r="BX248" s="1106"/>
      <c r="BY248" s="1106"/>
      <c r="BZ248" s="1106"/>
      <c r="CA248" s="1106"/>
    </row>
    <row r="249" spans="3:79" ht="9" customHeight="1" x14ac:dyDescent="0.2">
      <c r="C249" s="1106"/>
      <c r="D249" s="1106"/>
      <c r="E249" s="1106"/>
      <c r="F249" s="1106"/>
      <c r="G249" s="1106"/>
      <c r="H249" s="1106"/>
      <c r="I249" s="1106"/>
      <c r="J249" s="1106"/>
      <c r="K249" s="1106"/>
      <c r="L249" s="1106"/>
      <c r="M249" s="1106"/>
      <c r="N249" s="1106"/>
      <c r="O249" s="1106"/>
      <c r="AB249" s="1106"/>
      <c r="AC249" s="1106"/>
      <c r="AD249" s="1106"/>
      <c r="AE249" s="1106"/>
      <c r="AF249" s="1106"/>
      <c r="AG249" s="1106"/>
      <c r="AH249" s="1106"/>
      <c r="AL249" s="1106"/>
      <c r="AZ249" s="1106"/>
      <c r="BA249" s="1106"/>
      <c r="BB249" s="1106"/>
      <c r="BC249" s="1106"/>
      <c r="BD249" s="1106"/>
      <c r="BE249" s="1106"/>
      <c r="BF249" s="1106"/>
      <c r="BG249" s="1106"/>
      <c r="BH249" s="1106"/>
      <c r="BI249" s="1106"/>
      <c r="BJ249" s="1106"/>
      <c r="BK249" s="1106"/>
      <c r="BL249" s="1106"/>
      <c r="BM249" s="1106"/>
      <c r="BN249" s="1106"/>
      <c r="BO249" s="1106"/>
      <c r="BP249" s="1106"/>
      <c r="BQ249" s="1106"/>
      <c r="BR249" s="1106"/>
      <c r="BS249" s="1106"/>
      <c r="BT249" s="1106"/>
      <c r="BU249" s="1106"/>
      <c r="BV249" s="1106"/>
      <c r="BW249" s="1106"/>
      <c r="BX249" s="1106"/>
      <c r="BY249" s="1106"/>
      <c r="BZ249" s="1106"/>
      <c r="CA249" s="1106"/>
    </row>
    <row r="250" spans="3:79" ht="9" customHeight="1" x14ac:dyDescent="0.2">
      <c r="C250" s="1106"/>
      <c r="D250" s="1106"/>
      <c r="E250" s="1106"/>
      <c r="F250" s="1106"/>
      <c r="G250" s="1106"/>
      <c r="H250" s="1106"/>
      <c r="I250" s="1106"/>
      <c r="J250" s="1106"/>
      <c r="K250" s="1106"/>
      <c r="L250" s="1106"/>
      <c r="M250" s="1106"/>
      <c r="N250" s="1106"/>
      <c r="O250" s="1106"/>
      <c r="U250" s="1106"/>
      <c r="AB250" s="1106"/>
      <c r="AC250" s="1106"/>
      <c r="AD250" s="1106"/>
      <c r="AE250" s="1106"/>
      <c r="AF250" s="1106"/>
      <c r="AG250" s="1106"/>
      <c r="AH250" s="1106"/>
      <c r="AL250" s="1106"/>
      <c r="AT250" s="1106"/>
      <c r="AU250" s="1106"/>
      <c r="AV250" s="1106"/>
      <c r="AW250" s="1106"/>
      <c r="AX250" s="1106"/>
      <c r="AY250" s="1106"/>
      <c r="AZ250" s="1106"/>
      <c r="BA250" s="1106"/>
      <c r="BB250" s="1106"/>
      <c r="BC250" s="1106"/>
      <c r="BD250" s="1106"/>
      <c r="BE250" s="1106"/>
      <c r="BF250" s="1106"/>
      <c r="BG250" s="1106"/>
      <c r="BH250" s="1106"/>
      <c r="BI250" s="1106"/>
      <c r="BJ250" s="1106"/>
      <c r="BK250" s="1106"/>
      <c r="BL250" s="1106"/>
      <c r="BM250" s="1106"/>
      <c r="BN250" s="1106"/>
      <c r="BO250" s="1106"/>
      <c r="BP250" s="1106"/>
      <c r="BQ250" s="1106"/>
      <c r="BR250" s="1106"/>
      <c r="BS250" s="1106"/>
      <c r="BT250" s="1106"/>
      <c r="BU250" s="1106"/>
      <c r="BV250" s="1106"/>
      <c r="BW250" s="1106"/>
      <c r="BX250" s="1106"/>
      <c r="BY250" s="1106"/>
      <c r="BZ250" s="1106"/>
      <c r="CA250" s="1106"/>
    </row>
    <row r="251" spans="3:79" ht="9" customHeight="1" x14ac:dyDescent="0.2">
      <c r="C251" s="1106"/>
      <c r="D251" s="1106"/>
      <c r="E251" s="1106"/>
      <c r="F251" s="1106"/>
      <c r="G251" s="1106"/>
      <c r="H251" s="1106"/>
      <c r="I251" s="1106"/>
      <c r="J251" s="1106"/>
      <c r="K251" s="1106"/>
      <c r="L251" s="1106"/>
      <c r="M251" s="1106"/>
      <c r="N251" s="1106"/>
      <c r="O251" s="1106"/>
      <c r="U251" s="1106"/>
      <c r="AB251" s="1106"/>
      <c r="AC251" s="1106"/>
      <c r="AD251" s="1106"/>
      <c r="AE251" s="1106"/>
      <c r="AF251" s="1106"/>
      <c r="AG251" s="1106"/>
      <c r="AH251" s="1106"/>
      <c r="AL251" s="1106"/>
      <c r="AO251" s="1106"/>
      <c r="AP251" s="1106"/>
      <c r="AT251" s="1106"/>
      <c r="AU251" s="1106"/>
      <c r="AV251" s="1106"/>
      <c r="AW251" s="1106"/>
      <c r="AX251" s="1106"/>
      <c r="AY251" s="1106"/>
      <c r="AZ251" s="1106"/>
      <c r="BA251" s="1106"/>
      <c r="BB251" s="1106"/>
      <c r="BC251" s="1106"/>
      <c r="BD251" s="1106"/>
      <c r="BE251" s="1106"/>
      <c r="BF251" s="1106"/>
      <c r="BG251" s="1106"/>
      <c r="BH251" s="1106"/>
      <c r="BI251" s="1106"/>
      <c r="BJ251" s="1106"/>
      <c r="BK251" s="1106"/>
      <c r="BL251" s="1106"/>
      <c r="BM251" s="1106"/>
      <c r="BN251" s="1106"/>
      <c r="BO251" s="1106"/>
      <c r="BP251" s="1106"/>
      <c r="BQ251" s="1106"/>
      <c r="BR251" s="1106"/>
      <c r="BS251" s="1106"/>
      <c r="BT251" s="1106"/>
      <c r="BU251" s="1106"/>
      <c r="BV251" s="1106"/>
      <c r="BW251" s="1106"/>
      <c r="BX251" s="1106"/>
      <c r="BY251" s="1106"/>
      <c r="BZ251" s="1106"/>
      <c r="CA251" s="1106"/>
    </row>
    <row r="252" spans="3:79" ht="9" customHeight="1" x14ac:dyDescent="0.2">
      <c r="C252" s="1106"/>
      <c r="D252" s="1106"/>
      <c r="E252" s="1106"/>
      <c r="F252" s="1106"/>
      <c r="G252" s="1106"/>
      <c r="H252" s="1106"/>
      <c r="I252" s="1106"/>
      <c r="J252" s="1106"/>
      <c r="K252" s="1106"/>
      <c r="L252" s="1106"/>
      <c r="M252" s="1106"/>
      <c r="N252" s="1106"/>
      <c r="O252" s="1106"/>
      <c r="U252" s="1106"/>
      <c r="AB252" s="1106"/>
      <c r="AC252" s="1106"/>
      <c r="AD252" s="1106"/>
      <c r="AE252" s="1106"/>
      <c r="AF252" s="1106"/>
      <c r="AG252" s="1106"/>
      <c r="AH252" s="1106"/>
      <c r="AL252" s="1106"/>
      <c r="AT252" s="1106"/>
      <c r="AU252" s="1106"/>
      <c r="AV252" s="1106"/>
      <c r="AW252" s="1106"/>
      <c r="AX252" s="1106"/>
      <c r="AY252" s="1106"/>
      <c r="AZ252" s="1106"/>
      <c r="BA252" s="1106"/>
      <c r="BB252" s="1106"/>
      <c r="BC252" s="1106"/>
      <c r="BD252" s="1106"/>
      <c r="BE252" s="1106"/>
      <c r="BF252" s="1106"/>
      <c r="BG252" s="1106"/>
      <c r="BH252" s="1106"/>
      <c r="BI252" s="1106"/>
      <c r="BJ252" s="1106"/>
      <c r="BK252" s="1106"/>
      <c r="BL252" s="1106"/>
      <c r="BM252" s="1106"/>
      <c r="BN252" s="1106"/>
      <c r="BO252" s="1106"/>
      <c r="BP252" s="1106"/>
      <c r="BQ252" s="1106"/>
      <c r="BR252" s="1106"/>
      <c r="BS252" s="1106"/>
      <c r="BT252" s="1106"/>
      <c r="BU252" s="1106"/>
      <c r="BV252" s="1106"/>
      <c r="BW252" s="1106"/>
      <c r="BX252" s="1106"/>
      <c r="BY252" s="1106"/>
      <c r="BZ252" s="1106"/>
      <c r="CA252" s="1106"/>
    </row>
    <row r="253" spans="3:79" ht="9" customHeight="1" x14ac:dyDescent="0.2">
      <c r="C253" s="1106"/>
      <c r="D253" s="1106"/>
      <c r="E253" s="1106"/>
      <c r="F253" s="1106"/>
      <c r="G253" s="1106"/>
      <c r="H253" s="1106"/>
      <c r="I253" s="1106"/>
      <c r="J253" s="1106"/>
      <c r="K253" s="1106"/>
      <c r="L253" s="1106"/>
      <c r="M253" s="1106"/>
      <c r="N253" s="1106"/>
      <c r="O253" s="1106"/>
      <c r="AB253" s="1106"/>
      <c r="AC253" s="1106"/>
      <c r="AD253" s="1106"/>
      <c r="AE253" s="1106"/>
      <c r="AF253" s="1106"/>
      <c r="AG253" s="1106"/>
      <c r="AH253" s="1106"/>
      <c r="AL253" s="1106"/>
      <c r="AZ253" s="1106"/>
      <c r="BA253" s="1106"/>
      <c r="BB253" s="1106"/>
      <c r="BC253" s="1106"/>
      <c r="BD253" s="1106"/>
      <c r="BE253" s="1106"/>
      <c r="BF253" s="1106"/>
      <c r="BG253" s="1106"/>
      <c r="BH253" s="1106"/>
      <c r="BI253" s="1106"/>
      <c r="BJ253" s="1106"/>
      <c r="BK253" s="1106"/>
      <c r="BL253" s="1106"/>
      <c r="BM253" s="1106"/>
      <c r="BN253" s="1106"/>
      <c r="BO253" s="1106"/>
      <c r="BP253" s="1106"/>
      <c r="BQ253" s="1106"/>
      <c r="BR253" s="1106"/>
      <c r="BS253" s="1106"/>
      <c r="BT253" s="1106"/>
      <c r="BU253" s="1106"/>
      <c r="BV253" s="1106"/>
      <c r="BW253" s="1106"/>
      <c r="BX253" s="1106"/>
      <c r="BY253" s="1106"/>
      <c r="BZ253" s="1106"/>
      <c r="CA253" s="1106"/>
    </row>
    <row r="254" spans="3:79" ht="9" customHeight="1" x14ac:dyDescent="0.2">
      <c r="C254" s="1106"/>
      <c r="D254" s="1106"/>
      <c r="E254" s="1106"/>
      <c r="F254" s="1106"/>
      <c r="G254" s="1106"/>
      <c r="H254" s="1106"/>
      <c r="I254" s="1106"/>
      <c r="J254" s="1106"/>
      <c r="K254" s="1106"/>
      <c r="L254" s="1106"/>
      <c r="M254" s="1106"/>
      <c r="N254" s="1106"/>
      <c r="O254" s="1106"/>
      <c r="AB254" s="1106"/>
      <c r="AC254" s="1106"/>
      <c r="AD254" s="1106"/>
      <c r="AE254" s="1106"/>
      <c r="AF254" s="1106"/>
      <c r="AG254" s="1106"/>
      <c r="AH254" s="1106"/>
      <c r="AL254" s="1106"/>
      <c r="AZ254" s="1106"/>
      <c r="BA254" s="1106"/>
      <c r="BB254" s="1106"/>
      <c r="BC254" s="1106"/>
      <c r="BD254" s="1106"/>
      <c r="BE254" s="1106"/>
      <c r="BF254" s="1106"/>
      <c r="BG254" s="1106"/>
      <c r="BH254" s="1106"/>
      <c r="BI254" s="1106"/>
      <c r="BJ254" s="1106"/>
      <c r="BK254" s="1106"/>
      <c r="BL254" s="1106"/>
      <c r="BM254" s="1106"/>
      <c r="BN254" s="1106"/>
      <c r="BO254" s="1106"/>
      <c r="BP254" s="1106"/>
      <c r="BQ254" s="1106"/>
      <c r="BR254" s="1106"/>
      <c r="BS254" s="1106"/>
      <c r="BT254" s="1106"/>
      <c r="BU254" s="1106"/>
      <c r="BV254" s="1106"/>
      <c r="BW254" s="1106"/>
      <c r="BX254" s="1106"/>
      <c r="BY254" s="1106"/>
      <c r="BZ254" s="1106"/>
      <c r="CA254" s="1106"/>
    </row>
    <row r="255" spans="3:79" ht="9" customHeight="1" x14ac:dyDescent="0.2">
      <c r="C255" s="1106"/>
      <c r="D255" s="1106"/>
      <c r="E255" s="1106"/>
      <c r="F255" s="1106"/>
      <c r="G255" s="1106"/>
      <c r="H255" s="1106"/>
      <c r="I255" s="1106"/>
      <c r="J255" s="1106"/>
      <c r="K255" s="1106"/>
      <c r="L255" s="1106"/>
      <c r="M255" s="1106"/>
      <c r="N255" s="1106"/>
      <c r="O255" s="1106"/>
      <c r="AB255" s="1106"/>
      <c r="AC255" s="1106"/>
      <c r="AD255" s="1106"/>
      <c r="AE255" s="1106"/>
      <c r="AF255" s="1106"/>
      <c r="AG255" s="1106"/>
      <c r="AH255" s="1106"/>
      <c r="AL255" s="1106"/>
      <c r="AZ255" s="1106"/>
      <c r="BA255" s="1106"/>
      <c r="BB255" s="1106"/>
      <c r="BC255" s="1106"/>
      <c r="BD255" s="1106"/>
      <c r="BE255" s="1106"/>
      <c r="BF255" s="1106"/>
      <c r="BG255" s="1106"/>
      <c r="BH255" s="1106"/>
      <c r="BI255" s="1106"/>
      <c r="BJ255" s="1106"/>
      <c r="BK255" s="1106"/>
      <c r="BL255" s="1106"/>
      <c r="BM255" s="1106"/>
      <c r="BN255" s="1106"/>
      <c r="BO255" s="1106"/>
      <c r="BP255" s="1106"/>
      <c r="BQ255" s="1106"/>
      <c r="BR255" s="1106"/>
      <c r="BS255" s="1106"/>
      <c r="BT255" s="1106"/>
      <c r="BU255" s="1106"/>
      <c r="BV255" s="1106"/>
      <c r="BW255" s="1106"/>
      <c r="BX255" s="1106"/>
      <c r="BY255" s="1106"/>
      <c r="BZ255" s="1106"/>
      <c r="CA255" s="1106"/>
    </row>
    <row r="256" spans="3:79" ht="9" customHeight="1" x14ac:dyDescent="0.2">
      <c r="C256" s="1106"/>
      <c r="D256" s="1106"/>
      <c r="E256" s="1106"/>
      <c r="F256" s="1106"/>
      <c r="G256" s="1106"/>
      <c r="H256" s="1106"/>
      <c r="I256" s="1106"/>
      <c r="J256" s="1106"/>
      <c r="K256" s="1106"/>
      <c r="L256" s="1106"/>
      <c r="M256" s="1106"/>
      <c r="N256" s="1106"/>
      <c r="O256" s="1106"/>
      <c r="U256" s="1106"/>
      <c r="AB256" s="1106"/>
      <c r="AC256" s="1106"/>
      <c r="AD256" s="1106"/>
      <c r="AE256" s="1106"/>
      <c r="AF256" s="1106"/>
      <c r="AG256" s="1106"/>
      <c r="AH256" s="1106"/>
      <c r="AL256" s="1106"/>
      <c r="AT256" s="1106"/>
      <c r="AU256" s="1106"/>
      <c r="AV256" s="1106"/>
      <c r="AW256" s="1106"/>
      <c r="AX256" s="1106"/>
      <c r="AY256" s="1106"/>
      <c r="AZ256" s="1106"/>
      <c r="BA256" s="1106"/>
      <c r="BB256" s="1106"/>
      <c r="BC256" s="1106"/>
      <c r="BD256" s="1106"/>
      <c r="BE256" s="1106"/>
      <c r="BF256" s="1106"/>
      <c r="BG256" s="1106"/>
      <c r="BH256" s="1106"/>
      <c r="BI256" s="1106"/>
      <c r="BJ256" s="1106"/>
      <c r="BK256" s="1106"/>
      <c r="BL256" s="1106"/>
      <c r="BM256" s="1106"/>
      <c r="BN256" s="1106"/>
      <c r="BO256" s="1106"/>
      <c r="BP256" s="1106"/>
      <c r="BQ256" s="1106"/>
      <c r="BR256" s="1106"/>
      <c r="BS256" s="1106"/>
      <c r="BT256" s="1106"/>
      <c r="BU256" s="1106"/>
      <c r="BV256" s="1106"/>
      <c r="BW256" s="1106"/>
      <c r="BX256" s="1106"/>
      <c r="BY256" s="1106"/>
      <c r="BZ256" s="1106"/>
      <c r="CA256" s="1106"/>
    </row>
    <row r="257" spans="3:79" ht="9" customHeight="1" x14ac:dyDescent="0.2">
      <c r="C257" s="1106"/>
      <c r="D257" s="1106"/>
      <c r="E257" s="1106"/>
      <c r="F257" s="1106"/>
      <c r="G257" s="1106"/>
      <c r="H257" s="1106"/>
      <c r="I257" s="1106"/>
      <c r="J257" s="1106"/>
      <c r="K257" s="1106"/>
      <c r="L257" s="1106"/>
      <c r="M257" s="1106"/>
      <c r="N257" s="1106"/>
      <c r="O257" s="1106"/>
      <c r="U257" s="1106"/>
      <c r="AB257" s="1106"/>
      <c r="AC257" s="1106"/>
      <c r="AD257" s="1106"/>
      <c r="AE257" s="1106"/>
      <c r="AF257" s="1106"/>
      <c r="AG257" s="1106"/>
      <c r="AH257" s="1106"/>
      <c r="AL257" s="1106"/>
      <c r="AO257" s="1106"/>
      <c r="AP257" s="1106"/>
      <c r="AT257" s="1106"/>
      <c r="AU257" s="1106"/>
      <c r="AV257" s="1106"/>
      <c r="AW257" s="1106"/>
      <c r="AX257" s="1106"/>
      <c r="AY257" s="1106"/>
      <c r="AZ257" s="1106"/>
      <c r="BA257" s="1106"/>
      <c r="BB257" s="1106"/>
      <c r="BC257" s="1106"/>
      <c r="BD257" s="1106"/>
      <c r="BE257" s="1106"/>
      <c r="BF257" s="1106"/>
      <c r="BG257" s="1106"/>
      <c r="BH257" s="1106"/>
      <c r="BI257" s="1106"/>
      <c r="BJ257" s="1106"/>
      <c r="BK257" s="1106"/>
      <c r="BL257" s="1106"/>
      <c r="BM257" s="1106"/>
      <c r="BN257" s="1106"/>
      <c r="BO257" s="1106"/>
      <c r="BP257" s="1106"/>
      <c r="BQ257" s="1106"/>
      <c r="BR257" s="1106"/>
      <c r="BS257" s="1106"/>
      <c r="BT257" s="1106"/>
      <c r="BU257" s="1106"/>
      <c r="BV257" s="1106"/>
      <c r="BW257" s="1106"/>
      <c r="BX257" s="1106"/>
      <c r="BY257" s="1106"/>
      <c r="BZ257" s="1106"/>
      <c r="CA257" s="1106"/>
    </row>
    <row r="258" spans="3:79" ht="9" customHeight="1" x14ac:dyDescent="0.2">
      <c r="C258" s="1106"/>
      <c r="D258" s="1106"/>
      <c r="E258" s="1106"/>
      <c r="F258" s="1106"/>
      <c r="G258" s="1106"/>
      <c r="H258" s="1106"/>
      <c r="I258" s="1106"/>
      <c r="J258" s="1106"/>
      <c r="K258" s="1106"/>
      <c r="L258" s="1106"/>
      <c r="M258" s="1106"/>
      <c r="N258" s="1106"/>
      <c r="O258" s="1106"/>
      <c r="U258" s="1106"/>
      <c r="AB258" s="1106"/>
      <c r="AC258" s="1106"/>
      <c r="AD258" s="1106"/>
      <c r="AE258" s="1106"/>
      <c r="AF258" s="1106"/>
      <c r="AG258" s="1106"/>
      <c r="AH258" s="1106"/>
      <c r="AL258" s="1106"/>
      <c r="AT258" s="1106"/>
      <c r="AU258" s="1106"/>
      <c r="AV258" s="1106"/>
      <c r="AW258" s="1106"/>
      <c r="AX258" s="1106"/>
      <c r="AY258" s="1106"/>
      <c r="AZ258" s="1106"/>
      <c r="BA258" s="1106"/>
      <c r="BB258" s="1106"/>
      <c r="BC258" s="1106"/>
      <c r="BD258" s="1106"/>
      <c r="BE258" s="1106"/>
      <c r="BF258" s="1106"/>
      <c r="BG258" s="1106"/>
      <c r="BH258" s="1106"/>
      <c r="BI258" s="1106"/>
      <c r="BJ258" s="1106"/>
      <c r="BK258" s="1106"/>
      <c r="BL258" s="1106"/>
      <c r="BM258" s="1106"/>
      <c r="BN258" s="1106"/>
      <c r="BO258" s="1106"/>
      <c r="BP258" s="1106"/>
      <c r="BQ258" s="1106"/>
      <c r="BR258" s="1106"/>
      <c r="BS258" s="1106"/>
      <c r="BT258" s="1106"/>
      <c r="BU258" s="1106"/>
      <c r="BV258" s="1106"/>
      <c r="BW258" s="1106"/>
      <c r="BX258" s="1106"/>
      <c r="BY258" s="1106"/>
      <c r="BZ258" s="1106"/>
      <c r="CA258" s="1106"/>
    </row>
    <row r="259" spans="3:79" ht="9" customHeight="1" x14ac:dyDescent="0.2">
      <c r="C259" s="1106"/>
      <c r="D259" s="1106"/>
      <c r="E259" s="1106"/>
      <c r="F259" s="1106"/>
      <c r="G259" s="1106"/>
      <c r="H259" s="1106"/>
      <c r="I259" s="1106"/>
      <c r="J259" s="1106"/>
      <c r="K259" s="1106"/>
      <c r="L259" s="1106"/>
      <c r="M259" s="1106"/>
      <c r="N259" s="1106"/>
      <c r="O259" s="1106"/>
      <c r="AB259" s="1106"/>
      <c r="AC259" s="1106"/>
      <c r="AD259" s="1106"/>
      <c r="AE259" s="1106"/>
      <c r="AF259" s="1106"/>
      <c r="AG259" s="1106"/>
      <c r="AH259" s="1106"/>
      <c r="AL259" s="1106"/>
      <c r="AZ259" s="1106"/>
      <c r="BA259" s="1106"/>
      <c r="BB259" s="1106"/>
      <c r="BC259" s="1106"/>
      <c r="BD259" s="1106"/>
      <c r="BE259" s="1106"/>
      <c r="BF259" s="1106"/>
      <c r="BG259" s="1106"/>
      <c r="BH259" s="1106"/>
      <c r="BI259" s="1106"/>
      <c r="BJ259" s="1106"/>
      <c r="BK259" s="1106"/>
      <c r="BL259" s="1106"/>
      <c r="BM259" s="1106"/>
      <c r="BN259" s="1106"/>
      <c r="BO259" s="1106"/>
      <c r="BP259" s="1106"/>
      <c r="BQ259" s="1106"/>
      <c r="BR259" s="1106"/>
      <c r="BS259" s="1106"/>
      <c r="BT259" s="1106"/>
      <c r="BU259" s="1106"/>
      <c r="BV259" s="1106"/>
      <c r="BW259" s="1106"/>
      <c r="BX259" s="1106"/>
      <c r="BY259" s="1106"/>
      <c r="BZ259" s="1106"/>
      <c r="CA259" s="1106"/>
    </row>
    <row r="260" spans="3:79" ht="9" customHeight="1" x14ac:dyDescent="0.2">
      <c r="C260" s="1106"/>
      <c r="D260" s="1106"/>
      <c r="E260" s="1106"/>
      <c r="F260" s="1106"/>
      <c r="G260" s="1106"/>
      <c r="H260" s="1106"/>
      <c r="I260" s="1106"/>
      <c r="J260" s="1106"/>
      <c r="K260" s="1106"/>
      <c r="L260" s="1106"/>
      <c r="M260" s="1106"/>
      <c r="N260" s="1106"/>
      <c r="O260" s="1106"/>
      <c r="AB260" s="1106"/>
      <c r="AC260" s="1106"/>
      <c r="AD260" s="1106"/>
      <c r="AE260" s="1106"/>
      <c r="AF260" s="1106"/>
      <c r="AG260" s="1106"/>
      <c r="AH260" s="1106"/>
      <c r="AL260" s="1106"/>
      <c r="AZ260" s="1106"/>
      <c r="BA260" s="1106"/>
      <c r="BB260" s="1106"/>
      <c r="BC260" s="1106"/>
      <c r="BD260" s="1106"/>
      <c r="BE260" s="1106"/>
      <c r="BF260" s="1106"/>
      <c r="BG260" s="1106"/>
      <c r="BH260" s="1106"/>
      <c r="BI260" s="1106"/>
      <c r="BJ260" s="1106"/>
      <c r="BK260" s="1106"/>
      <c r="BL260" s="1106"/>
      <c r="BM260" s="1106"/>
      <c r="BN260" s="1106"/>
      <c r="BO260" s="1106"/>
      <c r="BP260" s="1106"/>
      <c r="BQ260" s="1106"/>
      <c r="BR260" s="1106"/>
      <c r="BS260" s="1106"/>
      <c r="BT260" s="1106"/>
      <c r="BU260" s="1106"/>
      <c r="BV260" s="1106"/>
      <c r="BW260" s="1106"/>
      <c r="BX260" s="1106"/>
      <c r="BY260" s="1106"/>
      <c r="BZ260" s="1106"/>
      <c r="CA260" s="1106"/>
    </row>
    <row r="261" spans="3:79" ht="9" customHeight="1" x14ac:dyDescent="0.2">
      <c r="C261" s="1106"/>
      <c r="D261" s="1106"/>
      <c r="E261" s="1106"/>
      <c r="F261" s="1106"/>
      <c r="G261" s="1106"/>
      <c r="H261" s="1106"/>
      <c r="I261" s="1106"/>
      <c r="J261" s="1106"/>
      <c r="K261" s="1106"/>
      <c r="L261" s="1106"/>
      <c r="M261" s="1106"/>
      <c r="N261" s="1106"/>
      <c r="O261" s="1106"/>
      <c r="AB261" s="1106"/>
      <c r="AC261" s="1106"/>
      <c r="AD261" s="1106"/>
      <c r="AE261" s="1106"/>
      <c r="AF261" s="1106"/>
      <c r="AG261" s="1106"/>
      <c r="AH261" s="1106"/>
      <c r="AL261" s="1106"/>
      <c r="AZ261" s="1106"/>
      <c r="BA261" s="1106"/>
      <c r="BB261" s="1106"/>
      <c r="BC261" s="1106"/>
      <c r="BD261" s="1106"/>
      <c r="BE261" s="1106"/>
      <c r="BF261" s="1106"/>
      <c r="BG261" s="1106"/>
      <c r="BH261" s="1106"/>
      <c r="BI261" s="1106"/>
      <c r="BJ261" s="1106"/>
      <c r="BK261" s="1106"/>
      <c r="BL261" s="1106"/>
      <c r="BM261" s="1106"/>
      <c r="BN261" s="1106"/>
      <c r="BO261" s="1106"/>
      <c r="BP261" s="1106"/>
      <c r="BQ261" s="1106"/>
      <c r="BR261" s="1106"/>
      <c r="BS261" s="1106"/>
      <c r="BT261" s="1106"/>
      <c r="BU261" s="1106"/>
      <c r="BV261" s="1106"/>
      <c r="BW261" s="1106"/>
      <c r="BX261" s="1106"/>
      <c r="BY261" s="1106"/>
      <c r="BZ261" s="1106"/>
      <c r="CA261" s="1106"/>
    </row>
    <row r="262" spans="3:79" ht="9" customHeight="1" x14ac:dyDescent="0.2">
      <c r="C262" s="1106"/>
      <c r="D262" s="1106"/>
      <c r="E262" s="1106"/>
      <c r="F262" s="1106"/>
      <c r="G262" s="1106"/>
      <c r="H262" s="1106"/>
      <c r="I262" s="1106"/>
      <c r="J262" s="1106"/>
      <c r="K262" s="1106"/>
      <c r="L262" s="1106"/>
      <c r="M262" s="1106"/>
      <c r="N262" s="1106"/>
      <c r="O262" s="1106"/>
      <c r="U262" s="1106"/>
      <c r="AB262" s="1106"/>
      <c r="AC262" s="1106"/>
      <c r="AD262" s="1106"/>
      <c r="AE262" s="1106"/>
      <c r="AF262" s="1106"/>
      <c r="AG262" s="1106"/>
      <c r="AH262" s="1106"/>
      <c r="AL262" s="1106"/>
      <c r="AT262" s="1106"/>
      <c r="AU262" s="1106"/>
      <c r="AV262" s="1106"/>
      <c r="AW262" s="1106"/>
      <c r="AX262" s="1106"/>
      <c r="AY262" s="1106"/>
      <c r="AZ262" s="1106"/>
      <c r="BA262" s="1106"/>
      <c r="BB262" s="1106"/>
      <c r="BC262" s="1106"/>
      <c r="BD262" s="1106"/>
      <c r="BE262" s="1106"/>
      <c r="BF262" s="1106"/>
      <c r="BG262" s="1106"/>
      <c r="BH262" s="1106"/>
      <c r="BI262" s="1106"/>
      <c r="BJ262" s="1106"/>
      <c r="BK262" s="1106"/>
      <c r="BL262" s="1106"/>
      <c r="BM262" s="1106"/>
      <c r="BN262" s="1106"/>
      <c r="BO262" s="1106"/>
      <c r="BP262" s="1106"/>
      <c r="BQ262" s="1106"/>
      <c r="BR262" s="1106"/>
      <c r="BS262" s="1106"/>
      <c r="BT262" s="1106"/>
      <c r="BU262" s="1106"/>
      <c r="BV262" s="1106"/>
      <c r="BW262" s="1106"/>
      <c r="BX262" s="1106"/>
      <c r="BY262" s="1106"/>
      <c r="BZ262" s="1106"/>
      <c r="CA262" s="1106"/>
    </row>
    <row r="263" spans="3:79" ht="9" customHeight="1" x14ac:dyDescent="0.2">
      <c r="C263" s="1106"/>
      <c r="D263" s="1106"/>
      <c r="E263" s="1106"/>
      <c r="F263" s="1106"/>
      <c r="G263" s="1106"/>
      <c r="H263" s="1106"/>
      <c r="I263" s="1106"/>
      <c r="J263" s="1106"/>
      <c r="K263" s="1106"/>
      <c r="L263" s="1106"/>
      <c r="M263" s="1106"/>
      <c r="N263" s="1106"/>
      <c r="O263" s="1106"/>
      <c r="U263" s="1106"/>
      <c r="AB263" s="1106"/>
      <c r="AC263" s="1106"/>
      <c r="AD263" s="1106"/>
      <c r="AE263" s="1106"/>
      <c r="AF263" s="1106"/>
      <c r="AG263" s="1106"/>
      <c r="AH263" s="1106"/>
      <c r="AL263" s="1106"/>
      <c r="AO263" s="1106"/>
      <c r="AP263" s="1106"/>
      <c r="AT263" s="1106"/>
      <c r="AU263" s="1106"/>
      <c r="AV263" s="1106"/>
      <c r="AW263" s="1106"/>
      <c r="AX263" s="1106"/>
      <c r="AY263" s="1106"/>
      <c r="AZ263" s="1106"/>
      <c r="BA263" s="1106"/>
      <c r="BB263" s="1106"/>
      <c r="BC263" s="1106"/>
      <c r="BD263" s="1106"/>
      <c r="BE263" s="1106"/>
      <c r="BF263" s="1106"/>
      <c r="BG263" s="1106"/>
      <c r="BH263" s="1106"/>
      <c r="BI263" s="1106"/>
      <c r="BJ263" s="1106"/>
      <c r="BK263" s="1106"/>
      <c r="BL263" s="1106"/>
      <c r="BM263" s="1106"/>
      <c r="BN263" s="1106"/>
      <c r="BO263" s="1106"/>
      <c r="BP263" s="1106"/>
      <c r="BQ263" s="1106"/>
      <c r="BR263" s="1106"/>
      <c r="BS263" s="1106"/>
      <c r="BT263" s="1106"/>
      <c r="BU263" s="1106"/>
      <c r="BV263" s="1106"/>
      <c r="BW263" s="1106"/>
      <c r="BX263" s="1106"/>
      <c r="BY263" s="1106"/>
      <c r="BZ263" s="1106"/>
      <c r="CA263" s="1106"/>
    </row>
    <row r="264" spans="3:79" ht="9" customHeight="1" x14ac:dyDescent="0.2">
      <c r="C264" s="1106"/>
      <c r="D264" s="1106"/>
      <c r="E264" s="1106"/>
      <c r="F264" s="1106"/>
      <c r="G264" s="1106"/>
      <c r="H264" s="1106"/>
      <c r="I264" s="1106"/>
      <c r="J264" s="1106"/>
      <c r="K264" s="1106"/>
      <c r="L264" s="1106"/>
      <c r="M264" s="1106"/>
      <c r="N264" s="1106"/>
      <c r="O264" s="1106"/>
      <c r="U264" s="1106"/>
      <c r="AB264" s="1106"/>
      <c r="AC264" s="1106"/>
      <c r="AD264" s="1106"/>
      <c r="AE264" s="1106"/>
      <c r="AF264" s="1106"/>
      <c r="AG264" s="1106"/>
      <c r="AH264" s="1106"/>
      <c r="AL264" s="1106"/>
      <c r="AT264" s="1106"/>
      <c r="AU264" s="1106"/>
      <c r="AV264" s="1106"/>
      <c r="AW264" s="1106"/>
      <c r="AX264" s="1106"/>
      <c r="AY264" s="1106"/>
      <c r="AZ264" s="1106"/>
      <c r="BA264" s="1106"/>
      <c r="BB264" s="1106"/>
      <c r="BC264" s="1106"/>
      <c r="BD264" s="1106"/>
      <c r="BE264" s="1106"/>
      <c r="BF264" s="1106"/>
      <c r="BG264" s="1106"/>
      <c r="BH264" s="1106"/>
      <c r="BI264" s="1106"/>
      <c r="BJ264" s="1106"/>
      <c r="BK264" s="1106"/>
      <c r="BL264" s="1106"/>
      <c r="BM264" s="1106"/>
      <c r="BN264" s="1106"/>
      <c r="BO264" s="1106"/>
      <c r="BP264" s="1106"/>
      <c r="BQ264" s="1106"/>
      <c r="BR264" s="1106"/>
      <c r="BS264" s="1106"/>
      <c r="BT264" s="1106"/>
      <c r="BU264" s="1106"/>
      <c r="BV264" s="1106"/>
      <c r="BW264" s="1106"/>
      <c r="BX264" s="1106"/>
      <c r="BY264" s="1106"/>
      <c r="BZ264" s="1106"/>
      <c r="CA264" s="1106"/>
    </row>
    <row r="265" spans="3:79" ht="9" customHeight="1" x14ac:dyDescent="0.2">
      <c r="C265" s="1106"/>
      <c r="D265" s="1106"/>
      <c r="E265" s="1106"/>
      <c r="F265" s="1106"/>
      <c r="G265" s="1106"/>
      <c r="H265" s="1106"/>
      <c r="I265" s="1106"/>
      <c r="J265" s="1106"/>
      <c r="K265" s="1106"/>
      <c r="L265" s="1106"/>
      <c r="M265" s="1106"/>
      <c r="N265" s="1106"/>
      <c r="O265" s="1106"/>
      <c r="AB265" s="1106"/>
      <c r="AC265" s="1106"/>
      <c r="AD265" s="1106"/>
      <c r="AE265" s="1106"/>
      <c r="AF265" s="1106"/>
      <c r="AG265" s="1106"/>
      <c r="AH265" s="1106"/>
      <c r="AL265" s="1106"/>
      <c r="AZ265" s="1106"/>
      <c r="BA265" s="1106"/>
      <c r="BB265" s="1106"/>
      <c r="BC265" s="1106"/>
      <c r="BD265" s="1106"/>
      <c r="BE265" s="1106"/>
      <c r="BF265" s="1106"/>
      <c r="BG265" s="1106"/>
      <c r="BH265" s="1106"/>
      <c r="BI265" s="1106"/>
      <c r="BJ265" s="1106"/>
      <c r="BK265" s="1106"/>
      <c r="BL265" s="1106"/>
      <c r="BM265" s="1106"/>
      <c r="BN265" s="1106"/>
      <c r="BO265" s="1106"/>
      <c r="BP265" s="1106"/>
      <c r="BQ265" s="1106"/>
      <c r="BR265" s="1106"/>
      <c r="BS265" s="1106"/>
      <c r="BT265" s="1106"/>
      <c r="BU265" s="1106"/>
      <c r="BV265" s="1106"/>
      <c r="BW265" s="1106"/>
      <c r="BX265" s="1106"/>
      <c r="BY265" s="1106"/>
      <c r="BZ265" s="1106"/>
      <c r="CA265" s="1106"/>
    </row>
    <row r="266" spans="3:79" ht="9" customHeight="1" x14ac:dyDescent="0.2">
      <c r="C266" s="1106"/>
      <c r="D266" s="1106"/>
      <c r="E266" s="1106"/>
      <c r="F266" s="1106"/>
      <c r="G266" s="1106"/>
      <c r="H266" s="1106"/>
      <c r="I266" s="1106"/>
      <c r="J266" s="1106"/>
      <c r="K266" s="1106"/>
      <c r="L266" s="1106"/>
      <c r="M266" s="1106"/>
      <c r="N266" s="1106"/>
      <c r="O266" s="1106"/>
      <c r="AB266" s="1106"/>
      <c r="AC266" s="1106"/>
      <c r="AD266" s="1106"/>
      <c r="AE266" s="1106"/>
      <c r="AF266" s="1106"/>
      <c r="AG266" s="1106"/>
      <c r="AH266" s="1106"/>
      <c r="AL266" s="1106"/>
      <c r="AZ266" s="1106"/>
      <c r="BA266" s="1106"/>
      <c r="BB266" s="1106"/>
      <c r="BC266" s="1106"/>
      <c r="BD266" s="1106"/>
      <c r="BE266" s="1106"/>
      <c r="BF266" s="1106"/>
      <c r="BG266" s="1106"/>
      <c r="BH266" s="1106"/>
      <c r="BI266" s="1106"/>
      <c r="BJ266" s="1106"/>
      <c r="BK266" s="1106"/>
      <c r="BL266" s="1106"/>
      <c r="BM266" s="1106"/>
      <c r="BN266" s="1106"/>
      <c r="BO266" s="1106"/>
      <c r="BP266" s="1106"/>
      <c r="BQ266" s="1106"/>
      <c r="BR266" s="1106"/>
      <c r="BS266" s="1106"/>
      <c r="BT266" s="1106"/>
      <c r="BU266" s="1106"/>
      <c r="BV266" s="1106"/>
      <c r="BW266" s="1106"/>
      <c r="BX266" s="1106"/>
      <c r="BY266" s="1106"/>
      <c r="BZ266" s="1106"/>
      <c r="CA266" s="1106"/>
    </row>
    <row r="267" spans="3:79" ht="9" customHeight="1" x14ac:dyDescent="0.2">
      <c r="C267" s="1106"/>
      <c r="D267" s="1106"/>
      <c r="E267" s="1106"/>
      <c r="F267" s="1106"/>
      <c r="G267" s="1106"/>
      <c r="H267" s="1106"/>
      <c r="I267" s="1106"/>
      <c r="J267" s="1106"/>
      <c r="K267" s="1106"/>
      <c r="L267" s="1106"/>
      <c r="M267" s="1106"/>
      <c r="N267" s="1106"/>
      <c r="O267" s="1106"/>
      <c r="AB267" s="1106"/>
      <c r="AC267" s="1106"/>
      <c r="AD267" s="1106"/>
      <c r="AE267" s="1106"/>
      <c r="AF267" s="1106"/>
      <c r="AG267" s="1106"/>
      <c r="AH267" s="1106"/>
      <c r="AL267" s="1106"/>
      <c r="AZ267" s="1106"/>
      <c r="BA267" s="1106"/>
      <c r="BB267" s="1106"/>
      <c r="BC267" s="1106"/>
      <c r="BD267" s="1106"/>
      <c r="BE267" s="1106"/>
      <c r="BF267" s="1106"/>
      <c r="BG267" s="1106"/>
      <c r="BH267" s="1106"/>
      <c r="BI267" s="1106"/>
      <c r="BJ267" s="1106"/>
      <c r="BK267" s="1106"/>
      <c r="BL267" s="1106"/>
      <c r="BM267" s="1106"/>
      <c r="BN267" s="1106"/>
      <c r="BO267" s="1106"/>
      <c r="BP267" s="1106"/>
      <c r="BQ267" s="1106"/>
      <c r="BR267" s="1106"/>
      <c r="BS267" s="1106"/>
      <c r="BT267" s="1106"/>
      <c r="BU267" s="1106"/>
      <c r="BV267" s="1106"/>
      <c r="BW267" s="1106"/>
      <c r="BX267" s="1106"/>
      <c r="BY267" s="1106"/>
      <c r="BZ267" s="1106"/>
      <c r="CA267" s="1106"/>
    </row>
    <row r="268" spans="3:79" ht="9" customHeight="1" x14ac:dyDescent="0.2">
      <c r="C268" s="1106"/>
      <c r="D268" s="1106"/>
      <c r="E268" s="1106"/>
      <c r="F268" s="1106"/>
      <c r="G268" s="1106"/>
      <c r="H268" s="1106"/>
      <c r="I268" s="1106"/>
      <c r="J268" s="1106"/>
      <c r="K268" s="1106"/>
      <c r="L268" s="1106"/>
      <c r="M268" s="1106"/>
      <c r="N268" s="1106"/>
      <c r="O268" s="1106"/>
      <c r="U268" s="1106"/>
      <c r="AB268" s="1106"/>
      <c r="AC268" s="1106"/>
      <c r="AD268" s="1106"/>
      <c r="AE268" s="1106"/>
      <c r="AF268" s="1106"/>
      <c r="AG268" s="1106"/>
      <c r="AH268" s="1106"/>
      <c r="AL268" s="1106"/>
      <c r="AT268" s="1106"/>
      <c r="AU268" s="1106"/>
      <c r="AV268" s="1106"/>
      <c r="AW268" s="1106"/>
      <c r="AX268" s="1106"/>
      <c r="AY268" s="1106"/>
      <c r="AZ268" s="1106"/>
      <c r="BA268" s="1106"/>
      <c r="BB268" s="1106"/>
      <c r="BC268" s="1106"/>
      <c r="BD268" s="1106"/>
      <c r="BE268" s="1106"/>
      <c r="BF268" s="1106"/>
      <c r="BG268" s="1106"/>
      <c r="BH268" s="1106"/>
      <c r="BI268" s="1106"/>
      <c r="BJ268" s="1106"/>
      <c r="BK268" s="1106"/>
      <c r="BL268" s="1106"/>
      <c r="BM268" s="1106"/>
      <c r="BN268" s="1106"/>
      <c r="BO268" s="1106"/>
      <c r="BP268" s="1106"/>
      <c r="BQ268" s="1106"/>
      <c r="BR268" s="1106"/>
      <c r="BS268" s="1106"/>
      <c r="BT268" s="1106"/>
      <c r="BU268" s="1106"/>
      <c r="BV268" s="1106"/>
      <c r="BW268" s="1106"/>
      <c r="BX268" s="1106"/>
      <c r="BY268" s="1106"/>
      <c r="BZ268" s="1106"/>
      <c r="CA268" s="1106"/>
    </row>
    <row r="269" spans="3:79" ht="9" customHeight="1" x14ac:dyDescent="0.2">
      <c r="C269" s="1106"/>
      <c r="D269" s="1106"/>
      <c r="E269" s="1106"/>
      <c r="F269" s="1106"/>
      <c r="G269" s="1106"/>
      <c r="H269" s="1106"/>
      <c r="I269" s="1106"/>
      <c r="J269" s="1106"/>
      <c r="K269" s="1106"/>
      <c r="L269" s="1106"/>
      <c r="M269" s="1106"/>
      <c r="N269" s="1106"/>
      <c r="O269" s="1106"/>
      <c r="U269" s="1106"/>
      <c r="AB269" s="1106"/>
      <c r="AC269" s="1106"/>
      <c r="AD269" s="1106"/>
      <c r="AE269" s="1106"/>
      <c r="AF269" s="1106"/>
      <c r="AG269" s="1106"/>
      <c r="AH269" s="1106"/>
      <c r="AL269" s="1106"/>
      <c r="AO269" s="1106"/>
      <c r="AP269" s="1106"/>
      <c r="AT269" s="1106"/>
      <c r="AU269" s="1106"/>
      <c r="AV269" s="1106"/>
      <c r="AW269" s="1106"/>
      <c r="AX269" s="1106"/>
      <c r="AY269" s="1106"/>
      <c r="AZ269" s="1106"/>
      <c r="BA269" s="1106"/>
      <c r="BB269" s="1106"/>
      <c r="BC269" s="1106"/>
      <c r="BD269" s="1106"/>
      <c r="BE269" s="1106"/>
      <c r="BF269" s="1106"/>
      <c r="BG269" s="1106"/>
      <c r="BH269" s="1106"/>
      <c r="BI269" s="1106"/>
      <c r="BJ269" s="1106"/>
      <c r="BK269" s="1106"/>
      <c r="BL269" s="1106"/>
      <c r="BM269" s="1106"/>
      <c r="BN269" s="1106"/>
      <c r="BO269" s="1106"/>
      <c r="BP269" s="1106"/>
      <c r="BQ269" s="1106"/>
      <c r="BR269" s="1106"/>
      <c r="BS269" s="1106"/>
      <c r="BT269" s="1106"/>
      <c r="BU269" s="1106"/>
      <c r="BV269" s="1106"/>
      <c r="BW269" s="1106"/>
      <c r="BX269" s="1106"/>
      <c r="BY269" s="1106"/>
      <c r="BZ269" s="1106"/>
      <c r="CA269" s="1106"/>
    </row>
    <row r="270" spans="3:79" ht="9" customHeight="1" x14ac:dyDescent="0.2">
      <c r="C270" s="1106"/>
      <c r="D270" s="1106"/>
      <c r="E270" s="1106"/>
      <c r="F270" s="1106"/>
      <c r="G270" s="1106"/>
      <c r="H270" s="1106"/>
      <c r="I270" s="1106"/>
      <c r="J270" s="1106"/>
      <c r="K270" s="1106"/>
      <c r="L270" s="1106"/>
      <c r="M270" s="1106"/>
      <c r="N270" s="1106"/>
      <c r="O270" s="1106"/>
      <c r="U270" s="1106"/>
      <c r="AB270" s="1106"/>
      <c r="AC270" s="1106"/>
      <c r="AD270" s="1106"/>
      <c r="AE270" s="1106"/>
      <c r="AF270" s="1106"/>
      <c r="AG270" s="1106"/>
      <c r="AH270" s="1106"/>
      <c r="AL270" s="1106"/>
      <c r="AT270" s="1106"/>
      <c r="AU270" s="1106"/>
      <c r="AV270" s="1106"/>
      <c r="AW270" s="1106"/>
      <c r="AX270" s="1106"/>
      <c r="AY270" s="1106"/>
      <c r="AZ270" s="1106"/>
      <c r="BA270" s="1106"/>
      <c r="BB270" s="1106"/>
      <c r="BC270" s="1106"/>
      <c r="BD270" s="1106"/>
      <c r="BE270" s="1106"/>
      <c r="BF270" s="1106"/>
      <c r="BG270" s="1106"/>
      <c r="BH270" s="1106"/>
      <c r="BI270" s="1106"/>
      <c r="BJ270" s="1106"/>
      <c r="BK270" s="1106"/>
      <c r="BL270" s="1106"/>
      <c r="BM270" s="1106"/>
      <c r="BN270" s="1106"/>
      <c r="BO270" s="1106"/>
      <c r="BP270" s="1106"/>
      <c r="BQ270" s="1106"/>
      <c r="BR270" s="1106"/>
      <c r="BS270" s="1106"/>
      <c r="BT270" s="1106"/>
      <c r="BU270" s="1106"/>
      <c r="BV270" s="1106"/>
      <c r="BW270" s="1106"/>
      <c r="BX270" s="1106"/>
      <c r="BY270" s="1106"/>
      <c r="BZ270" s="1106"/>
      <c r="CA270" s="1106"/>
    </row>
    <row r="271" spans="3:79" ht="9" customHeight="1" x14ac:dyDescent="0.2">
      <c r="C271" s="1106"/>
      <c r="D271" s="1106"/>
      <c r="E271" s="1106"/>
      <c r="F271" s="1106"/>
      <c r="G271" s="1106"/>
      <c r="H271" s="1106"/>
      <c r="I271" s="1106"/>
      <c r="J271" s="1106"/>
      <c r="K271" s="1106"/>
      <c r="L271" s="1106"/>
      <c r="M271" s="1106"/>
      <c r="N271" s="1106"/>
      <c r="O271" s="1106"/>
      <c r="AB271" s="1106"/>
      <c r="AC271" s="1106"/>
      <c r="AD271" s="1106"/>
      <c r="AE271" s="1106"/>
      <c r="AF271" s="1106"/>
      <c r="AG271" s="1106"/>
      <c r="AH271" s="1106"/>
      <c r="AL271" s="1106"/>
      <c r="AZ271" s="1106"/>
      <c r="BA271" s="1106"/>
      <c r="BB271" s="1106"/>
      <c r="BC271" s="1106"/>
      <c r="BD271" s="1106"/>
      <c r="BE271" s="1106"/>
      <c r="BF271" s="1106"/>
      <c r="BG271" s="1106"/>
      <c r="BH271" s="1106"/>
      <c r="BI271" s="1106"/>
      <c r="BJ271" s="1106"/>
      <c r="BK271" s="1106"/>
      <c r="BL271" s="1106"/>
      <c r="BM271" s="1106"/>
      <c r="BN271" s="1106"/>
      <c r="BO271" s="1106"/>
      <c r="BP271" s="1106"/>
      <c r="BQ271" s="1106"/>
      <c r="BR271" s="1106"/>
      <c r="BS271" s="1106"/>
      <c r="BT271" s="1106"/>
      <c r="BU271" s="1106"/>
      <c r="BV271" s="1106"/>
      <c r="BW271" s="1106"/>
      <c r="BX271" s="1106"/>
      <c r="BY271" s="1106"/>
      <c r="BZ271" s="1106"/>
      <c r="CA271" s="1106"/>
    </row>
    <row r="272" spans="3:79" ht="9" customHeight="1" x14ac:dyDescent="0.2">
      <c r="C272" s="1106"/>
      <c r="D272" s="1106"/>
      <c r="E272" s="1106"/>
      <c r="F272" s="1106"/>
      <c r="G272" s="1106"/>
      <c r="H272" s="1106"/>
      <c r="I272" s="1106"/>
      <c r="J272" s="1106"/>
      <c r="K272" s="1106"/>
      <c r="L272" s="1106"/>
      <c r="M272" s="1106"/>
      <c r="N272" s="1106"/>
      <c r="O272" s="1106"/>
      <c r="AB272" s="1106"/>
      <c r="AC272" s="1106"/>
      <c r="AD272" s="1106"/>
      <c r="AE272" s="1106"/>
      <c r="AF272" s="1106"/>
      <c r="AG272" s="1106"/>
      <c r="AH272" s="1106"/>
      <c r="AL272" s="1106"/>
      <c r="AZ272" s="1106"/>
      <c r="BA272" s="1106"/>
      <c r="BB272" s="1106"/>
      <c r="BC272" s="1106"/>
      <c r="BD272" s="1106"/>
      <c r="BE272" s="1106"/>
      <c r="BF272" s="1106"/>
      <c r="BG272" s="1106"/>
      <c r="BH272" s="1106"/>
      <c r="BI272" s="1106"/>
      <c r="BJ272" s="1106"/>
      <c r="BK272" s="1106"/>
      <c r="BL272" s="1106"/>
      <c r="BM272" s="1106"/>
      <c r="BN272" s="1106"/>
      <c r="BO272" s="1106"/>
      <c r="BP272" s="1106"/>
      <c r="BQ272" s="1106"/>
      <c r="BR272" s="1106"/>
      <c r="BS272" s="1106"/>
      <c r="BT272" s="1106"/>
      <c r="BU272" s="1106"/>
      <c r="BV272" s="1106"/>
      <c r="BW272" s="1106"/>
      <c r="BX272" s="1106"/>
      <c r="BY272" s="1106"/>
      <c r="BZ272" s="1106"/>
      <c r="CA272" s="1106"/>
    </row>
    <row r="273" spans="3:79" ht="9" customHeight="1" x14ac:dyDescent="0.2">
      <c r="C273" s="1106"/>
      <c r="D273" s="1106"/>
      <c r="E273" s="1106"/>
      <c r="F273" s="1106"/>
      <c r="G273" s="1106"/>
      <c r="H273" s="1106"/>
      <c r="I273" s="1106"/>
      <c r="J273" s="1106"/>
      <c r="K273" s="1106"/>
      <c r="L273" s="1106"/>
      <c r="M273" s="1106"/>
      <c r="N273" s="1106"/>
      <c r="O273" s="1106"/>
      <c r="AB273" s="1106"/>
      <c r="AC273" s="1106"/>
      <c r="AD273" s="1106"/>
      <c r="AE273" s="1106"/>
      <c r="AF273" s="1106"/>
      <c r="AG273" s="1106"/>
      <c r="AH273" s="1106"/>
      <c r="AL273" s="1106"/>
      <c r="AZ273" s="1106"/>
      <c r="BA273" s="1106"/>
      <c r="BB273" s="1106"/>
      <c r="BC273" s="1106"/>
      <c r="BD273" s="1106"/>
      <c r="BE273" s="1106"/>
      <c r="BF273" s="1106"/>
      <c r="BG273" s="1106"/>
      <c r="BH273" s="1106"/>
      <c r="BI273" s="1106"/>
      <c r="BJ273" s="1106"/>
      <c r="BK273" s="1106"/>
      <c r="BL273" s="1106"/>
      <c r="BM273" s="1106"/>
      <c r="BN273" s="1106"/>
      <c r="BO273" s="1106"/>
      <c r="BP273" s="1106"/>
      <c r="BQ273" s="1106"/>
      <c r="BR273" s="1106"/>
      <c r="BS273" s="1106"/>
      <c r="BT273" s="1106"/>
      <c r="BU273" s="1106"/>
      <c r="BV273" s="1106"/>
      <c r="BW273" s="1106"/>
      <c r="BX273" s="1106"/>
      <c r="BY273" s="1106"/>
      <c r="BZ273" s="1106"/>
      <c r="CA273" s="1106"/>
    </row>
    <row r="274" spans="3:79" ht="9" customHeight="1" x14ac:dyDescent="0.2">
      <c r="C274" s="1106"/>
      <c r="D274" s="1106"/>
      <c r="E274" s="1106"/>
      <c r="F274" s="1106"/>
      <c r="G274" s="1106"/>
      <c r="H274" s="1106"/>
      <c r="I274" s="1106"/>
      <c r="J274" s="1106"/>
      <c r="K274" s="1106"/>
      <c r="L274" s="1106"/>
      <c r="M274" s="1106"/>
      <c r="N274" s="1106"/>
      <c r="O274" s="1106"/>
      <c r="U274" s="1106"/>
      <c r="AB274" s="1106"/>
      <c r="AC274" s="1106"/>
      <c r="AD274" s="1106"/>
      <c r="AE274" s="1106"/>
      <c r="AF274" s="1106"/>
      <c r="AG274" s="1106"/>
      <c r="AH274" s="1106"/>
      <c r="AL274" s="1106"/>
      <c r="AT274" s="1106"/>
      <c r="AU274" s="1106"/>
      <c r="AV274" s="1106"/>
      <c r="AW274" s="1106"/>
      <c r="AX274" s="1106"/>
      <c r="AY274" s="1106"/>
      <c r="AZ274" s="1106"/>
      <c r="BA274" s="1106"/>
      <c r="BB274" s="1106"/>
      <c r="BC274" s="1106"/>
      <c r="BD274" s="1106"/>
      <c r="BE274" s="1106"/>
      <c r="BF274" s="1106"/>
      <c r="BG274" s="1106"/>
      <c r="BH274" s="1106"/>
      <c r="BI274" s="1106"/>
      <c r="BJ274" s="1106"/>
      <c r="BK274" s="1106"/>
      <c r="BL274" s="1106"/>
      <c r="BM274" s="1106"/>
      <c r="BN274" s="1106"/>
      <c r="BO274" s="1106"/>
      <c r="BP274" s="1106"/>
      <c r="BQ274" s="1106"/>
      <c r="BR274" s="1106"/>
      <c r="BS274" s="1106"/>
      <c r="BT274" s="1106"/>
      <c r="BU274" s="1106"/>
      <c r="BV274" s="1106"/>
      <c r="BW274" s="1106"/>
      <c r="BX274" s="1106"/>
      <c r="BY274" s="1106"/>
      <c r="BZ274" s="1106"/>
      <c r="CA274" s="1106"/>
    </row>
    <row r="275" spans="3:79" ht="9" customHeight="1" x14ac:dyDescent="0.2">
      <c r="C275" s="1106"/>
      <c r="D275" s="1106"/>
      <c r="E275" s="1106"/>
      <c r="F275" s="1106"/>
      <c r="G275" s="1106"/>
      <c r="H275" s="1106"/>
      <c r="I275" s="1106"/>
      <c r="J275" s="1106"/>
      <c r="K275" s="1106"/>
      <c r="L275" s="1106"/>
      <c r="M275" s="1106"/>
      <c r="N275" s="1106"/>
      <c r="O275" s="1106"/>
      <c r="U275" s="1106"/>
      <c r="AB275" s="1106"/>
      <c r="AC275" s="1106"/>
      <c r="AD275" s="1106"/>
      <c r="AE275" s="1106"/>
      <c r="AF275" s="1106"/>
      <c r="AG275" s="1106"/>
      <c r="AH275" s="1106"/>
      <c r="AL275" s="1106"/>
      <c r="AO275" s="1106"/>
      <c r="AP275" s="1106"/>
      <c r="AT275" s="1106"/>
      <c r="AU275" s="1106"/>
      <c r="AV275" s="1106"/>
      <c r="AW275" s="1106"/>
      <c r="AX275" s="1106"/>
      <c r="AY275" s="1106"/>
      <c r="AZ275" s="1106"/>
      <c r="BA275" s="1106"/>
      <c r="BB275" s="1106"/>
      <c r="BC275" s="1106"/>
      <c r="BD275" s="1106"/>
      <c r="BE275" s="1106"/>
      <c r="BF275" s="1106"/>
      <c r="BG275" s="1106"/>
      <c r="BH275" s="1106"/>
      <c r="BI275" s="1106"/>
      <c r="BJ275" s="1106"/>
      <c r="BK275" s="1106"/>
      <c r="BL275" s="1106"/>
      <c r="BM275" s="1106"/>
      <c r="BN275" s="1106"/>
      <c r="BO275" s="1106"/>
      <c r="BP275" s="1106"/>
      <c r="BQ275" s="1106"/>
      <c r="BR275" s="1106"/>
      <c r="BS275" s="1106"/>
      <c r="BT275" s="1106"/>
      <c r="BU275" s="1106"/>
      <c r="BV275" s="1106"/>
      <c r="BW275" s="1106"/>
      <c r="BX275" s="1106"/>
      <c r="BY275" s="1106"/>
      <c r="BZ275" s="1106"/>
      <c r="CA275" s="1106"/>
    </row>
    <row r="276" spans="3:79" ht="9" customHeight="1" x14ac:dyDescent="0.2">
      <c r="C276" s="1106"/>
      <c r="D276" s="1106"/>
      <c r="E276" s="1106"/>
      <c r="F276" s="1106"/>
      <c r="G276" s="1106"/>
      <c r="H276" s="1106"/>
      <c r="I276" s="1106"/>
      <c r="J276" s="1106"/>
      <c r="K276" s="1106"/>
      <c r="L276" s="1106"/>
      <c r="M276" s="1106"/>
      <c r="N276" s="1106"/>
      <c r="O276" s="1106"/>
      <c r="U276" s="1106"/>
      <c r="AB276" s="1106"/>
      <c r="AC276" s="1106"/>
      <c r="AD276" s="1106"/>
      <c r="AE276" s="1106"/>
      <c r="AF276" s="1106"/>
      <c r="AG276" s="1106"/>
      <c r="AH276" s="1106"/>
      <c r="AL276" s="1106"/>
      <c r="AT276" s="1106"/>
      <c r="AU276" s="1106"/>
      <c r="AV276" s="1106"/>
      <c r="AW276" s="1106"/>
      <c r="AX276" s="1106"/>
      <c r="AY276" s="1106"/>
      <c r="AZ276" s="1106"/>
      <c r="BA276" s="1106"/>
      <c r="BB276" s="1106"/>
      <c r="BC276" s="1106"/>
      <c r="BD276" s="1106"/>
      <c r="BE276" s="1106"/>
      <c r="BF276" s="1106"/>
      <c r="BG276" s="1106"/>
      <c r="BH276" s="1106"/>
      <c r="BI276" s="1106"/>
      <c r="BJ276" s="1106"/>
      <c r="BK276" s="1106"/>
      <c r="BL276" s="1106"/>
      <c r="BM276" s="1106"/>
      <c r="BN276" s="1106"/>
      <c r="BO276" s="1106"/>
      <c r="BP276" s="1106"/>
      <c r="BQ276" s="1106"/>
      <c r="BR276" s="1106"/>
      <c r="BS276" s="1106"/>
      <c r="BT276" s="1106"/>
      <c r="BU276" s="1106"/>
      <c r="BV276" s="1106"/>
      <c r="BW276" s="1106"/>
      <c r="BX276" s="1106"/>
      <c r="BY276" s="1106"/>
      <c r="BZ276" s="1106"/>
      <c r="CA276" s="1106"/>
    </row>
    <row r="277" spans="3:79" ht="9" customHeight="1" x14ac:dyDescent="0.2">
      <c r="C277" s="1106"/>
      <c r="D277" s="1106"/>
      <c r="E277" s="1106"/>
      <c r="F277" s="1106"/>
      <c r="G277" s="1106"/>
      <c r="H277" s="1106"/>
      <c r="I277" s="1106"/>
      <c r="J277" s="1106"/>
      <c r="K277" s="1106"/>
      <c r="L277" s="1106"/>
      <c r="M277" s="1106"/>
      <c r="N277" s="1106"/>
      <c r="O277" s="1106"/>
      <c r="AB277" s="1106"/>
      <c r="AC277" s="1106"/>
      <c r="AD277" s="1106"/>
      <c r="AE277" s="1106"/>
      <c r="AF277" s="1106"/>
      <c r="AG277" s="1106"/>
      <c r="AH277" s="1106"/>
      <c r="AL277" s="1106"/>
      <c r="AZ277" s="1106"/>
      <c r="BA277" s="1106"/>
      <c r="BB277" s="1106"/>
      <c r="BC277" s="1106"/>
      <c r="BD277" s="1106"/>
      <c r="BE277" s="1106"/>
      <c r="BF277" s="1106"/>
      <c r="BG277" s="1106"/>
      <c r="BH277" s="1106"/>
      <c r="BI277" s="1106"/>
      <c r="BJ277" s="1106"/>
      <c r="BK277" s="1106"/>
      <c r="BL277" s="1106"/>
      <c r="BM277" s="1106"/>
      <c r="BN277" s="1106"/>
      <c r="BO277" s="1106"/>
      <c r="BP277" s="1106"/>
      <c r="BQ277" s="1106"/>
      <c r="BR277" s="1106"/>
      <c r="BS277" s="1106"/>
      <c r="BT277" s="1106"/>
      <c r="BU277" s="1106"/>
      <c r="BV277" s="1106"/>
      <c r="BW277" s="1106"/>
      <c r="BX277" s="1106"/>
      <c r="BY277" s="1106"/>
      <c r="BZ277" s="1106"/>
      <c r="CA277" s="1106"/>
    </row>
    <row r="278" spans="3:79" ht="9" customHeight="1" x14ac:dyDescent="0.2">
      <c r="C278" s="1106"/>
      <c r="D278" s="1106"/>
      <c r="E278" s="1106"/>
      <c r="F278" s="1106"/>
      <c r="G278" s="1106"/>
      <c r="H278" s="1106"/>
      <c r="I278" s="1106"/>
      <c r="J278" s="1106"/>
      <c r="K278" s="1106"/>
      <c r="L278" s="1106"/>
      <c r="M278" s="1106"/>
      <c r="N278" s="1106"/>
      <c r="O278" s="1106"/>
      <c r="AB278" s="1106"/>
      <c r="AC278" s="1106"/>
      <c r="AD278" s="1106"/>
      <c r="AE278" s="1106"/>
      <c r="AF278" s="1106"/>
      <c r="AG278" s="1106"/>
      <c r="AH278" s="1106"/>
      <c r="AL278" s="1106"/>
      <c r="AZ278" s="1106"/>
      <c r="BA278" s="1106"/>
      <c r="BB278" s="1106"/>
      <c r="BC278" s="1106"/>
      <c r="BD278" s="1106"/>
      <c r="BE278" s="1106"/>
      <c r="BF278" s="1106"/>
      <c r="BG278" s="1106"/>
      <c r="BH278" s="1106"/>
      <c r="BI278" s="1106"/>
      <c r="BJ278" s="1106"/>
      <c r="BK278" s="1106"/>
      <c r="BL278" s="1106"/>
      <c r="BM278" s="1106"/>
      <c r="BN278" s="1106"/>
      <c r="BO278" s="1106"/>
      <c r="BP278" s="1106"/>
      <c r="BQ278" s="1106"/>
      <c r="BR278" s="1106"/>
      <c r="BS278" s="1106"/>
      <c r="BT278" s="1106"/>
      <c r="BU278" s="1106"/>
      <c r="BV278" s="1106"/>
      <c r="BW278" s="1106"/>
      <c r="BX278" s="1106"/>
      <c r="BY278" s="1106"/>
      <c r="BZ278" s="1106"/>
      <c r="CA278" s="1106"/>
    </row>
    <row r="279" spans="3:79" ht="9" customHeight="1" x14ac:dyDescent="0.2">
      <c r="C279" s="1106"/>
      <c r="D279" s="1106"/>
      <c r="E279" s="1106"/>
      <c r="F279" s="1106"/>
      <c r="G279" s="1106"/>
      <c r="H279" s="1106"/>
      <c r="I279" s="1106"/>
      <c r="J279" s="1106"/>
      <c r="K279" s="1106"/>
      <c r="L279" s="1106"/>
      <c r="M279" s="1106"/>
      <c r="N279" s="1106"/>
      <c r="O279" s="1106"/>
      <c r="AB279" s="1106"/>
      <c r="AC279" s="1106"/>
      <c r="AD279" s="1106"/>
      <c r="AE279" s="1106"/>
      <c r="AF279" s="1106"/>
      <c r="AG279" s="1106"/>
      <c r="AH279" s="1106"/>
      <c r="AL279" s="1106"/>
      <c r="AZ279" s="1106"/>
      <c r="BA279" s="1106"/>
      <c r="BB279" s="1106"/>
      <c r="BC279" s="1106"/>
      <c r="BD279" s="1106"/>
      <c r="BE279" s="1106"/>
      <c r="BF279" s="1106"/>
      <c r="BG279" s="1106"/>
      <c r="BH279" s="1106"/>
      <c r="BI279" s="1106"/>
      <c r="BJ279" s="1106"/>
      <c r="BK279" s="1106"/>
      <c r="BL279" s="1106"/>
      <c r="BM279" s="1106"/>
      <c r="BN279" s="1106"/>
      <c r="BO279" s="1106"/>
      <c r="BP279" s="1106"/>
      <c r="BQ279" s="1106"/>
      <c r="BR279" s="1106"/>
      <c r="BS279" s="1106"/>
      <c r="BT279" s="1106"/>
      <c r="BU279" s="1106"/>
      <c r="BV279" s="1106"/>
      <c r="BW279" s="1106"/>
      <c r="BX279" s="1106"/>
      <c r="BY279" s="1106"/>
      <c r="BZ279" s="1106"/>
      <c r="CA279" s="1106"/>
    </row>
    <row r="280" spans="3:79" ht="9" customHeight="1" x14ac:dyDescent="0.2">
      <c r="C280" s="1106"/>
      <c r="D280" s="1106"/>
      <c r="E280" s="1106"/>
      <c r="F280" s="1106"/>
      <c r="G280" s="1106"/>
      <c r="H280" s="1106"/>
      <c r="I280" s="1106"/>
      <c r="J280" s="1106"/>
      <c r="K280" s="1106"/>
      <c r="L280" s="1106"/>
      <c r="M280" s="1106"/>
      <c r="N280" s="1106"/>
      <c r="O280" s="1106"/>
      <c r="U280" s="1106"/>
      <c r="AB280" s="1106"/>
      <c r="AC280" s="1106"/>
      <c r="AD280" s="1106"/>
      <c r="AE280" s="1106"/>
      <c r="AF280" s="1106"/>
      <c r="AG280" s="1106"/>
      <c r="AH280" s="1106"/>
      <c r="AL280" s="1106"/>
      <c r="AT280" s="1106"/>
      <c r="AU280" s="1106"/>
      <c r="AV280" s="1106"/>
      <c r="AW280" s="1106"/>
      <c r="AX280" s="1106"/>
      <c r="AY280" s="1106"/>
      <c r="AZ280" s="1106"/>
      <c r="BA280" s="1106"/>
      <c r="BB280" s="1106"/>
      <c r="BC280" s="1106"/>
      <c r="BD280" s="1106"/>
      <c r="BE280" s="1106"/>
      <c r="BF280" s="1106"/>
      <c r="BG280" s="1106"/>
      <c r="BH280" s="1106"/>
      <c r="BI280" s="1106"/>
      <c r="BJ280" s="1106"/>
      <c r="BK280" s="1106"/>
      <c r="BL280" s="1106"/>
      <c r="BM280" s="1106"/>
      <c r="BN280" s="1106"/>
      <c r="BO280" s="1106"/>
      <c r="BP280" s="1106"/>
      <c r="BQ280" s="1106"/>
      <c r="BR280" s="1106"/>
      <c r="BS280" s="1106"/>
      <c r="BT280" s="1106"/>
      <c r="BU280" s="1106"/>
      <c r="BV280" s="1106"/>
      <c r="BW280" s="1106"/>
      <c r="BX280" s="1106"/>
      <c r="BY280" s="1106"/>
      <c r="BZ280" s="1106"/>
      <c r="CA280" s="1106"/>
    </row>
    <row r="281" spans="3:79" ht="9" customHeight="1" x14ac:dyDescent="0.2">
      <c r="C281" s="1106"/>
      <c r="D281" s="1106"/>
      <c r="E281" s="1106"/>
      <c r="F281" s="1106"/>
      <c r="G281" s="1106"/>
      <c r="H281" s="1106"/>
      <c r="I281" s="1106"/>
      <c r="J281" s="1106"/>
      <c r="K281" s="1106"/>
      <c r="L281" s="1106"/>
      <c r="M281" s="1106"/>
      <c r="N281" s="1106"/>
      <c r="O281" s="1106"/>
      <c r="U281" s="1106"/>
      <c r="AB281" s="1106"/>
      <c r="AC281" s="1106"/>
      <c r="AD281" s="1106"/>
      <c r="AE281" s="1106"/>
      <c r="AF281" s="1106"/>
      <c r="AG281" s="1106"/>
      <c r="AH281" s="1106"/>
      <c r="AL281" s="1106"/>
      <c r="AO281" s="1106"/>
      <c r="AP281" s="1106"/>
      <c r="AT281" s="1106"/>
      <c r="AU281" s="1106"/>
      <c r="AV281" s="1106"/>
      <c r="AW281" s="1106"/>
      <c r="AX281" s="1106"/>
      <c r="AY281" s="1106"/>
      <c r="AZ281" s="1106"/>
      <c r="BA281" s="1106"/>
      <c r="BB281" s="1106"/>
      <c r="BC281" s="1106"/>
      <c r="BD281" s="1106"/>
      <c r="BE281" s="1106"/>
      <c r="BF281" s="1106"/>
      <c r="BG281" s="1106"/>
      <c r="BH281" s="1106"/>
      <c r="BI281" s="1106"/>
      <c r="BJ281" s="1106"/>
      <c r="BK281" s="1106"/>
      <c r="BL281" s="1106"/>
      <c r="BM281" s="1106"/>
      <c r="BN281" s="1106"/>
      <c r="BO281" s="1106"/>
      <c r="BP281" s="1106"/>
      <c r="BQ281" s="1106"/>
      <c r="BR281" s="1106"/>
      <c r="BS281" s="1106"/>
      <c r="BT281" s="1106"/>
      <c r="BU281" s="1106"/>
      <c r="BV281" s="1106"/>
      <c r="BW281" s="1106"/>
      <c r="BX281" s="1106"/>
      <c r="BY281" s="1106"/>
      <c r="BZ281" s="1106"/>
      <c r="CA281" s="1106"/>
    </row>
    <row r="282" spans="3:79" ht="9" customHeight="1" x14ac:dyDescent="0.2">
      <c r="C282" s="1106"/>
      <c r="D282" s="1106"/>
      <c r="E282" s="1106"/>
      <c r="F282" s="1106"/>
      <c r="G282" s="1106"/>
      <c r="H282" s="1106"/>
      <c r="I282" s="1106"/>
      <c r="J282" s="1106"/>
      <c r="K282" s="1106"/>
      <c r="L282" s="1106"/>
      <c r="M282" s="1106"/>
      <c r="N282" s="1106"/>
      <c r="O282" s="1106"/>
      <c r="U282" s="1106"/>
      <c r="AB282" s="1106"/>
      <c r="AC282" s="1106"/>
      <c r="AD282" s="1106"/>
      <c r="AE282" s="1106"/>
      <c r="AF282" s="1106"/>
      <c r="AG282" s="1106"/>
      <c r="AH282" s="1106"/>
      <c r="AL282" s="1106"/>
      <c r="AT282" s="1106"/>
      <c r="AU282" s="1106"/>
      <c r="AV282" s="1106"/>
      <c r="AW282" s="1106"/>
      <c r="AX282" s="1106"/>
      <c r="AY282" s="1106"/>
      <c r="AZ282" s="1106"/>
      <c r="BA282" s="1106"/>
      <c r="BB282" s="1106"/>
      <c r="BC282" s="1106"/>
      <c r="BD282" s="1106"/>
      <c r="BE282" s="1106"/>
      <c r="BF282" s="1106"/>
      <c r="BG282" s="1106"/>
      <c r="BH282" s="1106"/>
      <c r="BI282" s="1106"/>
      <c r="BJ282" s="1106"/>
      <c r="BK282" s="1106"/>
      <c r="BL282" s="1106"/>
      <c r="BM282" s="1106"/>
      <c r="BN282" s="1106"/>
      <c r="BO282" s="1106"/>
      <c r="BP282" s="1106"/>
      <c r="BQ282" s="1106"/>
      <c r="BR282" s="1106"/>
      <c r="BS282" s="1106"/>
      <c r="BT282" s="1106"/>
      <c r="BU282" s="1106"/>
      <c r="BV282" s="1106"/>
      <c r="BW282" s="1106"/>
      <c r="BX282" s="1106"/>
      <c r="BY282" s="1106"/>
      <c r="BZ282" s="1106"/>
      <c r="CA282" s="1106"/>
    </row>
    <row r="283" spans="3:79" ht="9" customHeight="1" x14ac:dyDescent="0.2">
      <c r="C283" s="1106"/>
      <c r="D283" s="1106"/>
      <c r="E283" s="1106"/>
      <c r="F283" s="1106"/>
      <c r="G283" s="1106"/>
      <c r="H283" s="1106"/>
      <c r="I283" s="1106"/>
      <c r="J283" s="1106"/>
      <c r="K283" s="1106"/>
      <c r="L283" s="1106"/>
      <c r="M283" s="1106"/>
      <c r="N283" s="1106"/>
      <c r="O283" s="1106"/>
      <c r="AB283" s="1106"/>
      <c r="AC283" s="1106"/>
      <c r="AD283" s="1106"/>
      <c r="AE283" s="1106"/>
      <c r="AF283" s="1106"/>
      <c r="AG283" s="1106"/>
      <c r="AH283" s="1106"/>
      <c r="AL283" s="1106"/>
      <c r="AZ283" s="1106"/>
      <c r="BA283" s="1106"/>
      <c r="BB283" s="1106"/>
      <c r="BC283" s="1106"/>
      <c r="BD283" s="1106"/>
      <c r="BE283" s="1106"/>
      <c r="BF283" s="1106"/>
      <c r="BG283" s="1106"/>
      <c r="BH283" s="1106"/>
      <c r="BI283" s="1106"/>
      <c r="BJ283" s="1106"/>
      <c r="BK283" s="1106"/>
      <c r="BL283" s="1106"/>
      <c r="BM283" s="1106"/>
      <c r="BN283" s="1106"/>
      <c r="BO283" s="1106"/>
      <c r="BP283" s="1106"/>
      <c r="BQ283" s="1106"/>
      <c r="BR283" s="1106"/>
      <c r="BS283" s="1106"/>
      <c r="BT283" s="1106"/>
      <c r="BU283" s="1106"/>
      <c r="BV283" s="1106"/>
      <c r="BW283" s="1106"/>
      <c r="BX283" s="1106"/>
      <c r="BY283" s="1106"/>
      <c r="BZ283" s="1106"/>
      <c r="CA283" s="1106"/>
    </row>
    <row r="284" spans="3:79" ht="9" customHeight="1" x14ac:dyDescent="0.2">
      <c r="C284" s="1106"/>
      <c r="D284" s="1106"/>
      <c r="E284" s="1106"/>
      <c r="F284" s="1106"/>
      <c r="G284" s="1106"/>
      <c r="H284" s="1106"/>
      <c r="I284" s="1106"/>
      <c r="J284" s="1106"/>
      <c r="K284" s="1106"/>
      <c r="L284" s="1106"/>
      <c r="M284" s="1106"/>
      <c r="N284" s="1106"/>
      <c r="O284" s="1106"/>
      <c r="AB284" s="1106"/>
      <c r="AC284" s="1106"/>
      <c r="AD284" s="1106"/>
      <c r="AE284" s="1106"/>
      <c r="AF284" s="1106"/>
      <c r="AG284" s="1106"/>
      <c r="AH284" s="1106"/>
      <c r="AL284" s="1106"/>
      <c r="AZ284" s="1106"/>
      <c r="BA284" s="1106"/>
      <c r="BB284" s="1106"/>
      <c r="BC284" s="1106"/>
      <c r="BD284" s="1106"/>
      <c r="BE284" s="1106"/>
      <c r="BF284" s="1106"/>
      <c r="BG284" s="1106"/>
      <c r="BH284" s="1106"/>
      <c r="BI284" s="1106"/>
      <c r="BJ284" s="1106"/>
      <c r="BK284" s="1106"/>
      <c r="BL284" s="1106"/>
      <c r="BM284" s="1106"/>
      <c r="BN284" s="1106"/>
      <c r="BO284" s="1106"/>
      <c r="BP284" s="1106"/>
      <c r="BQ284" s="1106"/>
      <c r="BR284" s="1106"/>
      <c r="BS284" s="1106"/>
      <c r="BT284" s="1106"/>
      <c r="BU284" s="1106"/>
      <c r="BV284" s="1106"/>
      <c r="BW284" s="1106"/>
      <c r="BX284" s="1106"/>
      <c r="BY284" s="1106"/>
      <c r="BZ284" s="1106"/>
      <c r="CA284" s="1106"/>
    </row>
    <row r="285" spans="3:79" ht="9" customHeight="1" x14ac:dyDescent="0.2">
      <c r="C285" s="1106"/>
      <c r="D285" s="1106"/>
      <c r="E285" s="1106"/>
      <c r="F285" s="1106"/>
      <c r="G285" s="1106"/>
      <c r="H285" s="1106"/>
      <c r="I285" s="1106"/>
      <c r="J285" s="1106"/>
      <c r="K285" s="1106"/>
      <c r="L285" s="1106"/>
      <c r="M285" s="1106"/>
      <c r="N285" s="1106"/>
      <c r="O285" s="1106"/>
      <c r="AB285" s="1106"/>
      <c r="AC285" s="1106"/>
      <c r="AD285" s="1106"/>
      <c r="AE285" s="1106"/>
      <c r="AF285" s="1106"/>
      <c r="AG285" s="1106"/>
      <c r="AH285" s="1106"/>
      <c r="AL285" s="1106"/>
      <c r="AZ285" s="1106"/>
      <c r="BA285" s="1106"/>
      <c r="BB285" s="1106"/>
      <c r="BC285" s="1106"/>
      <c r="BD285" s="1106"/>
      <c r="BE285" s="1106"/>
      <c r="BF285" s="1106"/>
      <c r="BG285" s="1106"/>
      <c r="BH285" s="1106"/>
      <c r="BI285" s="1106"/>
      <c r="BJ285" s="1106"/>
      <c r="BK285" s="1106"/>
      <c r="BL285" s="1106"/>
      <c r="BM285" s="1106"/>
      <c r="BN285" s="1106"/>
      <c r="BO285" s="1106"/>
      <c r="BP285" s="1106"/>
      <c r="BQ285" s="1106"/>
      <c r="BR285" s="1106"/>
      <c r="BS285" s="1106"/>
      <c r="BT285" s="1106"/>
      <c r="BU285" s="1106"/>
      <c r="BV285" s="1106"/>
      <c r="BW285" s="1106"/>
      <c r="BX285" s="1106"/>
      <c r="BY285" s="1106"/>
      <c r="BZ285" s="1106"/>
      <c r="CA285" s="1106"/>
    </row>
    <row r="286" spans="3:79" ht="9" customHeight="1" x14ac:dyDescent="0.2">
      <c r="C286" s="1106"/>
      <c r="D286" s="1106"/>
      <c r="E286" s="1106"/>
      <c r="F286" s="1106"/>
      <c r="G286" s="1106"/>
      <c r="H286" s="1106"/>
      <c r="I286" s="1106"/>
      <c r="J286" s="1106"/>
      <c r="K286" s="1106"/>
      <c r="L286" s="1106"/>
      <c r="M286" s="1106"/>
      <c r="N286" s="1106"/>
      <c r="O286" s="1106"/>
      <c r="U286" s="1106"/>
      <c r="AB286" s="1106"/>
      <c r="AC286" s="1106"/>
      <c r="AD286" s="1106"/>
      <c r="AE286" s="1106"/>
      <c r="AF286" s="1106"/>
      <c r="AG286" s="1106"/>
      <c r="AH286" s="1106"/>
      <c r="AL286" s="1106"/>
      <c r="AT286" s="1106"/>
      <c r="AU286" s="1106"/>
      <c r="AV286" s="1106"/>
      <c r="AW286" s="1106"/>
      <c r="AX286" s="1106"/>
      <c r="AY286" s="1106"/>
      <c r="AZ286" s="1106"/>
      <c r="BA286" s="1106"/>
      <c r="BB286" s="1106"/>
      <c r="BC286" s="1106"/>
      <c r="BD286" s="1106"/>
      <c r="BE286" s="1106"/>
      <c r="BF286" s="1106"/>
      <c r="BG286" s="1106"/>
      <c r="BH286" s="1106"/>
      <c r="BI286" s="1106"/>
      <c r="BJ286" s="1106"/>
      <c r="BK286" s="1106"/>
      <c r="BL286" s="1106"/>
      <c r="BM286" s="1106"/>
      <c r="BN286" s="1106"/>
      <c r="BO286" s="1106"/>
      <c r="BP286" s="1106"/>
      <c r="BQ286" s="1106"/>
      <c r="BR286" s="1106"/>
      <c r="BS286" s="1106"/>
      <c r="BT286" s="1106"/>
      <c r="BU286" s="1106"/>
      <c r="BV286" s="1106"/>
      <c r="BW286" s="1106"/>
      <c r="BX286" s="1106"/>
      <c r="BY286" s="1106"/>
      <c r="BZ286" s="1106"/>
      <c r="CA286" s="1106"/>
    </row>
    <row r="287" spans="3:79" ht="9" customHeight="1" x14ac:dyDescent="0.2">
      <c r="C287" s="1106"/>
      <c r="D287" s="1106"/>
      <c r="E287" s="1106"/>
      <c r="F287" s="1106"/>
      <c r="G287" s="1106"/>
      <c r="H287" s="1106"/>
      <c r="I287" s="1106"/>
      <c r="J287" s="1106"/>
      <c r="K287" s="1106"/>
      <c r="L287" s="1106"/>
      <c r="M287" s="1106"/>
      <c r="N287" s="1106"/>
      <c r="O287" s="1106"/>
      <c r="U287" s="1106"/>
      <c r="AB287" s="1106"/>
      <c r="AC287" s="1106"/>
      <c r="AD287" s="1106"/>
      <c r="AE287" s="1106"/>
      <c r="AF287" s="1106"/>
      <c r="AG287" s="1106"/>
      <c r="AH287" s="1106"/>
      <c r="AL287" s="1106"/>
      <c r="AO287" s="1106"/>
      <c r="AP287" s="1106"/>
      <c r="AT287" s="1106"/>
      <c r="AU287" s="1106"/>
      <c r="AV287" s="1106"/>
      <c r="AW287" s="1106"/>
      <c r="AX287" s="1106"/>
      <c r="AY287" s="1106"/>
      <c r="AZ287" s="1106"/>
      <c r="BA287" s="1106"/>
      <c r="BB287" s="1106"/>
      <c r="BC287" s="1106"/>
      <c r="BD287" s="1106"/>
      <c r="BE287" s="1106"/>
      <c r="BF287" s="1106"/>
      <c r="BG287" s="1106"/>
      <c r="BH287" s="1106"/>
      <c r="BI287" s="1106"/>
      <c r="BJ287" s="1106"/>
      <c r="BK287" s="1106"/>
      <c r="BL287" s="1106"/>
      <c r="BM287" s="1106"/>
      <c r="BN287" s="1106"/>
      <c r="BO287" s="1106"/>
      <c r="BP287" s="1106"/>
      <c r="BQ287" s="1106"/>
      <c r="BR287" s="1106"/>
      <c r="BS287" s="1106"/>
      <c r="BT287" s="1106"/>
      <c r="BU287" s="1106"/>
      <c r="BV287" s="1106"/>
      <c r="BW287" s="1106"/>
      <c r="BX287" s="1106"/>
      <c r="BY287" s="1106"/>
      <c r="BZ287" s="1106"/>
      <c r="CA287" s="1106"/>
    </row>
    <row r="288" spans="3:79" ht="9" customHeight="1" x14ac:dyDescent="0.2">
      <c r="C288" s="1106"/>
      <c r="D288" s="1106"/>
      <c r="E288" s="1106"/>
      <c r="F288" s="1106"/>
      <c r="G288" s="1106"/>
      <c r="H288" s="1106"/>
      <c r="I288" s="1106"/>
      <c r="J288" s="1106"/>
      <c r="K288" s="1106"/>
      <c r="L288" s="1106"/>
      <c r="M288" s="1106"/>
      <c r="N288" s="1106"/>
      <c r="O288" s="1106"/>
      <c r="U288" s="1106"/>
      <c r="AB288" s="1106"/>
      <c r="AC288" s="1106"/>
      <c r="AD288" s="1106"/>
      <c r="AE288" s="1106"/>
      <c r="AF288" s="1106"/>
      <c r="AG288" s="1106"/>
      <c r="AH288" s="1106"/>
      <c r="AL288" s="1106"/>
      <c r="AT288" s="1106"/>
      <c r="AU288" s="1106"/>
      <c r="AV288" s="1106"/>
      <c r="AW288" s="1106"/>
      <c r="AX288" s="1106"/>
      <c r="AY288" s="1106"/>
      <c r="AZ288" s="1106"/>
      <c r="BA288" s="1106"/>
      <c r="BB288" s="1106"/>
      <c r="BC288" s="1106"/>
      <c r="BD288" s="1106"/>
      <c r="BE288" s="1106"/>
      <c r="BF288" s="1106"/>
      <c r="BG288" s="1106"/>
      <c r="BH288" s="1106"/>
      <c r="BI288" s="1106"/>
      <c r="BJ288" s="1106"/>
      <c r="BK288" s="1106"/>
      <c r="BL288" s="1106"/>
      <c r="BM288" s="1106"/>
      <c r="BN288" s="1106"/>
      <c r="BO288" s="1106"/>
      <c r="BP288" s="1106"/>
      <c r="BQ288" s="1106"/>
      <c r="BR288" s="1106"/>
      <c r="BS288" s="1106"/>
      <c r="BT288" s="1106"/>
      <c r="BU288" s="1106"/>
      <c r="BV288" s="1106"/>
      <c r="BW288" s="1106"/>
      <c r="BX288" s="1106"/>
      <c r="BY288" s="1106"/>
      <c r="BZ288" s="1106"/>
      <c r="CA288" s="1106"/>
    </row>
    <row r="289" spans="3:79" ht="9" customHeight="1" x14ac:dyDescent="0.2">
      <c r="C289" s="1106"/>
      <c r="D289" s="1106"/>
      <c r="E289" s="1106"/>
      <c r="F289" s="1106"/>
      <c r="G289" s="1106"/>
      <c r="H289" s="1106"/>
      <c r="I289" s="1106"/>
      <c r="J289" s="1106"/>
      <c r="K289" s="1106"/>
      <c r="L289" s="1106"/>
      <c r="M289" s="1106"/>
      <c r="N289" s="1106"/>
      <c r="O289" s="1106"/>
      <c r="AB289" s="1106"/>
      <c r="AC289" s="1106"/>
      <c r="AD289" s="1106"/>
      <c r="AE289" s="1106"/>
      <c r="AF289" s="1106"/>
      <c r="AG289" s="1106"/>
      <c r="AH289" s="1106"/>
      <c r="AL289" s="1106"/>
      <c r="AZ289" s="1106"/>
      <c r="BA289" s="1106"/>
      <c r="BB289" s="1106"/>
      <c r="BC289" s="1106"/>
      <c r="BD289" s="1106"/>
      <c r="BE289" s="1106"/>
      <c r="BF289" s="1106"/>
      <c r="BG289" s="1106"/>
      <c r="BH289" s="1106"/>
      <c r="BI289" s="1106"/>
      <c r="BJ289" s="1106"/>
      <c r="BK289" s="1106"/>
      <c r="BL289" s="1106"/>
      <c r="BM289" s="1106"/>
      <c r="BN289" s="1106"/>
      <c r="BO289" s="1106"/>
      <c r="BP289" s="1106"/>
      <c r="BQ289" s="1106"/>
      <c r="BR289" s="1106"/>
      <c r="BS289" s="1106"/>
      <c r="BT289" s="1106"/>
      <c r="BU289" s="1106"/>
      <c r="BV289" s="1106"/>
      <c r="BW289" s="1106"/>
      <c r="BX289" s="1106"/>
      <c r="BY289" s="1106"/>
      <c r="BZ289" s="1106"/>
      <c r="CA289" s="1106"/>
    </row>
    <row r="290" spans="3:79" ht="9" customHeight="1" x14ac:dyDescent="0.2">
      <c r="C290" s="1106"/>
      <c r="D290" s="1106"/>
      <c r="E290" s="1106"/>
      <c r="F290" s="1106"/>
      <c r="G290" s="1106"/>
      <c r="H290" s="1106"/>
      <c r="I290" s="1106"/>
      <c r="J290" s="1106"/>
      <c r="K290" s="1106"/>
      <c r="L290" s="1106"/>
      <c r="M290" s="1106"/>
      <c r="N290" s="1106"/>
      <c r="O290" s="1106"/>
      <c r="AB290" s="1106"/>
      <c r="AC290" s="1106"/>
      <c r="AD290" s="1106"/>
      <c r="AE290" s="1106"/>
      <c r="AF290" s="1106"/>
      <c r="AG290" s="1106"/>
      <c r="AH290" s="1106"/>
      <c r="AL290" s="1106"/>
      <c r="AZ290" s="1106"/>
      <c r="BA290" s="1106"/>
      <c r="BB290" s="1106"/>
      <c r="BC290" s="1106"/>
      <c r="BD290" s="1106"/>
      <c r="BE290" s="1106"/>
      <c r="BF290" s="1106"/>
      <c r="BG290" s="1106"/>
      <c r="BH290" s="1106"/>
      <c r="BI290" s="1106"/>
      <c r="BJ290" s="1106"/>
      <c r="BK290" s="1106"/>
      <c r="BL290" s="1106"/>
      <c r="BM290" s="1106"/>
      <c r="BN290" s="1106"/>
      <c r="BO290" s="1106"/>
      <c r="BP290" s="1106"/>
      <c r="BQ290" s="1106"/>
      <c r="BR290" s="1106"/>
      <c r="BS290" s="1106"/>
      <c r="BT290" s="1106"/>
      <c r="BU290" s="1106"/>
      <c r="BV290" s="1106"/>
      <c r="BW290" s="1106"/>
      <c r="BX290" s="1106"/>
      <c r="BY290" s="1106"/>
      <c r="BZ290" s="1106"/>
      <c r="CA290" s="1106"/>
    </row>
    <row r="291" spans="3:79" ht="9" customHeight="1" x14ac:dyDescent="0.2">
      <c r="C291" s="1106"/>
      <c r="D291" s="1106"/>
      <c r="E291" s="1106"/>
      <c r="F291" s="1106"/>
      <c r="G291" s="1106"/>
      <c r="H291" s="1106"/>
      <c r="I291" s="1106"/>
      <c r="J291" s="1106"/>
      <c r="K291" s="1106"/>
      <c r="L291" s="1106"/>
      <c r="M291" s="1106"/>
      <c r="N291" s="1106"/>
      <c r="O291" s="1106"/>
      <c r="AB291" s="1106"/>
      <c r="AC291" s="1106"/>
      <c r="AD291" s="1106"/>
      <c r="AE291" s="1106"/>
      <c r="AF291" s="1106"/>
      <c r="AG291" s="1106"/>
      <c r="AH291" s="1106"/>
      <c r="AL291" s="1106"/>
      <c r="AZ291" s="1106"/>
      <c r="BA291" s="1106"/>
      <c r="BB291" s="1106"/>
      <c r="BC291" s="1106"/>
      <c r="BD291" s="1106"/>
      <c r="BE291" s="1106"/>
      <c r="BF291" s="1106"/>
      <c r="BG291" s="1106"/>
      <c r="BH291" s="1106"/>
      <c r="BI291" s="1106"/>
      <c r="BJ291" s="1106"/>
      <c r="BK291" s="1106"/>
      <c r="BL291" s="1106"/>
      <c r="BM291" s="1106"/>
      <c r="BN291" s="1106"/>
      <c r="BO291" s="1106"/>
      <c r="BP291" s="1106"/>
      <c r="BQ291" s="1106"/>
      <c r="BR291" s="1106"/>
      <c r="BS291" s="1106"/>
      <c r="BT291" s="1106"/>
      <c r="BU291" s="1106"/>
      <c r="BV291" s="1106"/>
      <c r="BW291" s="1106"/>
      <c r="BX291" s="1106"/>
      <c r="BY291" s="1106"/>
      <c r="BZ291" s="1106"/>
      <c r="CA291" s="1106"/>
    </row>
    <row r="292" spans="3:79" ht="9" customHeight="1" x14ac:dyDescent="0.2">
      <c r="C292" s="1106"/>
      <c r="D292" s="1106"/>
      <c r="E292" s="1106"/>
      <c r="F292" s="1106"/>
      <c r="G292" s="1106"/>
      <c r="H292" s="1106"/>
      <c r="I292" s="1106"/>
      <c r="J292" s="1106"/>
      <c r="K292" s="1106"/>
      <c r="L292" s="1106"/>
      <c r="M292" s="1106"/>
      <c r="N292" s="1106"/>
      <c r="O292" s="1106"/>
      <c r="U292" s="1106"/>
      <c r="AB292" s="1106"/>
      <c r="AC292" s="1106"/>
      <c r="AD292" s="1106"/>
      <c r="AE292" s="1106"/>
      <c r="AF292" s="1106"/>
      <c r="AG292" s="1106"/>
      <c r="AH292" s="1106"/>
      <c r="AL292" s="1106"/>
      <c r="AT292" s="1106"/>
      <c r="AU292" s="1106"/>
      <c r="AV292" s="1106"/>
      <c r="AW292" s="1106"/>
      <c r="AX292" s="1106"/>
      <c r="AY292" s="1106"/>
      <c r="AZ292" s="1106"/>
      <c r="BA292" s="1106"/>
      <c r="BB292" s="1106"/>
      <c r="BC292" s="1106"/>
      <c r="BD292" s="1106"/>
      <c r="BE292" s="1106"/>
      <c r="BF292" s="1106"/>
      <c r="BG292" s="1106"/>
      <c r="BH292" s="1106"/>
      <c r="BI292" s="1106"/>
      <c r="BJ292" s="1106"/>
      <c r="BK292" s="1106"/>
      <c r="BL292" s="1106"/>
      <c r="BM292" s="1106"/>
      <c r="BN292" s="1106"/>
      <c r="BO292" s="1106"/>
      <c r="BP292" s="1106"/>
      <c r="BQ292" s="1106"/>
      <c r="BR292" s="1106"/>
      <c r="BS292" s="1106"/>
      <c r="BT292" s="1106"/>
      <c r="BU292" s="1106"/>
      <c r="BV292" s="1106"/>
      <c r="BW292" s="1106"/>
      <c r="BX292" s="1106"/>
      <c r="BY292" s="1106"/>
      <c r="BZ292" s="1106"/>
      <c r="CA292" s="1106"/>
    </row>
    <row r="293" spans="3:79" ht="9" customHeight="1" x14ac:dyDescent="0.2">
      <c r="C293" s="1106"/>
      <c r="D293" s="1106"/>
      <c r="E293" s="1106"/>
      <c r="F293" s="1106"/>
      <c r="G293" s="1106"/>
      <c r="H293" s="1106"/>
      <c r="I293" s="1106"/>
      <c r="J293" s="1106"/>
      <c r="K293" s="1106"/>
      <c r="L293" s="1106"/>
      <c r="M293" s="1106"/>
      <c r="N293" s="1106"/>
      <c r="O293" s="1106"/>
      <c r="U293" s="1106"/>
      <c r="AB293" s="1106"/>
      <c r="AC293" s="1106"/>
      <c r="AD293" s="1106"/>
      <c r="AE293" s="1106"/>
      <c r="AF293" s="1106"/>
      <c r="AG293" s="1106"/>
      <c r="AH293" s="1106"/>
      <c r="AL293" s="1106"/>
      <c r="AO293" s="1106"/>
      <c r="AP293" s="1106"/>
      <c r="AT293" s="1106"/>
      <c r="AU293" s="1106"/>
      <c r="AV293" s="1106"/>
      <c r="AW293" s="1106"/>
      <c r="AX293" s="1106"/>
      <c r="AY293" s="1106"/>
      <c r="AZ293" s="1106"/>
      <c r="BA293" s="1106"/>
      <c r="BB293" s="1106"/>
      <c r="BC293" s="1106"/>
      <c r="BD293" s="1106"/>
      <c r="BE293" s="1106"/>
      <c r="BF293" s="1106"/>
      <c r="BG293" s="1106"/>
      <c r="BH293" s="1106"/>
      <c r="BI293" s="1106"/>
      <c r="BJ293" s="1106"/>
      <c r="BK293" s="1106"/>
      <c r="BL293" s="1106"/>
      <c r="BM293" s="1106"/>
      <c r="BN293" s="1106"/>
      <c r="BO293" s="1106"/>
      <c r="BP293" s="1106"/>
      <c r="BQ293" s="1106"/>
      <c r="BR293" s="1106"/>
      <c r="BS293" s="1106"/>
      <c r="BT293" s="1106"/>
      <c r="BU293" s="1106"/>
      <c r="BV293" s="1106"/>
      <c r="BW293" s="1106"/>
      <c r="BX293" s="1106"/>
      <c r="BY293" s="1106"/>
      <c r="BZ293" s="1106"/>
      <c r="CA293" s="1106"/>
    </row>
    <row r="294" spans="3:79" ht="9" customHeight="1" x14ac:dyDescent="0.2">
      <c r="C294" s="1106"/>
      <c r="D294" s="1106"/>
      <c r="E294" s="1106"/>
      <c r="F294" s="1106"/>
      <c r="G294" s="1106"/>
      <c r="H294" s="1106"/>
      <c r="I294" s="1106"/>
      <c r="J294" s="1106"/>
      <c r="K294" s="1106"/>
      <c r="L294" s="1106"/>
      <c r="M294" s="1106"/>
      <c r="N294" s="1106"/>
      <c r="O294" s="1106"/>
      <c r="U294" s="1106"/>
      <c r="AB294" s="1106"/>
      <c r="AC294" s="1106"/>
      <c r="AD294" s="1106"/>
      <c r="AE294" s="1106"/>
      <c r="AF294" s="1106"/>
      <c r="AG294" s="1106"/>
      <c r="AH294" s="1106"/>
      <c r="AL294" s="1106"/>
      <c r="AT294" s="1106"/>
      <c r="AU294" s="1106"/>
      <c r="AV294" s="1106"/>
      <c r="AW294" s="1106"/>
      <c r="AX294" s="1106"/>
      <c r="AY294" s="1106"/>
      <c r="AZ294" s="1106"/>
      <c r="BA294" s="1106"/>
      <c r="BB294" s="1106"/>
      <c r="BC294" s="1106"/>
      <c r="BD294" s="1106"/>
      <c r="BE294" s="1106"/>
      <c r="BF294" s="1106"/>
      <c r="BG294" s="1106"/>
      <c r="BH294" s="1106"/>
      <c r="BI294" s="1106"/>
      <c r="BJ294" s="1106"/>
      <c r="BK294" s="1106"/>
      <c r="BL294" s="1106"/>
      <c r="BM294" s="1106"/>
      <c r="BN294" s="1106"/>
      <c r="BO294" s="1106"/>
      <c r="BP294" s="1106"/>
      <c r="BQ294" s="1106"/>
      <c r="BR294" s="1106"/>
      <c r="BS294" s="1106"/>
      <c r="BT294" s="1106"/>
      <c r="BU294" s="1106"/>
      <c r="BV294" s="1106"/>
      <c r="BW294" s="1106"/>
      <c r="BX294" s="1106"/>
      <c r="BY294" s="1106"/>
      <c r="BZ294" s="1106"/>
      <c r="CA294" s="1106"/>
    </row>
    <row r="295" spans="3:79" ht="9" customHeight="1" x14ac:dyDescent="0.2">
      <c r="C295" s="1106"/>
      <c r="D295" s="1106"/>
      <c r="E295" s="1106"/>
      <c r="F295" s="1106"/>
      <c r="G295" s="1106"/>
      <c r="H295" s="1106"/>
      <c r="I295" s="1106"/>
      <c r="J295" s="1106"/>
      <c r="K295" s="1106"/>
      <c r="L295" s="1106"/>
      <c r="M295" s="1106"/>
      <c r="N295" s="1106"/>
      <c r="O295" s="1106"/>
      <c r="AB295" s="1106"/>
      <c r="AC295" s="1106"/>
      <c r="AD295" s="1106"/>
      <c r="AE295" s="1106"/>
      <c r="AF295" s="1106"/>
      <c r="AG295" s="1106"/>
      <c r="AH295" s="1106"/>
      <c r="AL295" s="1106"/>
      <c r="AZ295" s="1106"/>
      <c r="BA295" s="1106"/>
      <c r="BB295" s="1106"/>
      <c r="BC295" s="1106"/>
      <c r="BD295" s="1106"/>
      <c r="BE295" s="1106"/>
      <c r="BF295" s="1106"/>
      <c r="BG295" s="1106"/>
      <c r="BH295" s="1106"/>
      <c r="BI295" s="1106"/>
      <c r="BJ295" s="1106"/>
      <c r="BK295" s="1106"/>
      <c r="BL295" s="1106"/>
      <c r="BM295" s="1106"/>
      <c r="BN295" s="1106"/>
      <c r="BO295" s="1106"/>
      <c r="BP295" s="1106"/>
      <c r="BQ295" s="1106"/>
      <c r="BR295" s="1106"/>
      <c r="BS295" s="1106"/>
      <c r="BT295" s="1106"/>
      <c r="BU295" s="1106"/>
      <c r="BV295" s="1106"/>
      <c r="BW295" s="1106"/>
      <c r="BX295" s="1106"/>
      <c r="BY295" s="1106"/>
      <c r="BZ295" s="1106"/>
      <c r="CA295" s="1106"/>
    </row>
    <row r="296" spans="3:79" ht="9" customHeight="1" x14ac:dyDescent="0.2">
      <c r="C296" s="1106"/>
      <c r="D296" s="1106"/>
      <c r="E296" s="1106"/>
      <c r="F296" s="1106"/>
      <c r="G296" s="1106"/>
      <c r="H296" s="1106"/>
      <c r="I296" s="1106"/>
      <c r="J296" s="1106"/>
      <c r="K296" s="1106"/>
      <c r="L296" s="1106"/>
      <c r="M296" s="1106"/>
      <c r="N296" s="1106"/>
      <c r="O296" s="1106"/>
      <c r="AB296" s="1106"/>
      <c r="AC296" s="1106"/>
      <c r="AD296" s="1106"/>
      <c r="AE296" s="1106"/>
      <c r="AF296" s="1106"/>
      <c r="AG296" s="1106"/>
      <c r="AH296" s="1106"/>
      <c r="AL296" s="1106"/>
      <c r="AZ296" s="1106"/>
      <c r="BA296" s="1106"/>
      <c r="BB296" s="1106"/>
      <c r="BC296" s="1106"/>
      <c r="BD296" s="1106"/>
      <c r="BE296" s="1106"/>
      <c r="BF296" s="1106"/>
      <c r="BG296" s="1106"/>
      <c r="BH296" s="1106"/>
      <c r="BI296" s="1106"/>
      <c r="BJ296" s="1106"/>
      <c r="BK296" s="1106"/>
      <c r="BL296" s="1106"/>
      <c r="BM296" s="1106"/>
      <c r="BN296" s="1106"/>
      <c r="BO296" s="1106"/>
      <c r="BP296" s="1106"/>
      <c r="BQ296" s="1106"/>
      <c r="BR296" s="1106"/>
      <c r="BS296" s="1106"/>
      <c r="BT296" s="1106"/>
      <c r="BU296" s="1106"/>
      <c r="BV296" s="1106"/>
      <c r="BW296" s="1106"/>
      <c r="BX296" s="1106"/>
      <c r="BY296" s="1106"/>
      <c r="BZ296" s="1106"/>
      <c r="CA296" s="1106"/>
    </row>
    <row r="297" spans="3:79" ht="9" customHeight="1" x14ac:dyDescent="0.2">
      <c r="C297" s="1106"/>
      <c r="D297" s="1106"/>
      <c r="E297" s="1106"/>
      <c r="F297" s="1106"/>
      <c r="G297" s="1106"/>
      <c r="H297" s="1106"/>
      <c r="I297" s="1106"/>
      <c r="J297" s="1106"/>
      <c r="K297" s="1106"/>
      <c r="L297" s="1106"/>
      <c r="M297" s="1106"/>
      <c r="N297" s="1106"/>
      <c r="O297" s="1106"/>
      <c r="AB297" s="1106"/>
      <c r="AC297" s="1106"/>
      <c r="AD297" s="1106"/>
      <c r="AE297" s="1106"/>
      <c r="AF297" s="1106"/>
      <c r="AG297" s="1106"/>
      <c r="AH297" s="1106"/>
      <c r="AL297" s="1106"/>
      <c r="AZ297" s="1106"/>
      <c r="BA297" s="1106"/>
      <c r="BB297" s="1106"/>
      <c r="BC297" s="1106"/>
      <c r="BD297" s="1106"/>
      <c r="BE297" s="1106"/>
      <c r="BF297" s="1106"/>
      <c r="BG297" s="1106"/>
      <c r="BH297" s="1106"/>
      <c r="BI297" s="1106"/>
      <c r="BJ297" s="1106"/>
      <c r="BK297" s="1106"/>
      <c r="BL297" s="1106"/>
      <c r="BM297" s="1106"/>
      <c r="BN297" s="1106"/>
      <c r="BO297" s="1106"/>
      <c r="BP297" s="1106"/>
      <c r="BQ297" s="1106"/>
      <c r="BR297" s="1106"/>
      <c r="BS297" s="1106"/>
      <c r="BT297" s="1106"/>
      <c r="BU297" s="1106"/>
      <c r="BV297" s="1106"/>
      <c r="BW297" s="1106"/>
      <c r="BX297" s="1106"/>
      <c r="BY297" s="1106"/>
      <c r="BZ297" s="1106"/>
      <c r="CA297" s="1106"/>
    </row>
    <row r="298" spans="3:79" ht="9" customHeight="1" x14ac:dyDescent="0.2">
      <c r="C298" s="1106"/>
      <c r="D298" s="1106"/>
      <c r="E298" s="1106"/>
      <c r="F298" s="1106"/>
      <c r="G298" s="1106"/>
      <c r="H298" s="1106"/>
      <c r="I298" s="1106"/>
      <c r="J298" s="1106"/>
      <c r="K298" s="1106"/>
      <c r="L298" s="1106"/>
      <c r="M298" s="1106"/>
      <c r="N298" s="1106"/>
      <c r="O298" s="1106"/>
      <c r="U298" s="1106"/>
      <c r="AB298" s="1106"/>
      <c r="AC298" s="1106"/>
      <c r="AD298" s="1106"/>
      <c r="AE298" s="1106"/>
      <c r="AF298" s="1106"/>
      <c r="AG298" s="1106"/>
      <c r="AH298" s="1106"/>
      <c r="AL298" s="1106"/>
      <c r="AT298" s="1106"/>
      <c r="AU298" s="1106"/>
      <c r="AV298" s="1106"/>
      <c r="AW298" s="1106"/>
      <c r="AX298" s="1106"/>
      <c r="AY298" s="1106"/>
      <c r="AZ298" s="1106"/>
      <c r="BA298" s="1106"/>
      <c r="BB298" s="1106"/>
      <c r="BC298" s="1106"/>
      <c r="BD298" s="1106"/>
      <c r="BE298" s="1106"/>
      <c r="BF298" s="1106"/>
      <c r="BG298" s="1106"/>
      <c r="BH298" s="1106"/>
      <c r="BI298" s="1106"/>
      <c r="BJ298" s="1106"/>
      <c r="BK298" s="1106"/>
      <c r="BL298" s="1106"/>
      <c r="BM298" s="1106"/>
      <c r="BN298" s="1106"/>
      <c r="BO298" s="1106"/>
      <c r="BP298" s="1106"/>
      <c r="BQ298" s="1106"/>
      <c r="BR298" s="1106"/>
      <c r="BS298" s="1106"/>
      <c r="BT298" s="1106"/>
      <c r="BU298" s="1106"/>
      <c r="BV298" s="1106"/>
      <c r="BW298" s="1106"/>
      <c r="BX298" s="1106"/>
      <c r="BY298" s="1106"/>
      <c r="BZ298" s="1106"/>
      <c r="CA298" s="1106"/>
    </row>
    <row r="299" spans="3:79" ht="9" customHeight="1" x14ac:dyDescent="0.2">
      <c r="C299" s="1106"/>
      <c r="D299" s="1106"/>
      <c r="E299" s="1106"/>
      <c r="F299" s="1106"/>
      <c r="G299" s="1106"/>
      <c r="H299" s="1106"/>
      <c r="I299" s="1106"/>
      <c r="J299" s="1106"/>
      <c r="K299" s="1106"/>
      <c r="L299" s="1106"/>
      <c r="M299" s="1106"/>
      <c r="N299" s="1106"/>
      <c r="O299" s="1106"/>
      <c r="U299" s="1106"/>
      <c r="AB299" s="1106"/>
      <c r="AC299" s="1106"/>
      <c r="AD299" s="1106"/>
      <c r="AE299" s="1106"/>
      <c r="AF299" s="1106"/>
      <c r="AG299" s="1106"/>
      <c r="AH299" s="1106"/>
      <c r="AL299" s="1106"/>
      <c r="AO299" s="1106"/>
      <c r="AP299" s="1106"/>
      <c r="AT299" s="1106"/>
      <c r="AU299" s="1106"/>
      <c r="AV299" s="1106"/>
      <c r="AW299" s="1106"/>
      <c r="AX299" s="1106"/>
      <c r="AY299" s="1106"/>
      <c r="AZ299" s="1106"/>
      <c r="BA299" s="1106"/>
      <c r="BB299" s="1106"/>
      <c r="BC299" s="1106"/>
      <c r="BD299" s="1106"/>
      <c r="BE299" s="1106"/>
      <c r="BF299" s="1106"/>
      <c r="BG299" s="1106"/>
      <c r="BH299" s="1106"/>
      <c r="BI299" s="1106"/>
      <c r="BJ299" s="1106"/>
      <c r="BK299" s="1106"/>
      <c r="BL299" s="1106"/>
      <c r="BM299" s="1106"/>
      <c r="BN299" s="1106"/>
      <c r="BO299" s="1106"/>
      <c r="BP299" s="1106"/>
      <c r="BQ299" s="1106"/>
      <c r="BR299" s="1106"/>
      <c r="BS299" s="1106"/>
      <c r="BT299" s="1106"/>
      <c r="BU299" s="1106"/>
      <c r="BV299" s="1106"/>
      <c r="BW299" s="1106"/>
      <c r="BX299" s="1106"/>
      <c r="BY299" s="1106"/>
      <c r="BZ299" s="1106"/>
      <c r="CA299" s="1106"/>
    </row>
    <row r="300" spans="3:79" ht="9" customHeight="1" x14ac:dyDescent="0.2">
      <c r="C300" s="1106"/>
      <c r="D300" s="1106"/>
      <c r="E300" s="1106"/>
      <c r="F300" s="1106"/>
      <c r="G300" s="1106"/>
      <c r="H300" s="1106"/>
      <c r="I300" s="1106"/>
      <c r="J300" s="1106"/>
      <c r="K300" s="1106"/>
      <c r="L300" s="1106"/>
      <c r="M300" s="1106"/>
      <c r="N300" s="1106"/>
      <c r="O300" s="1106"/>
      <c r="U300" s="1106"/>
      <c r="AB300" s="1106"/>
      <c r="AC300" s="1106"/>
      <c r="AD300" s="1106"/>
      <c r="AE300" s="1106"/>
      <c r="AF300" s="1106"/>
      <c r="AG300" s="1106"/>
      <c r="AH300" s="1106"/>
      <c r="AL300" s="1106"/>
      <c r="AT300" s="1106"/>
      <c r="AU300" s="1106"/>
      <c r="AV300" s="1106"/>
      <c r="AW300" s="1106"/>
      <c r="AX300" s="1106"/>
      <c r="AY300" s="1106"/>
      <c r="AZ300" s="1106"/>
      <c r="BA300" s="1106"/>
      <c r="BB300" s="1106"/>
      <c r="BC300" s="1106"/>
      <c r="BD300" s="1106"/>
      <c r="BE300" s="1106"/>
      <c r="BF300" s="1106"/>
      <c r="BG300" s="1106"/>
      <c r="BH300" s="1106"/>
      <c r="BI300" s="1106"/>
      <c r="BJ300" s="1106"/>
      <c r="BK300" s="1106"/>
      <c r="BL300" s="1106"/>
      <c r="BM300" s="1106"/>
      <c r="BN300" s="1106"/>
      <c r="BO300" s="1106"/>
      <c r="BP300" s="1106"/>
      <c r="BQ300" s="1106"/>
      <c r="BR300" s="1106"/>
      <c r="BS300" s="1106"/>
      <c r="BT300" s="1106"/>
      <c r="BU300" s="1106"/>
      <c r="BV300" s="1106"/>
      <c r="BW300" s="1106"/>
      <c r="BX300" s="1106"/>
      <c r="BY300" s="1106"/>
      <c r="BZ300" s="1106"/>
      <c r="CA300" s="1106"/>
    </row>
    <row r="301" spans="3:79" ht="9" customHeight="1" x14ac:dyDescent="0.2">
      <c r="C301" s="1106"/>
      <c r="D301" s="1106"/>
      <c r="E301" s="1106"/>
      <c r="F301" s="1106"/>
      <c r="G301" s="1106"/>
      <c r="H301" s="1106"/>
      <c r="I301" s="1106"/>
      <c r="J301" s="1106"/>
      <c r="K301" s="1106"/>
      <c r="L301" s="1106"/>
      <c r="M301" s="1106"/>
      <c r="N301" s="1106"/>
      <c r="O301" s="1106"/>
      <c r="AB301" s="1106"/>
      <c r="AC301" s="1106"/>
      <c r="AD301" s="1106"/>
      <c r="AE301" s="1106"/>
      <c r="AF301" s="1106"/>
      <c r="AG301" s="1106"/>
      <c r="AH301" s="1106"/>
      <c r="AL301" s="1106"/>
      <c r="AZ301" s="1106"/>
      <c r="BA301" s="1106"/>
      <c r="BB301" s="1106"/>
      <c r="BC301" s="1106"/>
      <c r="BD301" s="1106"/>
      <c r="BE301" s="1106"/>
      <c r="BF301" s="1106"/>
      <c r="BG301" s="1106"/>
      <c r="BH301" s="1106"/>
      <c r="BI301" s="1106"/>
      <c r="BJ301" s="1106"/>
      <c r="BK301" s="1106"/>
      <c r="BL301" s="1106"/>
      <c r="BM301" s="1106"/>
      <c r="BN301" s="1106"/>
      <c r="BO301" s="1106"/>
      <c r="BP301" s="1106"/>
      <c r="BQ301" s="1106"/>
      <c r="BR301" s="1106"/>
      <c r="BS301" s="1106"/>
      <c r="BT301" s="1106"/>
      <c r="BU301" s="1106"/>
      <c r="BV301" s="1106"/>
      <c r="BW301" s="1106"/>
      <c r="BX301" s="1106"/>
      <c r="BY301" s="1106"/>
      <c r="BZ301" s="1106"/>
      <c r="CA301" s="1106"/>
    </row>
    <row r="302" spans="3:79" ht="9" customHeight="1" x14ac:dyDescent="0.2">
      <c r="C302" s="1106"/>
      <c r="D302" s="1106"/>
      <c r="E302" s="1106"/>
      <c r="F302" s="1106"/>
      <c r="G302" s="1106"/>
      <c r="H302" s="1106"/>
      <c r="I302" s="1106"/>
      <c r="J302" s="1106"/>
      <c r="K302" s="1106"/>
      <c r="L302" s="1106"/>
      <c r="M302" s="1106"/>
      <c r="N302" s="1106"/>
      <c r="O302" s="1106"/>
      <c r="AB302" s="1106"/>
      <c r="AC302" s="1106"/>
      <c r="AD302" s="1106"/>
      <c r="AE302" s="1106"/>
      <c r="AF302" s="1106"/>
      <c r="AG302" s="1106"/>
      <c r="AH302" s="1106"/>
      <c r="AL302" s="1106"/>
      <c r="AZ302" s="1106"/>
      <c r="BA302" s="1106"/>
      <c r="BB302" s="1106"/>
      <c r="BC302" s="1106"/>
      <c r="BD302" s="1106"/>
      <c r="BE302" s="1106"/>
      <c r="BF302" s="1106"/>
      <c r="BG302" s="1106"/>
      <c r="BH302" s="1106"/>
      <c r="BI302" s="1106"/>
      <c r="BJ302" s="1106"/>
      <c r="BK302" s="1106"/>
      <c r="BL302" s="1106"/>
      <c r="BM302" s="1106"/>
      <c r="BN302" s="1106"/>
      <c r="BO302" s="1106"/>
      <c r="BP302" s="1106"/>
      <c r="BQ302" s="1106"/>
      <c r="BR302" s="1106"/>
      <c r="BS302" s="1106"/>
      <c r="BT302" s="1106"/>
      <c r="BU302" s="1106"/>
      <c r="BV302" s="1106"/>
      <c r="BW302" s="1106"/>
      <c r="BX302" s="1106"/>
      <c r="BY302" s="1106"/>
      <c r="BZ302" s="1106"/>
      <c r="CA302" s="1106"/>
    </row>
    <row r="303" spans="3:79" ht="9" customHeight="1" x14ac:dyDescent="0.2">
      <c r="C303" s="1106"/>
      <c r="D303" s="1106"/>
      <c r="E303" s="1106"/>
      <c r="F303" s="1106"/>
      <c r="G303" s="1106"/>
      <c r="H303" s="1106"/>
      <c r="I303" s="1106"/>
      <c r="J303" s="1106"/>
      <c r="K303" s="1106"/>
      <c r="L303" s="1106"/>
      <c r="M303" s="1106"/>
      <c r="N303" s="1106"/>
      <c r="O303" s="1106"/>
      <c r="AB303" s="1106"/>
      <c r="AC303" s="1106"/>
      <c r="AD303" s="1106"/>
      <c r="AE303" s="1106"/>
      <c r="AF303" s="1106"/>
      <c r="AG303" s="1106"/>
      <c r="AH303" s="1106"/>
      <c r="AL303" s="1106"/>
      <c r="AZ303" s="1106"/>
      <c r="BA303" s="1106"/>
      <c r="BB303" s="1106"/>
      <c r="BC303" s="1106"/>
      <c r="BD303" s="1106"/>
      <c r="BE303" s="1106"/>
      <c r="BF303" s="1106"/>
      <c r="BG303" s="1106"/>
      <c r="BH303" s="1106"/>
      <c r="BI303" s="1106"/>
      <c r="BJ303" s="1106"/>
      <c r="BK303" s="1106"/>
      <c r="BL303" s="1106"/>
      <c r="BM303" s="1106"/>
      <c r="BN303" s="1106"/>
      <c r="BO303" s="1106"/>
      <c r="BP303" s="1106"/>
      <c r="BQ303" s="1106"/>
      <c r="BR303" s="1106"/>
      <c r="BS303" s="1106"/>
      <c r="BT303" s="1106"/>
      <c r="BU303" s="1106"/>
      <c r="BV303" s="1106"/>
      <c r="BW303" s="1106"/>
      <c r="BX303" s="1106"/>
      <c r="BY303" s="1106"/>
      <c r="BZ303" s="1106"/>
      <c r="CA303" s="1106"/>
    </row>
    <row r="304" spans="3:79" ht="9" customHeight="1" x14ac:dyDescent="0.2">
      <c r="C304" s="1106"/>
      <c r="D304" s="1106"/>
      <c r="E304" s="1106"/>
      <c r="F304" s="1106"/>
      <c r="G304" s="1106"/>
      <c r="H304" s="1106"/>
      <c r="I304" s="1106"/>
      <c r="J304" s="1106"/>
      <c r="K304" s="1106"/>
      <c r="L304" s="1106"/>
      <c r="M304" s="1106"/>
      <c r="N304" s="1106"/>
      <c r="O304" s="1106"/>
      <c r="U304" s="1106"/>
      <c r="AB304" s="1106"/>
      <c r="AC304" s="1106"/>
      <c r="AD304" s="1106"/>
      <c r="AE304" s="1106"/>
      <c r="AF304" s="1106"/>
      <c r="AG304" s="1106"/>
      <c r="AH304" s="1106"/>
      <c r="AL304" s="1106"/>
      <c r="AT304" s="1106"/>
      <c r="AU304" s="1106"/>
      <c r="AV304" s="1106"/>
      <c r="AW304" s="1106"/>
      <c r="AX304" s="1106"/>
      <c r="AY304" s="1106"/>
      <c r="AZ304" s="1106"/>
      <c r="BA304" s="1106"/>
      <c r="BB304" s="1106"/>
      <c r="BC304" s="1106"/>
      <c r="BD304" s="1106"/>
      <c r="BE304" s="1106"/>
      <c r="BF304" s="1106"/>
      <c r="BG304" s="1106"/>
      <c r="BH304" s="1106"/>
      <c r="BI304" s="1106"/>
      <c r="BJ304" s="1106"/>
      <c r="BK304" s="1106"/>
      <c r="BL304" s="1106"/>
      <c r="BM304" s="1106"/>
      <c r="BN304" s="1106"/>
      <c r="BO304" s="1106"/>
      <c r="BP304" s="1106"/>
      <c r="BQ304" s="1106"/>
      <c r="BR304" s="1106"/>
      <c r="BS304" s="1106"/>
      <c r="BT304" s="1106"/>
      <c r="BU304" s="1106"/>
      <c r="BV304" s="1106"/>
      <c r="BW304" s="1106"/>
      <c r="BX304" s="1106"/>
      <c r="BY304" s="1106"/>
      <c r="BZ304" s="1106"/>
      <c r="CA304" s="1106"/>
    </row>
    <row r="305" spans="3:79" ht="9" customHeight="1" x14ac:dyDescent="0.2">
      <c r="C305" s="1106"/>
      <c r="D305" s="1106"/>
      <c r="E305" s="1106"/>
      <c r="F305" s="1106"/>
      <c r="G305" s="1106"/>
      <c r="H305" s="1106"/>
      <c r="I305" s="1106"/>
      <c r="J305" s="1106"/>
      <c r="K305" s="1106"/>
      <c r="L305" s="1106"/>
      <c r="M305" s="1106"/>
      <c r="N305" s="1106"/>
      <c r="O305" s="1106"/>
      <c r="U305" s="1106"/>
      <c r="AB305" s="1106"/>
      <c r="AC305" s="1106"/>
      <c r="AD305" s="1106"/>
      <c r="AE305" s="1106"/>
      <c r="AF305" s="1106"/>
      <c r="AG305" s="1106"/>
      <c r="AH305" s="1106"/>
      <c r="AL305" s="1106"/>
      <c r="AO305" s="1106"/>
      <c r="AP305" s="1106"/>
      <c r="AT305" s="1106"/>
      <c r="AU305" s="1106"/>
      <c r="AV305" s="1106"/>
      <c r="AW305" s="1106"/>
      <c r="AX305" s="1106"/>
      <c r="AY305" s="1106"/>
      <c r="AZ305" s="1106"/>
      <c r="BA305" s="1106"/>
      <c r="BB305" s="1106"/>
      <c r="BC305" s="1106"/>
      <c r="BD305" s="1106"/>
      <c r="BE305" s="1106"/>
      <c r="BF305" s="1106"/>
      <c r="BG305" s="1106"/>
      <c r="BH305" s="1106"/>
      <c r="BI305" s="1106"/>
      <c r="BJ305" s="1106"/>
      <c r="BK305" s="1106"/>
      <c r="BL305" s="1106"/>
      <c r="BM305" s="1106"/>
      <c r="BN305" s="1106"/>
      <c r="BO305" s="1106"/>
      <c r="BP305" s="1106"/>
      <c r="BQ305" s="1106"/>
      <c r="BR305" s="1106"/>
      <c r="BS305" s="1106"/>
      <c r="BT305" s="1106"/>
      <c r="BU305" s="1106"/>
      <c r="BV305" s="1106"/>
      <c r="BW305" s="1106"/>
      <c r="BX305" s="1106"/>
      <c r="BY305" s="1106"/>
      <c r="BZ305" s="1106"/>
      <c r="CA305" s="1106"/>
    </row>
    <row r="306" spans="3:79" ht="9" customHeight="1" x14ac:dyDescent="0.2">
      <c r="C306" s="1106"/>
      <c r="D306" s="1106"/>
      <c r="E306" s="1106"/>
      <c r="F306" s="1106"/>
      <c r="G306" s="1106"/>
      <c r="H306" s="1106"/>
      <c r="I306" s="1106"/>
      <c r="J306" s="1106"/>
      <c r="K306" s="1106"/>
      <c r="L306" s="1106"/>
      <c r="M306" s="1106"/>
      <c r="N306" s="1106"/>
      <c r="O306" s="1106"/>
      <c r="U306" s="1106"/>
      <c r="AB306" s="1106"/>
      <c r="AC306" s="1106"/>
      <c r="AD306" s="1106"/>
      <c r="AE306" s="1106"/>
      <c r="AF306" s="1106"/>
      <c r="AG306" s="1106"/>
      <c r="AH306" s="1106"/>
      <c r="AL306" s="1106"/>
      <c r="AT306" s="1106"/>
      <c r="AU306" s="1106"/>
      <c r="AV306" s="1106"/>
      <c r="AW306" s="1106"/>
      <c r="AX306" s="1106"/>
      <c r="AY306" s="1106"/>
      <c r="AZ306" s="1106"/>
      <c r="BA306" s="1106"/>
      <c r="BB306" s="1106"/>
      <c r="BC306" s="1106"/>
      <c r="BD306" s="1106"/>
      <c r="BE306" s="1106"/>
      <c r="BF306" s="1106"/>
      <c r="BG306" s="1106"/>
      <c r="BH306" s="1106"/>
      <c r="BI306" s="1106"/>
      <c r="BJ306" s="1106"/>
      <c r="BK306" s="1106"/>
      <c r="BL306" s="1106"/>
      <c r="BM306" s="1106"/>
      <c r="BN306" s="1106"/>
      <c r="BO306" s="1106"/>
      <c r="BP306" s="1106"/>
      <c r="BQ306" s="1106"/>
      <c r="BR306" s="1106"/>
      <c r="BS306" s="1106"/>
      <c r="BT306" s="1106"/>
      <c r="BU306" s="1106"/>
      <c r="BV306" s="1106"/>
      <c r="BW306" s="1106"/>
      <c r="BX306" s="1106"/>
      <c r="BY306" s="1106"/>
      <c r="BZ306" s="1106"/>
      <c r="CA306" s="1106"/>
    </row>
    <row r="307" spans="3:79" ht="9" customHeight="1" x14ac:dyDescent="0.2">
      <c r="C307" s="1106"/>
      <c r="D307" s="1106"/>
      <c r="E307" s="1106"/>
      <c r="F307" s="1106"/>
      <c r="G307" s="1106"/>
      <c r="H307" s="1106"/>
      <c r="I307" s="1106"/>
      <c r="J307" s="1106"/>
      <c r="K307" s="1106"/>
      <c r="L307" s="1106"/>
      <c r="M307" s="1106"/>
      <c r="N307" s="1106"/>
      <c r="O307" s="1106"/>
      <c r="AB307" s="1106"/>
      <c r="AC307" s="1106"/>
      <c r="AD307" s="1106"/>
      <c r="AE307" s="1106"/>
      <c r="AF307" s="1106"/>
      <c r="AG307" s="1106"/>
      <c r="AH307" s="1106"/>
      <c r="AL307" s="1106"/>
      <c r="AZ307" s="1106"/>
      <c r="BA307" s="1106"/>
      <c r="BB307" s="1106"/>
      <c r="BC307" s="1106"/>
      <c r="BD307" s="1106"/>
      <c r="BE307" s="1106"/>
      <c r="BF307" s="1106"/>
      <c r="BG307" s="1106"/>
      <c r="BH307" s="1106"/>
      <c r="BI307" s="1106"/>
      <c r="BJ307" s="1106"/>
      <c r="BK307" s="1106"/>
      <c r="BL307" s="1106"/>
      <c r="BM307" s="1106"/>
      <c r="BN307" s="1106"/>
      <c r="BO307" s="1106"/>
      <c r="BP307" s="1106"/>
      <c r="BQ307" s="1106"/>
      <c r="BR307" s="1106"/>
      <c r="BS307" s="1106"/>
      <c r="BT307" s="1106"/>
      <c r="BU307" s="1106"/>
      <c r="BV307" s="1106"/>
      <c r="BW307" s="1106"/>
      <c r="BX307" s="1106"/>
      <c r="BY307" s="1106"/>
      <c r="BZ307" s="1106"/>
      <c r="CA307" s="1106"/>
    </row>
    <row r="308" spans="3:79" ht="9" customHeight="1" x14ac:dyDescent="0.2">
      <c r="C308" s="1106"/>
      <c r="D308" s="1106"/>
      <c r="E308" s="1106"/>
      <c r="F308" s="1106"/>
      <c r="G308" s="1106"/>
      <c r="H308" s="1106"/>
      <c r="I308" s="1106"/>
      <c r="J308" s="1106"/>
      <c r="K308" s="1106"/>
      <c r="L308" s="1106"/>
      <c r="M308" s="1106"/>
      <c r="N308" s="1106"/>
      <c r="O308" s="1106"/>
      <c r="AB308" s="1106"/>
      <c r="AC308" s="1106"/>
      <c r="AD308" s="1106"/>
      <c r="AE308" s="1106"/>
      <c r="AF308" s="1106"/>
      <c r="AG308" s="1106"/>
      <c r="AH308" s="1106"/>
      <c r="AL308" s="1106"/>
      <c r="AZ308" s="1106"/>
      <c r="BA308" s="1106"/>
      <c r="BB308" s="1106"/>
      <c r="BC308" s="1106"/>
      <c r="BD308" s="1106"/>
      <c r="BE308" s="1106"/>
      <c r="BF308" s="1106"/>
      <c r="BG308" s="1106"/>
      <c r="BH308" s="1106"/>
      <c r="BI308" s="1106"/>
      <c r="BJ308" s="1106"/>
      <c r="BK308" s="1106"/>
      <c r="BL308" s="1106"/>
      <c r="BM308" s="1106"/>
      <c r="BN308" s="1106"/>
      <c r="BO308" s="1106"/>
      <c r="BP308" s="1106"/>
      <c r="BQ308" s="1106"/>
      <c r="BR308" s="1106"/>
      <c r="BS308" s="1106"/>
      <c r="BT308" s="1106"/>
      <c r="BU308" s="1106"/>
      <c r="BV308" s="1106"/>
      <c r="BW308" s="1106"/>
      <c r="BX308" s="1106"/>
      <c r="BY308" s="1106"/>
      <c r="BZ308" s="1106"/>
      <c r="CA308" s="1106"/>
    </row>
    <row r="309" spans="3:79" ht="9" customHeight="1" x14ac:dyDescent="0.2">
      <c r="C309" s="1106"/>
      <c r="D309" s="1106"/>
      <c r="E309" s="1106"/>
      <c r="F309" s="1106"/>
      <c r="G309" s="1106"/>
      <c r="H309" s="1106"/>
      <c r="I309" s="1106"/>
      <c r="J309" s="1106"/>
      <c r="K309" s="1106"/>
      <c r="L309" s="1106"/>
      <c r="M309" s="1106"/>
      <c r="N309" s="1106"/>
      <c r="O309" s="1106"/>
      <c r="AB309" s="1106"/>
      <c r="AC309" s="1106"/>
      <c r="AD309" s="1106"/>
      <c r="AE309" s="1106"/>
      <c r="AF309" s="1106"/>
      <c r="AG309" s="1106"/>
      <c r="AH309" s="1106"/>
      <c r="AL309" s="1106"/>
      <c r="AZ309" s="1106"/>
      <c r="BA309" s="1106"/>
      <c r="BB309" s="1106"/>
      <c r="BC309" s="1106"/>
      <c r="BD309" s="1106"/>
      <c r="BE309" s="1106"/>
      <c r="BF309" s="1106"/>
      <c r="BG309" s="1106"/>
      <c r="BH309" s="1106"/>
      <c r="BI309" s="1106"/>
      <c r="BJ309" s="1106"/>
      <c r="BK309" s="1106"/>
      <c r="BL309" s="1106"/>
      <c r="BM309" s="1106"/>
      <c r="BN309" s="1106"/>
      <c r="BO309" s="1106"/>
      <c r="BP309" s="1106"/>
      <c r="BQ309" s="1106"/>
      <c r="BR309" s="1106"/>
      <c r="BS309" s="1106"/>
      <c r="BT309" s="1106"/>
      <c r="BU309" s="1106"/>
      <c r="BV309" s="1106"/>
      <c r="BW309" s="1106"/>
      <c r="BX309" s="1106"/>
      <c r="BY309" s="1106"/>
      <c r="BZ309" s="1106"/>
      <c r="CA309" s="1106"/>
    </row>
    <row r="310" spans="3:79" ht="9" customHeight="1" x14ac:dyDescent="0.2">
      <c r="C310" s="1106"/>
      <c r="D310" s="1106"/>
      <c r="E310" s="1106"/>
      <c r="F310" s="1106"/>
      <c r="G310" s="1106"/>
      <c r="H310" s="1106"/>
      <c r="I310" s="1106"/>
      <c r="J310" s="1106"/>
      <c r="K310" s="1106"/>
      <c r="L310" s="1106"/>
      <c r="M310" s="1106"/>
      <c r="N310" s="1106"/>
      <c r="O310" s="1106"/>
      <c r="U310" s="1106"/>
      <c r="AB310" s="1106"/>
      <c r="AC310" s="1106"/>
      <c r="AD310" s="1106"/>
      <c r="AE310" s="1106"/>
      <c r="AF310" s="1106"/>
      <c r="AG310" s="1106"/>
      <c r="AH310" s="1106"/>
      <c r="AL310" s="1106"/>
      <c r="AT310" s="1106"/>
      <c r="AU310" s="1106"/>
      <c r="AV310" s="1106"/>
      <c r="AW310" s="1106"/>
      <c r="AX310" s="1106"/>
      <c r="AY310" s="1106"/>
      <c r="AZ310" s="1106"/>
      <c r="BA310" s="1106"/>
      <c r="BB310" s="1106"/>
      <c r="BC310" s="1106"/>
      <c r="BD310" s="1106"/>
      <c r="BE310" s="1106"/>
      <c r="BF310" s="1106"/>
      <c r="BG310" s="1106"/>
      <c r="BH310" s="1106"/>
      <c r="BI310" s="1106"/>
      <c r="BJ310" s="1106"/>
      <c r="BK310" s="1106"/>
      <c r="BL310" s="1106"/>
      <c r="BM310" s="1106"/>
      <c r="BN310" s="1106"/>
      <c r="BO310" s="1106"/>
      <c r="BP310" s="1106"/>
      <c r="BQ310" s="1106"/>
      <c r="BR310" s="1106"/>
      <c r="BS310" s="1106"/>
      <c r="BT310" s="1106"/>
      <c r="BU310" s="1106"/>
      <c r="BV310" s="1106"/>
      <c r="BW310" s="1106"/>
      <c r="BX310" s="1106"/>
      <c r="BY310" s="1106"/>
      <c r="BZ310" s="1106"/>
      <c r="CA310" s="1106"/>
    </row>
    <row r="311" spans="3:79" ht="9" customHeight="1" x14ac:dyDescent="0.2">
      <c r="C311" s="1106"/>
      <c r="D311" s="1106"/>
      <c r="E311" s="1106"/>
      <c r="F311" s="1106"/>
      <c r="G311" s="1106"/>
      <c r="H311" s="1106"/>
      <c r="I311" s="1106"/>
      <c r="J311" s="1106"/>
      <c r="K311" s="1106"/>
      <c r="L311" s="1106"/>
      <c r="M311" s="1106"/>
      <c r="N311" s="1106"/>
      <c r="O311" s="1106"/>
      <c r="U311" s="1106"/>
      <c r="AB311" s="1106"/>
      <c r="AC311" s="1106"/>
      <c r="AD311" s="1106"/>
      <c r="AE311" s="1106"/>
      <c r="AF311" s="1106"/>
      <c r="AG311" s="1106"/>
      <c r="AH311" s="1106"/>
      <c r="AL311" s="1106"/>
      <c r="AO311" s="1106"/>
      <c r="AP311" s="1106"/>
      <c r="AT311" s="1106"/>
      <c r="AU311" s="1106"/>
      <c r="AV311" s="1106"/>
      <c r="AW311" s="1106"/>
      <c r="AX311" s="1106"/>
      <c r="AY311" s="1106"/>
      <c r="AZ311" s="1106"/>
      <c r="BA311" s="1106"/>
      <c r="BB311" s="1106"/>
      <c r="BC311" s="1106"/>
      <c r="BD311" s="1106"/>
      <c r="BE311" s="1106"/>
      <c r="BF311" s="1106"/>
      <c r="BG311" s="1106"/>
      <c r="BH311" s="1106"/>
      <c r="BI311" s="1106"/>
      <c r="BJ311" s="1106"/>
      <c r="BK311" s="1106"/>
      <c r="BL311" s="1106"/>
      <c r="BM311" s="1106"/>
      <c r="BN311" s="1106"/>
      <c r="BO311" s="1106"/>
      <c r="BP311" s="1106"/>
      <c r="BQ311" s="1106"/>
      <c r="BR311" s="1106"/>
      <c r="BS311" s="1106"/>
      <c r="BT311" s="1106"/>
      <c r="BU311" s="1106"/>
      <c r="BV311" s="1106"/>
      <c r="BW311" s="1106"/>
      <c r="BX311" s="1106"/>
      <c r="BY311" s="1106"/>
      <c r="BZ311" s="1106"/>
      <c r="CA311" s="1106"/>
    </row>
    <row r="312" spans="3:79" ht="9" customHeight="1" x14ac:dyDescent="0.2">
      <c r="C312" s="1106"/>
      <c r="D312" s="1106"/>
      <c r="E312" s="1106"/>
      <c r="F312" s="1106"/>
      <c r="G312" s="1106"/>
      <c r="H312" s="1106"/>
      <c r="I312" s="1106"/>
      <c r="J312" s="1106"/>
      <c r="K312" s="1106"/>
      <c r="L312" s="1106"/>
      <c r="M312" s="1106"/>
      <c r="N312" s="1106"/>
      <c r="O312" s="1106"/>
      <c r="U312" s="1106"/>
      <c r="AB312" s="1106"/>
      <c r="AC312" s="1106"/>
      <c r="AD312" s="1106"/>
      <c r="AE312" s="1106"/>
      <c r="AF312" s="1106"/>
      <c r="AG312" s="1106"/>
      <c r="AH312" s="1106"/>
      <c r="AL312" s="1106"/>
      <c r="AT312" s="1106"/>
      <c r="AU312" s="1106"/>
      <c r="AV312" s="1106"/>
      <c r="AW312" s="1106"/>
      <c r="AX312" s="1106"/>
      <c r="AY312" s="1106"/>
      <c r="AZ312" s="1106"/>
      <c r="BA312" s="1106"/>
      <c r="BB312" s="1106"/>
      <c r="BC312" s="1106"/>
      <c r="BD312" s="1106"/>
      <c r="BE312" s="1106"/>
      <c r="BF312" s="1106"/>
      <c r="BG312" s="1106"/>
      <c r="BH312" s="1106"/>
      <c r="BI312" s="1106"/>
      <c r="BJ312" s="1106"/>
      <c r="BK312" s="1106"/>
      <c r="BL312" s="1106"/>
      <c r="BM312" s="1106"/>
      <c r="BN312" s="1106"/>
      <c r="BO312" s="1106"/>
      <c r="BP312" s="1106"/>
      <c r="BQ312" s="1106"/>
      <c r="BR312" s="1106"/>
      <c r="BS312" s="1106"/>
      <c r="BT312" s="1106"/>
      <c r="BU312" s="1106"/>
      <c r="BV312" s="1106"/>
      <c r="BW312" s="1106"/>
      <c r="BX312" s="1106"/>
      <c r="BY312" s="1106"/>
      <c r="BZ312" s="1106"/>
      <c r="CA312" s="1106"/>
    </row>
    <row r="313" spans="3:79" ht="9" customHeight="1" x14ac:dyDescent="0.2">
      <c r="C313" s="1106"/>
      <c r="D313" s="1106"/>
      <c r="E313" s="1106"/>
      <c r="F313" s="1106"/>
      <c r="G313" s="1106"/>
      <c r="H313" s="1106"/>
      <c r="I313" s="1106"/>
      <c r="J313" s="1106"/>
      <c r="K313" s="1106"/>
      <c r="L313" s="1106"/>
      <c r="M313" s="1106"/>
      <c r="N313" s="1106"/>
      <c r="O313" s="1106"/>
      <c r="AB313" s="1106"/>
      <c r="AC313" s="1106"/>
      <c r="AD313" s="1106"/>
      <c r="AE313" s="1106"/>
      <c r="AF313" s="1106"/>
      <c r="AG313" s="1106"/>
      <c r="AH313" s="1106"/>
      <c r="AL313" s="1106"/>
      <c r="AZ313" s="1106"/>
      <c r="BA313" s="1106"/>
      <c r="BB313" s="1106"/>
      <c r="BC313" s="1106"/>
      <c r="BD313" s="1106"/>
      <c r="BE313" s="1106"/>
      <c r="BF313" s="1106"/>
      <c r="BG313" s="1106"/>
      <c r="BH313" s="1106"/>
      <c r="BI313" s="1106"/>
      <c r="BJ313" s="1106"/>
      <c r="BK313" s="1106"/>
      <c r="BL313" s="1106"/>
      <c r="BM313" s="1106"/>
      <c r="BN313" s="1106"/>
      <c r="BO313" s="1106"/>
      <c r="BP313" s="1106"/>
      <c r="BQ313" s="1106"/>
      <c r="BR313" s="1106"/>
      <c r="BS313" s="1106"/>
      <c r="BT313" s="1106"/>
      <c r="BU313" s="1106"/>
      <c r="BV313" s="1106"/>
      <c r="BW313" s="1106"/>
      <c r="BX313" s="1106"/>
      <c r="BY313" s="1106"/>
      <c r="BZ313" s="1106"/>
      <c r="CA313" s="1106"/>
    </row>
    <row r="314" spans="3:79" ht="9" customHeight="1" x14ac:dyDescent="0.2">
      <c r="C314" s="1106"/>
      <c r="D314" s="1106"/>
      <c r="E314" s="1106"/>
      <c r="F314" s="1106"/>
      <c r="G314" s="1106"/>
      <c r="H314" s="1106"/>
      <c r="I314" s="1106"/>
      <c r="J314" s="1106"/>
      <c r="K314" s="1106"/>
      <c r="L314" s="1106"/>
      <c r="M314" s="1106"/>
      <c r="N314" s="1106"/>
      <c r="O314" s="1106"/>
      <c r="AB314" s="1106"/>
      <c r="AC314" s="1106"/>
      <c r="AD314" s="1106"/>
      <c r="AE314" s="1106"/>
      <c r="AF314" s="1106"/>
      <c r="AG314" s="1106"/>
      <c r="AH314" s="1106"/>
      <c r="AL314" s="1106"/>
      <c r="AZ314" s="1106"/>
      <c r="BA314" s="1106"/>
      <c r="BB314" s="1106"/>
      <c r="BC314" s="1106"/>
      <c r="BD314" s="1106"/>
      <c r="BE314" s="1106"/>
      <c r="BF314" s="1106"/>
      <c r="BG314" s="1106"/>
      <c r="BH314" s="1106"/>
      <c r="BI314" s="1106"/>
      <c r="BJ314" s="1106"/>
      <c r="BK314" s="1106"/>
      <c r="BL314" s="1106"/>
      <c r="BM314" s="1106"/>
      <c r="BN314" s="1106"/>
      <c r="BO314" s="1106"/>
      <c r="BP314" s="1106"/>
      <c r="BQ314" s="1106"/>
      <c r="BR314" s="1106"/>
      <c r="BS314" s="1106"/>
      <c r="BT314" s="1106"/>
      <c r="BU314" s="1106"/>
      <c r="BV314" s="1106"/>
      <c r="BW314" s="1106"/>
      <c r="BX314" s="1106"/>
      <c r="BY314" s="1106"/>
      <c r="BZ314" s="1106"/>
      <c r="CA314" s="1106"/>
    </row>
    <row r="315" spans="3:79" ht="9" customHeight="1" x14ac:dyDescent="0.2">
      <c r="C315" s="1106"/>
      <c r="D315" s="1106"/>
      <c r="E315" s="1106"/>
      <c r="F315" s="1106"/>
      <c r="G315" s="1106"/>
      <c r="H315" s="1106"/>
      <c r="I315" s="1106"/>
      <c r="J315" s="1106"/>
      <c r="K315" s="1106"/>
      <c r="L315" s="1106"/>
      <c r="M315" s="1106"/>
      <c r="N315" s="1106"/>
      <c r="O315" s="1106"/>
      <c r="AB315" s="1106"/>
      <c r="AC315" s="1106"/>
      <c r="AD315" s="1106"/>
      <c r="AE315" s="1106"/>
      <c r="AF315" s="1106"/>
      <c r="AG315" s="1106"/>
      <c r="AH315" s="1106"/>
      <c r="AL315" s="1106"/>
      <c r="AZ315" s="1106"/>
      <c r="BA315" s="1106"/>
      <c r="BB315" s="1106"/>
      <c r="BC315" s="1106"/>
      <c r="BD315" s="1106"/>
      <c r="BE315" s="1106"/>
      <c r="BF315" s="1106"/>
      <c r="BG315" s="1106"/>
      <c r="BH315" s="1106"/>
      <c r="BI315" s="1106"/>
      <c r="BJ315" s="1106"/>
      <c r="BK315" s="1106"/>
      <c r="BL315" s="1106"/>
      <c r="BM315" s="1106"/>
      <c r="BN315" s="1106"/>
      <c r="BO315" s="1106"/>
      <c r="BP315" s="1106"/>
      <c r="BQ315" s="1106"/>
      <c r="BR315" s="1106"/>
      <c r="BS315" s="1106"/>
      <c r="BT315" s="1106"/>
      <c r="BU315" s="1106"/>
      <c r="BV315" s="1106"/>
      <c r="BW315" s="1106"/>
      <c r="BX315" s="1106"/>
      <c r="BY315" s="1106"/>
      <c r="BZ315" s="1106"/>
      <c r="CA315" s="1106"/>
    </row>
    <row r="316" spans="3:79" ht="9" customHeight="1" x14ac:dyDescent="0.2">
      <c r="C316" s="1106"/>
      <c r="D316" s="1106"/>
      <c r="E316" s="1106"/>
      <c r="F316" s="1106"/>
      <c r="G316" s="1106"/>
      <c r="H316" s="1106"/>
      <c r="I316" s="1106"/>
      <c r="J316" s="1106"/>
      <c r="K316" s="1106"/>
      <c r="L316" s="1106"/>
      <c r="M316" s="1106"/>
      <c r="N316" s="1106"/>
      <c r="O316" s="1106"/>
      <c r="U316" s="1106"/>
      <c r="AB316" s="1106"/>
      <c r="AC316" s="1106"/>
      <c r="AD316" s="1106"/>
      <c r="AE316" s="1106"/>
      <c r="AF316" s="1106"/>
      <c r="AG316" s="1106"/>
      <c r="AH316" s="1106"/>
      <c r="AL316" s="1106"/>
      <c r="AT316" s="1106"/>
      <c r="AU316" s="1106"/>
      <c r="AV316" s="1106"/>
      <c r="AW316" s="1106"/>
      <c r="AX316" s="1106"/>
      <c r="AY316" s="1106"/>
      <c r="AZ316" s="1106"/>
      <c r="BA316" s="1106"/>
      <c r="BB316" s="1106"/>
      <c r="BC316" s="1106"/>
      <c r="BD316" s="1106"/>
      <c r="BE316" s="1106"/>
      <c r="BF316" s="1106"/>
      <c r="BG316" s="1106"/>
      <c r="BH316" s="1106"/>
      <c r="BI316" s="1106"/>
      <c r="BJ316" s="1106"/>
      <c r="BK316" s="1106"/>
      <c r="BL316" s="1106"/>
      <c r="BM316" s="1106"/>
      <c r="BN316" s="1106"/>
      <c r="BO316" s="1106"/>
      <c r="BP316" s="1106"/>
      <c r="BQ316" s="1106"/>
      <c r="BR316" s="1106"/>
      <c r="BS316" s="1106"/>
      <c r="BT316" s="1106"/>
      <c r="BU316" s="1106"/>
      <c r="BV316" s="1106"/>
      <c r="BW316" s="1106"/>
      <c r="BX316" s="1106"/>
      <c r="BY316" s="1106"/>
      <c r="BZ316" s="1106"/>
      <c r="CA316" s="1106"/>
    </row>
    <row r="317" spans="3:79" ht="9" customHeight="1" x14ac:dyDescent="0.2">
      <c r="C317" s="1106"/>
      <c r="D317" s="1106"/>
      <c r="E317" s="1106"/>
      <c r="F317" s="1106"/>
      <c r="G317" s="1106"/>
      <c r="H317" s="1106"/>
      <c r="I317" s="1106"/>
      <c r="J317" s="1106"/>
      <c r="K317" s="1106"/>
      <c r="L317" s="1106"/>
      <c r="M317" s="1106"/>
      <c r="N317" s="1106"/>
      <c r="O317" s="1106"/>
      <c r="U317" s="1106"/>
      <c r="AB317" s="1106"/>
      <c r="AC317" s="1106"/>
      <c r="AD317" s="1106"/>
      <c r="AE317" s="1106"/>
      <c r="AF317" s="1106"/>
      <c r="AG317" s="1106"/>
      <c r="AH317" s="1106"/>
      <c r="AL317" s="1106"/>
      <c r="AO317" s="1106"/>
      <c r="AP317" s="1106"/>
      <c r="AT317" s="1106"/>
      <c r="AU317" s="1106"/>
      <c r="AV317" s="1106"/>
      <c r="AW317" s="1106"/>
      <c r="AX317" s="1106"/>
      <c r="AY317" s="1106"/>
      <c r="AZ317" s="1106"/>
      <c r="BA317" s="1106"/>
      <c r="BB317" s="1106"/>
      <c r="BC317" s="1106"/>
      <c r="BD317" s="1106"/>
      <c r="BE317" s="1106"/>
      <c r="BF317" s="1106"/>
      <c r="BG317" s="1106"/>
      <c r="BH317" s="1106"/>
      <c r="BI317" s="1106"/>
      <c r="BJ317" s="1106"/>
      <c r="BK317" s="1106"/>
      <c r="BL317" s="1106"/>
      <c r="BM317" s="1106"/>
      <c r="BN317" s="1106"/>
      <c r="BO317" s="1106"/>
      <c r="BP317" s="1106"/>
      <c r="BQ317" s="1106"/>
      <c r="BR317" s="1106"/>
      <c r="BS317" s="1106"/>
      <c r="BT317" s="1106"/>
      <c r="BU317" s="1106"/>
      <c r="BV317" s="1106"/>
      <c r="BW317" s="1106"/>
      <c r="BX317" s="1106"/>
      <c r="BY317" s="1106"/>
      <c r="BZ317" s="1106"/>
      <c r="CA317" s="1106"/>
    </row>
    <row r="318" spans="3:79" ht="9" customHeight="1" x14ac:dyDescent="0.2">
      <c r="C318" s="1106"/>
      <c r="D318" s="1106"/>
      <c r="E318" s="1106"/>
      <c r="F318" s="1106"/>
      <c r="G318" s="1106"/>
      <c r="H318" s="1106"/>
      <c r="I318" s="1106"/>
      <c r="J318" s="1106"/>
      <c r="K318" s="1106"/>
      <c r="L318" s="1106"/>
      <c r="M318" s="1106"/>
      <c r="N318" s="1106"/>
      <c r="O318" s="1106"/>
      <c r="U318" s="1106"/>
      <c r="AB318" s="1106"/>
      <c r="AC318" s="1106"/>
      <c r="AD318" s="1106"/>
      <c r="AE318" s="1106"/>
      <c r="AF318" s="1106"/>
      <c r="AG318" s="1106"/>
      <c r="AH318" s="1106"/>
      <c r="AL318" s="1106"/>
      <c r="AT318" s="1106"/>
      <c r="AU318" s="1106"/>
      <c r="AV318" s="1106"/>
      <c r="AW318" s="1106"/>
      <c r="AX318" s="1106"/>
      <c r="AY318" s="1106"/>
      <c r="AZ318" s="1106"/>
      <c r="BA318" s="1106"/>
      <c r="BB318" s="1106"/>
      <c r="BC318" s="1106"/>
      <c r="BD318" s="1106"/>
      <c r="BE318" s="1106"/>
      <c r="BF318" s="1106"/>
      <c r="BG318" s="1106"/>
      <c r="BH318" s="1106"/>
      <c r="BI318" s="1106"/>
      <c r="BJ318" s="1106"/>
      <c r="BK318" s="1106"/>
      <c r="BL318" s="1106"/>
      <c r="BM318" s="1106"/>
      <c r="BN318" s="1106"/>
      <c r="BO318" s="1106"/>
      <c r="BP318" s="1106"/>
      <c r="BQ318" s="1106"/>
      <c r="BR318" s="1106"/>
      <c r="BS318" s="1106"/>
      <c r="BT318" s="1106"/>
      <c r="BU318" s="1106"/>
      <c r="BV318" s="1106"/>
      <c r="BW318" s="1106"/>
      <c r="BX318" s="1106"/>
      <c r="BY318" s="1106"/>
      <c r="BZ318" s="1106"/>
      <c r="CA318" s="1106"/>
    </row>
    <row r="319" spans="3:79" ht="9" customHeight="1" x14ac:dyDescent="0.2">
      <c r="C319" s="1106"/>
      <c r="D319" s="1106"/>
      <c r="E319" s="1106"/>
      <c r="F319" s="1106"/>
      <c r="G319" s="1106"/>
      <c r="H319" s="1106"/>
      <c r="I319" s="1106"/>
      <c r="J319" s="1106"/>
      <c r="K319" s="1106"/>
      <c r="L319" s="1106"/>
      <c r="M319" s="1106"/>
      <c r="N319" s="1106"/>
      <c r="O319" s="1106"/>
      <c r="AB319" s="1106"/>
      <c r="AC319" s="1106"/>
      <c r="AD319" s="1106"/>
      <c r="AE319" s="1106"/>
      <c r="AF319" s="1106"/>
      <c r="AG319" s="1106"/>
      <c r="AH319" s="1106"/>
      <c r="AL319" s="1106"/>
      <c r="AZ319" s="1106"/>
      <c r="BA319" s="1106"/>
      <c r="BB319" s="1106"/>
      <c r="BC319" s="1106"/>
      <c r="BD319" s="1106"/>
      <c r="BE319" s="1106"/>
      <c r="BF319" s="1106"/>
      <c r="BG319" s="1106"/>
      <c r="BH319" s="1106"/>
      <c r="BI319" s="1106"/>
      <c r="BJ319" s="1106"/>
      <c r="BK319" s="1106"/>
      <c r="BL319" s="1106"/>
      <c r="BM319" s="1106"/>
      <c r="BN319" s="1106"/>
      <c r="BO319" s="1106"/>
      <c r="BP319" s="1106"/>
      <c r="BQ319" s="1106"/>
      <c r="BR319" s="1106"/>
      <c r="BS319" s="1106"/>
      <c r="BT319" s="1106"/>
      <c r="BU319" s="1106"/>
      <c r="BV319" s="1106"/>
      <c r="BW319" s="1106"/>
      <c r="BX319" s="1106"/>
      <c r="BY319" s="1106"/>
      <c r="BZ319" s="1106"/>
      <c r="CA319" s="1106"/>
    </row>
    <row r="320" spans="3:79" ht="9" customHeight="1" x14ac:dyDescent="0.2">
      <c r="C320" s="1106"/>
      <c r="D320" s="1106"/>
      <c r="E320" s="1106"/>
      <c r="F320" s="1106"/>
      <c r="G320" s="1106"/>
      <c r="H320" s="1106"/>
      <c r="I320" s="1106"/>
      <c r="J320" s="1106"/>
      <c r="K320" s="1106"/>
      <c r="L320" s="1106"/>
      <c r="M320" s="1106"/>
      <c r="N320" s="1106"/>
      <c r="O320" s="1106"/>
      <c r="AB320" s="1106"/>
      <c r="AC320" s="1106"/>
      <c r="AD320" s="1106"/>
      <c r="AE320" s="1106"/>
      <c r="AF320" s="1106"/>
      <c r="AG320" s="1106"/>
      <c r="AH320" s="1106"/>
      <c r="AL320" s="1106"/>
      <c r="AZ320" s="1106"/>
      <c r="BA320" s="1106"/>
      <c r="BB320" s="1106"/>
      <c r="BC320" s="1106"/>
      <c r="BD320" s="1106"/>
      <c r="BE320" s="1106"/>
      <c r="BF320" s="1106"/>
      <c r="BG320" s="1106"/>
      <c r="BH320" s="1106"/>
      <c r="BI320" s="1106"/>
      <c r="BJ320" s="1106"/>
      <c r="BK320" s="1106"/>
      <c r="BL320" s="1106"/>
      <c r="BM320" s="1106"/>
      <c r="BN320" s="1106"/>
      <c r="BO320" s="1106"/>
      <c r="BP320" s="1106"/>
      <c r="BQ320" s="1106"/>
      <c r="BR320" s="1106"/>
      <c r="BS320" s="1106"/>
      <c r="BT320" s="1106"/>
      <c r="BU320" s="1106"/>
      <c r="BV320" s="1106"/>
      <c r="BW320" s="1106"/>
      <c r="BX320" s="1106"/>
      <c r="BY320" s="1106"/>
      <c r="BZ320" s="1106"/>
      <c r="CA320" s="1106"/>
    </row>
    <row r="321" spans="3:79" ht="9" customHeight="1" x14ac:dyDescent="0.2">
      <c r="C321" s="1106"/>
      <c r="D321" s="1106"/>
      <c r="E321" s="1106"/>
      <c r="F321" s="1106"/>
      <c r="G321" s="1106"/>
      <c r="H321" s="1106"/>
      <c r="I321" s="1106"/>
      <c r="J321" s="1106"/>
      <c r="K321" s="1106"/>
      <c r="L321" s="1106"/>
      <c r="M321" s="1106"/>
      <c r="N321" s="1106"/>
      <c r="O321" s="1106"/>
      <c r="AB321" s="1106"/>
      <c r="AC321" s="1106"/>
      <c r="AD321" s="1106"/>
      <c r="AE321" s="1106"/>
      <c r="AF321" s="1106"/>
      <c r="AG321" s="1106"/>
      <c r="AH321" s="1106"/>
      <c r="AL321" s="1106"/>
      <c r="AZ321" s="1106"/>
      <c r="BA321" s="1106"/>
      <c r="BB321" s="1106"/>
      <c r="BC321" s="1106"/>
      <c r="BD321" s="1106"/>
      <c r="BE321" s="1106"/>
      <c r="BF321" s="1106"/>
      <c r="BG321" s="1106"/>
      <c r="BH321" s="1106"/>
      <c r="BI321" s="1106"/>
      <c r="BJ321" s="1106"/>
      <c r="BK321" s="1106"/>
      <c r="BL321" s="1106"/>
      <c r="BM321" s="1106"/>
      <c r="BN321" s="1106"/>
      <c r="BO321" s="1106"/>
      <c r="BP321" s="1106"/>
      <c r="BQ321" s="1106"/>
      <c r="BR321" s="1106"/>
      <c r="BS321" s="1106"/>
      <c r="BT321" s="1106"/>
      <c r="BU321" s="1106"/>
      <c r="BV321" s="1106"/>
      <c r="BW321" s="1106"/>
      <c r="BX321" s="1106"/>
      <c r="BY321" s="1106"/>
      <c r="BZ321" s="1106"/>
      <c r="CA321" s="1106"/>
    </row>
    <row r="322" spans="3:79" ht="9" customHeight="1" x14ac:dyDescent="0.2">
      <c r="C322" s="1106"/>
      <c r="D322" s="1106"/>
      <c r="E322" s="1106"/>
      <c r="F322" s="1106"/>
      <c r="G322" s="1106"/>
      <c r="H322" s="1106"/>
      <c r="I322" s="1106"/>
      <c r="J322" s="1106"/>
      <c r="K322" s="1106"/>
      <c r="L322" s="1106"/>
      <c r="M322" s="1106"/>
      <c r="N322" s="1106"/>
      <c r="O322" s="1106"/>
      <c r="U322" s="1106"/>
      <c r="AB322" s="1106"/>
      <c r="AC322" s="1106"/>
      <c r="AD322" s="1106"/>
      <c r="AE322" s="1106"/>
      <c r="AF322" s="1106"/>
      <c r="AG322" s="1106"/>
      <c r="AH322" s="1106"/>
      <c r="AL322" s="1106"/>
      <c r="AT322" s="1106"/>
      <c r="AU322" s="1106"/>
      <c r="AV322" s="1106"/>
      <c r="AW322" s="1106"/>
      <c r="AX322" s="1106"/>
      <c r="AY322" s="1106"/>
      <c r="AZ322" s="1106"/>
      <c r="BA322" s="1106"/>
      <c r="BB322" s="1106"/>
      <c r="BC322" s="1106"/>
      <c r="BD322" s="1106"/>
      <c r="BE322" s="1106"/>
      <c r="BF322" s="1106"/>
      <c r="BG322" s="1106"/>
      <c r="BH322" s="1106"/>
      <c r="BI322" s="1106"/>
      <c r="BJ322" s="1106"/>
      <c r="BK322" s="1106"/>
      <c r="BL322" s="1106"/>
      <c r="BM322" s="1106"/>
      <c r="BN322" s="1106"/>
      <c r="BO322" s="1106"/>
      <c r="BP322" s="1106"/>
      <c r="BQ322" s="1106"/>
      <c r="BR322" s="1106"/>
      <c r="BS322" s="1106"/>
      <c r="BT322" s="1106"/>
      <c r="BU322" s="1106"/>
      <c r="BV322" s="1106"/>
      <c r="BW322" s="1106"/>
      <c r="BX322" s="1106"/>
      <c r="BY322" s="1106"/>
      <c r="BZ322" s="1106"/>
      <c r="CA322" s="1106"/>
    </row>
    <row r="323" spans="3:79" ht="9" customHeight="1" x14ac:dyDescent="0.2">
      <c r="C323" s="1106"/>
      <c r="D323" s="1106"/>
      <c r="E323" s="1106"/>
      <c r="F323" s="1106"/>
      <c r="G323" s="1106"/>
      <c r="H323" s="1106"/>
      <c r="I323" s="1106"/>
      <c r="J323" s="1106"/>
      <c r="K323" s="1106"/>
      <c r="L323" s="1106"/>
      <c r="M323" s="1106"/>
      <c r="N323" s="1106"/>
      <c r="O323" s="1106"/>
      <c r="U323" s="1106"/>
      <c r="AB323" s="1106"/>
      <c r="AC323" s="1106"/>
      <c r="AD323" s="1106"/>
      <c r="AE323" s="1106"/>
      <c r="AF323" s="1106"/>
      <c r="AG323" s="1106"/>
      <c r="AH323" s="1106"/>
      <c r="AL323" s="1106"/>
      <c r="AO323" s="1106"/>
      <c r="AP323" s="1106"/>
      <c r="AT323" s="1106"/>
      <c r="AU323" s="1106"/>
      <c r="AV323" s="1106"/>
      <c r="AW323" s="1106"/>
      <c r="AX323" s="1106"/>
      <c r="AY323" s="1106"/>
      <c r="AZ323" s="1106"/>
      <c r="BA323" s="1106"/>
      <c r="BB323" s="1106"/>
      <c r="BC323" s="1106"/>
      <c r="BD323" s="1106"/>
      <c r="BE323" s="1106"/>
      <c r="BF323" s="1106"/>
      <c r="BG323" s="1106"/>
      <c r="BH323" s="1106"/>
      <c r="BI323" s="1106"/>
      <c r="BJ323" s="1106"/>
      <c r="BK323" s="1106"/>
      <c r="BL323" s="1106"/>
      <c r="BM323" s="1106"/>
      <c r="BN323" s="1106"/>
      <c r="BO323" s="1106"/>
      <c r="BP323" s="1106"/>
      <c r="BQ323" s="1106"/>
      <c r="BR323" s="1106"/>
      <c r="BS323" s="1106"/>
      <c r="BT323" s="1106"/>
      <c r="BU323" s="1106"/>
      <c r="BV323" s="1106"/>
      <c r="BW323" s="1106"/>
      <c r="BX323" s="1106"/>
      <c r="BY323" s="1106"/>
      <c r="BZ323" s="1106"/>
      <c r="CA323" s="1106"/>
    </row>
    <row r="324" spans="3:79" ht="9" customHeight="1" x14ac:dyDescent="0.2">
      <c r="C324" s="1106"/>
      <c r="D324" s="1106"/>
      <c r="E324" s="1106"/>
      <c r="F324" s="1106"/>
      <c r="G324" s="1106"/>
      <c r="H324" s="1106"/>
      <c r="I324" s="1106"/>
      <c r="J324" s="1106"/>
      <c r="K324" s="1106"/>
      <c r="L324" s="1106"/>
      <c r="M324" s="1106"/>
      <c r="N324" s="1106"/>
      <c r="O324" s="1106"/>
      <c r="U324" s="1106"/>
      <c r="AB324" s="1106"/>
      <c r="AC324" s="1106"/>
      <c r="AD324" s="1106"/>
      <c r="AE324" s="1106"/>
      <c r="AF324" s="1106"/>
      <c r="AG324" s="1106"/>
      <c r="AH324" s="1106"/>
      <c r="AL324" s="1106"/>
      <c r="AT324" s="1106"/>
      <c r="AU324" s="1106"/>
      <c r="AV324" s="1106"/>
      <c r="AW324" s="1106"/>
      <c r="AX324" s="1106"/>
      <c r="AY324" s="1106"/>
      <c r="AZ324" s="1106"/>
      <c r="BA324" s="1106"/>
      <c r="BB324" s="1106"/>
      <c r="BC324" s="1106"/>
      <c r="BD324" s="1106"/>
      <c r="BE324" s="1106"/>
      <c r="BF324" s="1106"/>
      <c r="BG324" s="1106"/>
      <c r="BH324" s="1106"/>
      <c r="BI324" s="1106"/>
      <c r="BJ324" s="1106"/>
      <c r="BK324" s="1106"/>
      <c r="BL324" s="1106"/>
      <c r="BM324" s="1106"/>
      <c r="BN324" s="1106"/>
      <c r="BO324" s="1106"/>
      <c r="BP324" s="1106"/>
      <c r="BQ324" s="1106"/>
      <c r="BR324" s="1106"/>
      <c r="BS324" s="1106"/>
      <c r="BT324" s="1106"/>
      <c r="BU324" s="1106"/>
      <c r="BV324" s="1106"/>
      <c r="BW324" s="1106"/>
      <c r="BX324" s="1106"/>
      <c r="BY324" s="1106"/>
      <c r="BZ324" s="1106"/>
      <c r="CA324" s="1106"/>
    </row>
    <row r="325" spans="3:79" ht="9" customHeight="1" x14ac:dyDescent="0.2">
      <c r="C325" s="1106"/>
      <c r="D325" s="1106"/>
      <c r="E325" s="1106"/>
      <c r="F325" s="1106"/>
      <c r="G325" s="1106"/>
      <c r="H325" s="1106"/>
      <c r="I325" s="1106"/>
      <c r="J325" s="1106"/>
      <c r="K325" s="1106"/>
      <c r="L325" s="1106"/>
      <c r="M325" s="1106"/>
      <c r="N325" s="1106"/>
      <c r="O325" s="1106"/>
      <c r="AB325" s="1106"/>
      <c r="AC325" s="1106"/>
      <c r="AD325" s="1106"/>
      <c r="AE325" s="1106"/>
      <c r="AF325" s="1106"/>
      <c r="AG325" s="1106"/>
      <c r="AH325" s="1106"/>
      <c r="AL325" s="1106"/>
      <c r="AZ325" s="1106"/>
      <c r="BA325" s="1106"/>
      <c r="BB325" s="1106"/>
      <c r="BC325" s="1106"/>
      <c r="BD325" s="1106"/>
      <c r="BE325" s="1106"/>
      <c r="BF325" s="1106"/>
      <c r="BG325" s="1106"/>
      <c r="BH325" s="1106"/>
      <c r="BI325" s="1106"/>
      <c r="BJ325" s="1106"/>
      <c r="BK325" s="1106"/>
      <c r="BL325" s="1106"/>
      <c r="BM325" s="1106"/>
      <c r="BN325" s="1106"/>
      <c r="BO325" s="1106"/>
      <c r="BP325" s="1106"/>
      <c r="BQ325" s="1106"/>
      <c r="BR325" s="1106"/>
      <c r="BS325" s="1106"/>
      <c r="BT325" s="1106"/>
      <c r="BU325" s="1106"/>
      <c r="BV325" s="1106"/>
      <c r="BW325" s="1106"/>
      <c r="BX325" s="1106"/>
      <c r="BY325" s="1106"/>
      <c r="BZ325" s="1106"/>
      <c r="CA325" s="1106"/>
    </row>
    <row r="326" spans="3:79" ht="9" customHeight="1" x14ac:dyDescent="0.2">
      <c r="C326" s="1106"/>
      <c r="D326" s="1106"/>
      <c r="E326" s="1106"/>
      <c r="F326" s="1106"/>
      <c r="G326" s="1106"/>
      <c r="H326" s="1106"/>
      <c r="I326" s="1106"/>
      <c r="J326" s="1106"/>
      <c r="K326" s="1106"/>
      <c r="L326" s="1106"/>
      <c r="M326" s="1106"/>
      <c r="N326" s="1106"/>
      <c r="O326" s="1106"/>
      <c r="AB326" s="1106"/>
      <c r="AC326" s="1106"/>
      <c r="AD326" s="1106"/>
      <c r="AE326" s="1106"/>
      <c r="AF326" s="1106"/>
      <c r="AG326" s="1106"/>
      <c r="AH326" s="1106"/>
      <c r="AL326" s="1106"/>
      <c r="AZ326" s="1106"/>
      <c r="BA326" s="1106"/>
      <c r="BB326" s="1106"/>
      <c r="BC326" s="1106"/>
      <c r="BD326" s="1106"/>
      <c r="BE326" s="1106"/>
      <c r="BF326" s="1106"/>
      <c r="BG326" s="1106"/>
      <c r="BH326" s="1106"/>
      <c r="BI326" s="1106"/>
      <c r="BJ326" s="1106"/>
      <c r="BK326" s="1106"/>
      <c r="BL326" s="1106"/>
      <c r="BM326" s="1106"/>
      <c r="BN326" s="1106"/>
      <c r="BO326" s="1106"/>
      <c r="BP326" s="1106"/>
      <c r="BQ326" s="1106"/>
      <c r="BR326" s="1106"/>
      <c r="BS326" s="1106"/>
      <c r="BT326" s="1106"/>
      <c r="BU326" s="1106"/>
      <c r="BV326" s="1106"/>
      <c r="BW326" s="1106"/>
      <c r="BX326" s="1106"/>
      <c r="BY326" s="1106"/>
      <c r="BZ326" s="1106"/>
      <c r="CA326" s="1106"/>
    </row>
    <row r="327" spans="3:79" ht="9" customHeight="1" x14ac:dyDescent="0.2">
      <c r="C327" s="1106"/>
      <c r="D327" s="1106"/>
      <c r="E327" s="1106"/>
      <c r="F327" s="1106"/>
      <c r="G327" s="1106"/>
      <c r="H327" s="1106"/>
      <c r="I327" s="1106"/>
      <c r="J327" s="1106"/>
      <c r="K327" s="1106"/>
      <c r="L327" s="1106"/>
      <c r="M327" s="1106"/>
      <c r="N327" s="1106"/>
      <c r="O327" s="1106"/>
      <c r="AB327" s="1106"/>
      <c r="AC327" s="1106"/>
      <c r="AD327" s="1106"/>
      <c r="AE327" s="1106"/>
      <c r="AF327" s="1106"/>
      <c r="AG327" s="1106"/>
      <c r="AH327" s="1106"/>
      <c r="AL327" s="1106"/>
      <c r="AZ327" s="1106"/>
      <c r="BA327" s="1106"/>
      <c r="BB327" s="1106"/>
      <c r="BC327" s="1106"/>
      <c r="BD327" s="1106"/>
      <c r="BE327" s="1106"/>
      <c r="BF327" s="1106"/>
      <c r="BG327" s="1106"/>
      <c r="BH327" s="1106"/>
      <c r="BI327" s="1106"/>
      <c r="BJ327" s="1106"/>
      <c r="BK327" s="1106"/>
      <c r="BL327" s="1106"/>
      <c r="BM327" s="1106"/>
      <c r="BN327" s="1106"/>
      <c r="BO327" s="1106"/>
      <c r="BP327" s="1106"/>
      <c r="BQ327" s="1106"/>
      <c r="BR327" s="1106"/>
      <c r="BS327" s="1106"/>
      <c r="BT327" s="1106"/>
      <c r="BU327" s="1106"/>
      <c r="BV327" s="1106"/>
      <c r="BW327" s="1106"/>
      <c r="BX327" s="1106"/>
      <c r="BY327" s="1106"/>
      <c r="BZ327" s="1106"/>
      <c r="CA327" s="1106"/>
    </row>
    <row r="328" spans="3:79" ht="9" customHeight="1" x14ac:dyDescent="0.2">
      <c r="C328" s="1106"/>
      <c r="D328" s="1106"/>
      <c r="E328" s="1106"/>
      <c r="F328" s="1106"/>
      <c r="G328" s="1106"/>
      <c r="H328" s="1106"/>
      <c r="I328" s="1106"/>
      <c r="J328" s="1106"/>
      <c r="K328" s="1106"/>
      <c r="L328" s="1106"/>
      <c r="M328" s="1106"/>
      <c r="N328" s="1106"/>
      <c r="O328" s="1106"/>
      <c r="U328" s="1106"/>
      <c r="AB328" s="1106"/>
      <c r="AC328" s="1106"/>
      <c r="AD328" s="1106"/>
      <c r="AE328" s="1106"/>
      <c r="AF328" s="1106"/>
      <c r="AG328" s="1106"/>
      <c r="AH328" s="1106"/>
      <c r="AL328" s="1106"/>
      <c r="AT328" s="1106"/>
      <c r="AU328" s="1106"/>
      <c r="AV328" s="1106"/>
      <c r="AW328" s="1106"/>
      <c r="AX328" s="1106"/>
      <c r="AY328" s="1106"/>
      <c r="AZ328" s="1106"/>
      <c r="BA328" s="1106"/>
      <c r="BB328" s="1106"/>
      <c r="BC328" s="1106"/>
      <c r="BD328" s="1106"/>
      <c r="BE328" s="1106"/>
      <c r="BF328" s="1106"/>
      <c r="BG328" s="1106"/>
      <c r="BH328" s="1106"/>
      <c r="BI328" s="1106"/>
      <c r="BJ328" s="1106"/>
      <c r="BK328" s="1106"/>
      <c r="BL328" s="1106"/>
      <c r="BM328" s="1106"/>
      <c r="BN328" s="1106"/>
      <c r="BO328" s="1106"/>
      <c r="BP328" s="1106"/>
      <c r="BQ328" s="1106"/>
      <c r="BR328" s="1106"/>
      <c r="BS328" s="1106"/>
      <c r="BT328" s="1106"/>
      <c r="BU328" s="1106"/>
      <c r="BV328" s="1106"/>
      <c r="BW328" s="1106"/>
      <c r="BX328" s="1106"/>
      <c r="BY328" s="1106"/>
      <c r="BZ328" s="1106"/>
      <c r="CA328" s="1106"/>
    </row>
    <row r="329" spans="3:79" ht="9" customHeight="1" x14ac:dyDescent="0.2">
      <c r="C329" s="1106"/>
      <c r="D329" s="1106"/>
      <c r="E329" s="1106"/>
      <c r="F329" s="1106"/>
      <c r="G329" s="1106"/>
      <c r="H329" s="1106"/>
      <c r="I329" s="1106"/>
      <c r="J329" s="1106"/>
      <c r="K329" s="1106"/>
      <c r="L329" s="1106"/>
      <c r="M329" s="1106"/>
      <c r="N329" s="1106"/>
      <c r="O329" s="1106"/>
      <c r="U329" s="1106"/>
      <c r="AB329" s="1106"/>
      <c r="AC329" s="1106"/>
      <c r="AD329" s="1106"/>
      <c r="AE329" s="1106"/>
      <c r="AF329" s="1106"/>
      <c r="AG329" s="1106"/>
      <c r="AH329" s="1106"/>
      <c r="AL329" s="1106"/>
      <c r="AO329" s="1106"/>
      <c r="AP329" s="1106"/>
      <c r="AT329" s="1106"/>
      <c r="AU329" s="1106"/>
      <c r="AV329" s="1106"/>
      <c r="AW329" s="1106"/>
      <c r="AX329" s="1106"/>
      <c r="AY329" s="1106"/>
      <c r="AZ329" s="1106"/>
      <c r="BA329" s="1106"/>
      <c r="BB329" s="1106"/>
      <c r="BC329" s="1106"/>
      <c r="BD329" s="1106"/>
      <c r="BE329" s="1106"/>
      <c r="BF329" s="1106"/>
      <c r="BG329" s="1106"/>
      <c r="BH329" s="1106"/>
      <c r="BI329" s="1106"/>
      <c r="BJ329" s="1106"/>
      <c r="BK329" s="1106"/>
      <c r="BL329" s="1106"/>
      <c r="BM329" s="1106"/>
      <c r="BN329" s="1106"/>
      <c r="BO329" s="1106"/>
      <c r="BP329" s="1106"/>
      <c r="BQ329" s="1106"/>
      <c r="BR329" s="1106"/>
      <c r="BS329" s="1106"/>
      <c r="BT329" s="1106"/>
      <c r="BU329" s="1106"/>
      <c r="BV329" s="1106"/>
      <c r="BW329" s="1106"/>
      <c r="BX329" s="1106"/>
      <c r="BY329" s="1106"/>
      <c r="BZ329" s="1106"/>
      <c r="CA329" s="1106"/>
    </row>
    <row r="330" spans="3:79" ht="9" customHeight="1" x14ac:dyDescent="0.2">
      <c r="C330" s="1106"/>
      <c r="D330" s="1106"/>
      <c r="E330" s="1106"/>
      <c r="F330" s="1106"/>
      <c r="G330" s="1106"/>
      <c r="H330" s="1106"/>
      <c r="I330" s="1106"/>
      <c r="J330" s="1106"/>
      <c r="K330" s="1106"/>
      <c r="L330" s="1106"/>
      <c r="M330" s="1106"/>
      <c r="N330" s="1106"/>
      <c r="O330" s="1106"/>
      <c r="U330" s="1106"/>
      <c r="AB330" s="1106"/>
      <c r="AC330" s="1106"/>
      <c r="AD330" s="1106"/>
      <c r="AE330" s="1106"/>
      <c r="AF330" s="1106"/>
      <c r="AG330" s="1106"/>
      <c r="AH330" s="1106"/>
      <c r="AL330" s="1106"/>
      <c r="AT330" s="1106"/>
      <c r="AU330" s="1106"/>
      <c r="AV330" s="1106"/>
      <c r="AW330" s="1106"/>
      <c r="AX330" s="1106"/>
      <c r="AY330" s="1106"/>
      <c r="AZ330" s="1106"/>
      <c r="BA330" s="1106"/>
      <c r="BB330" s="1106"/>
      <c r="BC330" s="1106"/>
      <c r="BD330" s="1106"/>
      <c r="BE330" s="1106"/>
      <c r="BF330" s="1106"/>
      <c r="BG330" s="1106"/>
      <c r="BH330" s="1106"/>
      <c r="BI330" s="1106"/>
      <c r="BJ330" s="1106"/>
      <c r="BK330" s="1106"/>
      <c r="BL330" s="1106"/>
      <c r="BM330" s="1106"/>
      <c r="BN330" s="1106"/>
      <c r="BO330" s="1106"/>
      <c r="BP330" s="1106"/>
      <c r="BQ330" s="1106"/>
      <c r="BR330" s="1106"/>
      <c r="BS330" s="1106"/>
      <c r="BT330" s="1106"/>
      <c r="BU330" s="1106"/>
      <c r="BV330" s="1106"/>
      <c r="BW330" s="1106"/>
      <c r="BX330" s="1106"/>
      <c r="BY330" s="1106"/>
      <c r="BZ330" s="1106"/>
      <c r="CA330" s="1106"/>
    </row>
    <row r="331" spans="3:79" ht="9" customHeight="1" x14ac:dyDescent="0.2">
      <c r="C331" s="1106"/>
      <c r="D331" s="1106"/>
      <c r="E331" s="1106"/>
      <c r="F331" s="1106"/>
      <c r="G331" s="1106"/>
      <c r="H331" s="1106"/>
      <c r="I331" s="1106"/>
      <c r="J331" s="1106"/>
      <c r="K331" s="1106"/>
      <c r="L331" s="1106"/>
      <c r="M331" s="1106"/>
      <c r="N331" s="1106"/>
      <c r="O331" s="1106"/>
      <c r="AB331" s="1106"/>
      <c r="AC331" s="1106"/>
      <c r="AD331" s="1106"/>
      <c r="AE331" s="1106"/>
      <c r="AF331" s="1106"/>
      <c r="AG331" s="1106"/>
      <c r="AH331" s="1106"/>
      <c r="AL331" s="1106"/>
      <c r="AZ331" s="1106"/>
      <c r="BA331" s="1106"/>
      <c r="BB331" s="1106"/>
      <c r="BC331" s="1106"/>
      <c r="BD331" s="1106"/>
      <c r="BE331" s="1106"/>
      <c r="BF331" s="1106"/>
      <c r="BG331" s="1106"/>
      <c r="BH331" s="1106"/>
      <c r="BI331" s="1106"/>
      <c r="BJ331" s="1106"/>
      <c r="BK331" s="1106"/>
      <c r="BL331" s="1106"/>
      <c r="BM331" s="1106"/>
      <c r="BN331" s="1106"/>
      <c r="BO331" s="1106"/>
      <c r="BP331" s="1106"/>
      <c r="BQ331" s="1106"/>
      <c r="BR331" s="1106"/>
      <c r="BS331" s="1106"/>
      <c r="BT331" s="1106"/>
      <c r="BU331" s="1106"/>
      <c r="BV331" s="1106"/>
      <c r="BW331" s="1106"/>
      <c r="BX331" s="1106"/>
      <c r="BY331" s="1106"/>
      <c r="BZ331" s="1106"/>
      <c r="CA331" s="1106"/>
    </row>
    <row r="332" spans="3:79" ht="9" customHeight="1" x14ac:dyDescent="0.2">
      <c r="C332" s="1106"/>
      <c r="D332" s="1106"/>
      <c r="E332" s="1106"/>
      <c r="F332" s="1106"/>
      <c r="G332" s="1106"/>
      <c r="H332" s="1106"/>
      <c r="I332" s="1106"/>
      <c r="J332" s="1106"/>
      <c r="K332" s="1106"/>
      <c r="L332" s="1106"/>
      <c r="M332" s="1106"/>
      <c r="N332" s="1106"/>
      <c r="O332" s="1106"/>
      <c r="AB332" s="1106"/>
      <c r="AC332" s="1106"/>
      <c r="AD332" s="1106"/>
      <c r="AE332" s="1106"/>
      <c r="AF332" s="1106"/>
      <c r="AG332" s="1106"/>
      <c r="AH332" s="1106"/>
      <c r="AL332" s="1106"/>
      <c r="AZ332" s="1106"/>
      <c r="BA332" s="1106"/>
      <c r="BB332" s="1106"/>
      <c r="BC332" s="1106"/>
      <c r="BD332" s="1106"/>
      <c r="BE332" s="1106"/>
      <c r="BF332" s="1106"/>
      <c r="BG332" s="1106"/>
      <c r="BH332" s="1106"/>
      <c r="BI332" s="1106"/>
      <c r="BJ332" s="1106"/>
      <c r="BK332" s="1106"/>
      <c r="BL332" s="1106"/>
      <c r="BM332" s="1106"/>
      <c r="BN332" s="1106"/>
      <c r="BO332" s="1106"/>
      <c r="BP332" s="1106"/>
      <c r="BQ332" s="1106"/>
      <c r="BR332" s="1106"/>
      <c r="BS332" s="1106"/>
      <c r="BT332" s="1106"/>
      <c r="BU332" s="1106"/>
      <c r="BV332" s="1106"/>
      <c r="BW332" s="1106"/>
      <c r="BX332" s="1106"/>
      <c r="BY332" s="1106"/>
      <c r="BZ332" s="1106"/>
      <c r="CA332" s="1106"/>
    </row>
    <row r="333" spans="3:79" ht="9" customHeight="1" x14ac:dyDescent="0.2">
      <c r="C333" s="1106"/>
      <c r="D333" s="1106"/>
      <c r="E333" s="1106"/>
      <c r="F333" s="1106"/>
      <c r="G333" s="1106"/>
      <c r="H333" s="1106"/>
      <c r="I333" s="1106"/>
      <c r="J333" s="1106"/>
      <c r="K333" s="1106"/>
      <c r="L333" s="1106"/>
      <c r="M333" s="1106"/>
      <c r="N333" s="1106"/>
      <c r="O333" s="1106"/>
      <c r="AB333" s="1106"/>
      <c r="AC333" s="1106"/>
      <c r="AD333" s="1106"/>
      <c r="AE333" s="1106"/>
      <c r="AF333" s="1106"/>
      <c r="AG333" s="1106"/>
      <c r="AH333" s="1106"/>
      <c r="AL333" s="1106"/>
      <c r="AZ333" s="1106"/>
      <c r="BA333" s="1106"/>
      <c r="BB333" s="1106"/>
      <c r="BC333" s="1106"/>
      <c r="BD333" s="1106"/>
      <c r="BE333" s="1106"/>
      <c r="BF333" s="1106"/>
      <c r="BG333" s="1106"/>
      <c r="BH333" s="1106"/>
      <c r="BI333" s="1106"/>
      <c r="BJ333" s="1106"/>
      <c r="BK333" s="1106"/>
      <c r="BL333" s="1106"/>
      <c r="BM333" s="1106"/>
      <c r="BN333" s="1106"/>
      <c r="BO333" s="1106"/>
      <c r="BP333" s="1106"/>
      <c r="BQ333" s="1106"/>
      <c r="BR333" s="1106"/>
      <c r="BS333" s="1106"/>
      <c r="BT333" s="1106"/>
      <c r="BU333" s="1106"/>
      <c r="BV333" s="1106"/>
      <c r="BW333" s="1106"/>
      <c r="BX333" s="1106"/>
      <c r="BY333" s="1106"/>
      <c r="BZ333" s="1106"/>
      <c r="CA333" s="1106"/>
    </row>
    <row r="334" spans="3:79" ht="9" customHeight="1" x14ac:dyDescent="0.2">
      <c r="C334" s="1106"/>
      <c r="D334" s="1106"/>
      <c r="E334" s="1106"/>
      <c r="F334" s="1106"/>
      <c r="G334" s="1106"/>
      <c r="H334" s="1106"/>
      <c r="I334" s="1106"/>
      <c r="J334" s="1106"/>
      <c r="K334" s="1106"/>
      <c r="L334" s="1106"/>
      <c r="M334" s="1106"/>
      <c r="N334" s="1106"/>
      <c r="O334" s="1106"/>
      <c r="U334" s="1106"/>
      <c r="AB334" s="1106"/>
      <c r="AC334" s="1106"/>
      <c r="AD334" s="1106"/>
      <c r="AE334" s="1106"/>
      <c r="AF334" s="1106"/>
      <c r="AG334" s="1106"/>
      <c r="AH334" s="1106"/>
      <c r="AL334" s="1106"/>
      <c r="AT334" s="1106"/>
      <c r="AU334" s="1106"/>
      <c r="AV334" s="1106"/>
      <c r="AW334" s="1106"/>
      <c r="AX334" s="1106"/>
      <c r="AY334" s="1106"/>
      <c r="AZ334" s="1106"/>
      <c r="BA334" s="1106"/>
      <c r="BB334" s="1106"/>
      <c r="BC334" s="1106"/>
      <c r="BD334" s="1106"/>
      <c r="BE334" s="1106"/>
      <c r="BF334" s="1106"/>
      <c r="BG334" s="1106"/>
      <c r="BH334" s="1106"/>
      <c r="BI334" s="1106"/>
      <c r="BJ334" s="1106"/>
      <c r="BK334" s="1106"/>
      <c r="BL334" s="1106"/>
      <c r="BM334" s="1106"/>
      <c r="BN334" s="1106"/>
      <c r="BO334" s="1106"/>
      <c r="BP334" s="1106"/>
      <c r="BQ334" s="1106"/>
      <c r="BR334" s="1106"/>
      <c r="BS334" s="1106"/>
      <c r="BT334" s="1106"/>
      <c r="BU334" s="1106"/>
      <c r="BV334" s="1106"/>
      <c r="BW334" s="1106"/>
      <c r="BX334" s="1106"/>
      <c r="BY334" s="1106"/>
      <c r="BZ334" s="1106"/>
      <c r="CA334" s="1106"/>
    </row>
    <row r="335" spans="3:79" ht="9" customHeight="1" x14ac:dyDescent="0.2">
      <c r="C335" s="1106"/>
      <c r="D335" s="1106"/>
      <c r="E335" s="1106"/>
      <c r="F335" s="1106"/>
      <c r="G335" s="1106"/>
      <c r="H335" s="1106"/>
      <c r="I335" s="1106"/>
      <c r="J335" s="1106"/>
      <c r="K335" s="1106"/>
      <c r="L335" s="1106"/>
      <c r="M335" s="1106"/>
      <c r="N335" s="1106"/>
      <c r="O335" s="1106"/>
      <c r="U335" s="1106"/>
      <c r="AB335" s="1106"/>
      <c r="AC335" s="1106"/>
      <c r="AD335" s="1106"/>
      <c r="AE335" s="1106"/>
      <c r="AF335" s="1106"/>
      <c r="AG335" s="1106"/>
      <c r="AH335" s="1106"/>
      <c r="AL335" s="1106"/>
      <c r="AO335" s="1106"/>
      <c r="AP335" s="1106"/>
      <c r="AT335" s="1106"/>
      <c r="AU335" s="1106"/>
      <c r="AV335" s="1106"/>
      <c r="AW335" s="1106"/>
      <c r="AX335" s="1106"/>
      <c r="AY335" s="1106"/>
      <c r="AZ335" s="1106"/>
      <c r="BA335" s="1106"/>
      <c r="BB335" s="1106"/>
      <c r="BC335" s="1106"/>
      <c r="BD335" s="1106"/>
      <c r="BE335" s="1106"/>
      <c r="BF335" s="1106"/>
      <c r="BG335" s="1106"/>
      <c r="BH335" s="1106"/>
      <c r="BI335" s="1106"/>
      <c r="BJ335" s="1106"/>
      <c r="BK335" s="1106"/>
      <c r="BL335" s="1106"/>
      <c r="BM335" s="1106"/>
      <c r="BN335" s="1106"/>
      <c r="BO335" s="1106"/>
      <c r="BP335" s="1106"/>
      <c r="BQ335" s="1106"/>
      <c r="BR335" s="1106"/>
      <c r="BS335" s="1106"/>
      <c r="BT335" s="1106"/>
      <c r="BU335" s="1106"/>
      <c r="BV335" s="1106"/>
      <c r="BW335" s="1106"/>
      <c r="BX335" s="1106"/>
      <c r="BY335" s="1106"/>
      <c r="BZ335" s="1106"/>
      <c r="CA335" s="1106"/>
    </row>
    <row r="336" spans="3:79" ht="9" customHeight="1" x14ac:dyDescent="0.2">
      <c r="C336" s="1106"/>
      <c r="D336" s="1106"/>
      <c r="E336" s="1106"/>
      <c r="F336" s="1106"/>
      <c r="G336" s="1106"/>
      <c r="H336" s="1106"/>
      <c r="I336" s="1106"/>
      <c r="J336" s="1106"/>
      <c r="K336" s="1106"/>
      <c r="L336" s="1106"/>
      <c r="M336" s="1106"/>
      <c r="N336" s="1106"/>
      <c r="O336" s="1106"/>
      <c r="U336" s="1106"/>
      <c r="AB336" s="1106"/>
      <c r="AC336" s="1106"/>
      <c r="AD336" s="1106"/>
      <c r="AE336" s="1106"/>
      <c r="AF336" s="1106"/>
      <c r="AG336" s="1106"/>
      <c r="AH336" s="1106"/>
      <c r="AL336" s="1106"/>
      <c r="AT336" s="1106"/>
      <c r="AU336" s="1106"/>
      <c r="AV336" s="1106"/>
      <c r="AW336" s="1106"/>
      <c r="AX336" s="1106"/>
      <c r="AY336" s="1106"/>
      <c r="AZ336" s="1106"/>
      <c r="BA336" s="1106"/>
      <c r="BB336" s="1106"/>
      <c r="BC336" s="1106"/>
      <c r="BD336" s="1106"/>
      <c r="BE336" s="1106"/>
      <c r="BF336" s="1106"/>
      <c r="BG336" s="1106"/>
      <c r="BH336" s="1106"/>
      <c r="BI336" s="1106"/>
      <c r="BJ336" s="1106"/>
      <c r="BK336" s="1106"/>
      <c r="BL336" s="1106"/>
      <c r="BM336" s="1106"/>
      <c r="BN336" s="1106"/>
      <c r="BO336" s="1106"/>
      <c r="BP336" s="1106"/>
      <c r="BQ336" s="1106"/>
      <c r="BR336" s="1106"/>
      <c r="BS336" s="1106"/>
      <c r="BT336" s="1106"/>
      <c r="BU336" s="1106"/>
      <c r="BV336" s="1106"/>
      <c r="BW336" s="1106"/>
      <c r="BX336" s="1106"/>
      <c r="BY336" s="1106"/>
      <c r="BZ336" s="1106"/>
      <c r="CA336" s="1106"/>
    </row>
    <row r="337" spans="3:79" ht="9" customHeight="1" x14ac:dyDescent="0.2">
      <c r="C337" s="1106"/>
      <c r="D337" s="1106"/>
      <c r="E337" s="1106"/>
      <c r="F337" s="1106"/>
      <c r="G337" s="1106"/>
      <c r="H337" s="1106"/>
      <c r="I337" s="1106"/>
      <c r="J337" s="1106"/>
      <c r="K337" s="1106"/>
      <c r="L337" s="1106"/>
      <c r="M337" s="1106"/>
      <c r="N337" s="1106"/>
      <c r="O337" s="1106"/>
      <c r="AB337" s="1106"/>
      <c r="AC337" s="1106"/>
      <c r="AD337" s="1106"/>
      <c r="AE337" s="1106"/>
      <c r="AF337" s="1106"/>
      <c r="AG337" s="1106"/>
      <c r="AH337" s="1106"/>
      <c r="AL337" s="1106"/>
      <c r="AZ337" s="1106"/>
      <c r="BA337" s="1106"/>
      <c r="BB337" s="1106"/>
      <c r="BC337" s="1106"/>
      <c r="BD337" s="1106"/>
      <c r="BE337" s="1106"/>
      <c r="BF337" s="1106"/>
      <c r="BG337" s="1106"/>
      <c r="BH337" s="1106"/>
      <c r="BI337" s="1106"/>
      <c r="BJ337" s="1106"/>
      <c r="BK337" s="1106"/>
      <c r="BL337" s="1106"/>
      <c r="BM337" s="1106"/>
      <c r="BN337" s="1106"/>
      <c r="BO337" s="1106"/>
      <c r="BP337" s="1106"/>
      <c r="BQ337" s="1106"/>
      <c r="BR337" s="1106"/>
      <c r="BS337" s="1106"/>
      <c r="BT337" s="1106"/>
      <c r="BU337" s="1106"/>
      <c r="BV337" s="1106"/>
      <c r="BW337" s="1106"/>
      <c r="BX337" s="1106"/>
      <c r="BY337" s="1106"/>
      <c r="BZ337" s="1106"/>
      <c r="CA337" s="1106"/>
    </row>
    <row r="338" spans="3:79" ht="9" customHeight="1" x14ac:dyDescent="0.2">
      <c r="C338" s="1106"/>
      <c r="D338" s="1106"/>
      <c r="E338" s="1106"/>
      <c r="F338" s="1106"/>
      <c r="G338" s="1106"/>
      <c r="H338" s="1106"/>
      <c r="I338" s="1106"/>
      <c r="J338" s="1106"/>
      <c r="K338" s="1106"/>
      <c r="L338" s="1106"/>
      <c r="M338" s="1106"/>
      <c r="N338" s="1106"/>
      <c r="O338" s="1106"/>
      <c r="AB338" s="1106"/>
      <c r="AC338" s="1106"/>
      <c r="AD338" s="1106"/>
      <c r="AE338" s="1106"/>
      <c r="AF338" s="1106"/>
      <c r="AG338" s="1106"/>
      <c r="AH338" s="1106"/>
      <c r="AL338" s="1106"/>
      <c r="AZ338" s="1106"/>
      <c r="BA338" s="1106"/>
      <c r="BB338" s="1106"/>
      <c r="BC338" s="1106"/>
      <c r="BD338" s="1106"/>
      <c r="BE338" s="1106"/>
      <c r="BF338" s="1106"/>
      <c r="BG338" s="1106"/>
      <c r="BH338" s="1106"/>
      <c r="BI338" s="1106"/>
      <c r="BJ338" s="1106"/>
      <c r="BK338" s="1106"/>
      <c r="BL338" s="1106"/>
      <c r="BM338" s="1106"/>
      <c r="BN338" s="1106"/>
      <c r="BO338" s="1106"/>
      <c r="BP338" s="1106"/>
      <c r="BQ338" s="1106"/>
      <c r="BR338" s="1106"/>
      <c r="BS338" s="1106"/>
      <c r="BT338" s="1106"/>
      <c r="BU338" s="1106"/>
      <c r="BV338" s="1106"/>
      <c r="BW338" s="1106"/>
      <c r="BX338" s="1106"/>
      <c r="BY338" s="1106"/>
      <c r="BZ338" s="1106"/>
      <c r="CA338" s="1106"/>
    </row>
    <row r="339" spans="3:79" ht="9" customHeight="1" x14ac:dyDescent="0.2">
      <c r="C339" s="1106"/>
      <c r="D339" s="1106"/>
      <c r="E339" s="1106"/>
      <c r="F339" s="1106"/>
      <c r="G339" s="1106"/>
      <c r="H339" s="1106"/>
      <c r="I339" s="1106"/>
      <c r="J339" s="1106"/>
      <c r="K339" s="1106"/>
      <c r="L339" s="1106"/>
      <c r="M339" s="1106"/>
      <c r="N339" s="1106"/>
      <c r="O339" s="1106"/>
      <c r="AB339" s="1106"/>
      <c r="AC339" s="1106"/>
      <c r="AD339" s="1106"/>
      <c r="AE339" s="1106"/>
      <c r="AF339" s="1106"/>
      <c r="AG339" s="1106"/>
      <c r="AH339" s="1106"/>
      <c r="AL339" s="1106"/>
      <c r="AZ339" s="1106"/>
      <c r="BA339" s="1106"/>
      <c r="BB339" s="1106"/>
      <c r="BC339" s="1106"/>
      <c r="BD339" s="1106"/>
      <c r="BE339" s="1106"/>
      <c r="BF339" s="1106"/>
      <c r="BG339" s="1106"/>
      <c r="BH339" s="1106"/>
      <c r="BI339" s="1106"/>
      <c r="BJ339" s="1106"/>
      <c r="BK339" s="1106"/>
      <c r="BL339" s="1106"/>
      <c r="BM339" s="1106"/>
      <c r="BN339" s="1106"/>
      <c r="BO339" s="1106"/>
      <c r="BP339" s="1106"/>
      <c r="BQ339" s="1106"/>
      <c r="BR339" s="1106"/>
      <c r="BS339" s="1106"/>
      <c r="BT339" s="1106"/>
      <c r="BU339" s="1106"/>
      <c r="BV339" s="1106"/>
      <c r="BW339" s="1106"/>
      <c r="BX339" s="1106"/>
      <c r="BY339" s="1106"/>
      <c r="BZ339" s="1106"/>
      <c r="CA339" s="1106"/>
    </row>
    <row r="340" spans="3:79" ht="9" customHeight="1" x14ac:dyDescent="0.2">
      <c r="C340" s="1106"/>
      <c r="D340" s="1106"/>
      <c r="E340" s="1106"/>
      <c r="F340" s="1106"/>
      <c r="G340" s="1106"/>
      <c r="H340" s="1106"/>
      <c r="I340" s="1106"/>
      <c r="J340" s="1106"/>
      <c r="K340" s="1106"/>
      <c r="L340" s="1106"/>
      <c r="M340" s="1106"/>
      <c r="N340" s="1106"/>
      <c r="O340" s="1106"/>
      <c r="U340" s="1106"/>
      <c r="AB340" s="1106"/>
      <c r="AC340" s="1106"/>
      <c r="AD340" s="1106"/>
      <c r="AE340" s="1106"/>
      <c r="AF340" s="1106"/>
      <c r="AG340" s="1106"/>
      <c r="AH340" s="1106"/>
      <c r="AL340" s="1106"/>
      <c r="AT340" s="1106"/>
      <c r="AU340" s="1106"/>
      <c r="AV340" s="1106"/>
      <c r="AW340" s="1106"/>
      <c r="AX340" s="1106"/>
      <c r="AY340" s="1106"/>
      <c r="AZ340" s="1106"/>
      <c r="BA340" s="1106"/>
      <c r="BB340" s="1106"/>
      <c r="BC340" s="1106"/>
      <c r="BD340" s="1106"/>
      <c r="BE340" s="1106"/>
      <c r="BF340" s="1106"/>
      <c r="BG340" s="1106"/>
      <c r="BH340" s="1106"/>
      <c r="BI340" s="1106"/>
      <c r="BJ340" s="1106"/>
      <c r="BK340" s="1106"/>
      <c r="BL340" s="1106"/>
      <c r="BM340" s="1106"/>
      <c r="BN340" s="1106"/>
      <c r="BO340" s="1106"/>
      <c r="BP340" s="1106"/>
      <c r="BQ340" s="1106"/>
      <c r="BR340" s="1106"/>
      <c r="BS340" s="1106"/>
      <c r="BT340" s="1106"/>
      <c r="BU340" s="1106"/>
      <c r="BV340" s="1106"/>
      <c r="BW340" s="1106"/>
      <c r="BX340" s="1106"/>
      <c r="BY340" s="1106"/>
      <c r="BZ340" s="1106"/>
      <c r="CA340" s="1106"/>
    </row>
    <row r="341" spans="3:79" ht="9" customHeight="1" x14ac:dyDescent="0.2">
      <c r="C341" s="1106"/>
      <c r="D341" s="1106"/>
      <c r="E341" s="1106"/>
      <c r="F341" s="1106"/>
      <c r="G341" s="1106"/>
      <c r="H341" s="1106"/>
      <c r="I341" s="1106"/>
      <c r="J341" s="1106"/>
      <c r="K341" s="1106"/>
      <c r="L341" s="1106"/>
      <c r="M341" s="1106"/>
      <c r="N341" s="1106"/>
      <c r="O341" s="1106"/>
      <c r="U341" s="1106"/>
      <c r="AB341" s="1106"/>
      <c r="AC341" s="1106"/>
      <c r="AD341" s="1106"/>
      <c r="AE341" s="1106"/>
      <c r="AF341" s="1106"/>
      <c r="AG341" s="1106"/>
      <c r="AH341" s="1106"/>
      <c r="AL341" s="1106"/>
      <c r="AO341" s="1106"/>
      <c r="AP341" s="1106"/>
      <c r="AT341" s="1106"/>
      <c r="AU341" s="1106"/>
      <c r="AV341" s="1106"/>
      <c r="AW341" s="1106"/>
      <c r="AX341" s="1106"/>
      <c r="AY341" s="1106"/>
      <c r="AZ341" s="1106"/>
      <c r="BA341" s="1106"/>
      <c r="BB341" s="1106"/>
      <c r="BC341" s="1106"/>
      <c r="BD341" s="1106"/>
      <c r="BE341" s="1106"/>
      <c r="BF341" s="1106"/>
      <c r="BG341" s="1106"/>
      <c r="BH341" s="1106"/>
      <c r="BI341" s="1106"/>
      <c r="BJ341" s="1106"/>
      <c r="BK341" s="1106"/>
      <c r="BL341" s="1106"/>
      <c r="BM341" s="1106"/>
      <c r="BN341" s="1106"/>
      <c r="BO341" s="1106"/>
      <c r="BP341" s="1106"/>
      <c r="BQ341" s="1106"/>
      <c r="BR341" s="1106"/>
      <c r="BS341" s="1106"/>
      <c r="BT341" s="1106"/>
      <c r="BU341" s="1106"/>
      <c r="BV341" s="1106"/>
      <c r="BW341" s="1106"/>
      <c r="BX341" s="1106"/>
      <c r="BY341" s="1106"/>
      <c r="BZ341" s="1106"/>
      <c r="CA341" s="1106"/>
    </row>
    <row r="342" spans="3:79" ht="9" customHeight="1" x14ac:dyDescent="0.2">
      <c r="C342" s="1106"/>
      <c r="D342" s="1106"/>
      <c r="E342" s="1106"/>
      <c r="F342" s="1106"/>
      <c r="G342" s="1106"/>
      <c r="H342" s="1106"/>
      <c r="I342" s="1106"/>
      <c r="J342" s="1106"/>
      <c r="K342" s="1106"/>
      <c r="L342" s="1106"/>
      <c r="M342" s="1106"/>
      <c r="N342" s="1106"/>
      <c r="O342" s="1106"/>
      <c r="U342" s="1106"/>
      <c r="AB342" s="1106"/>
      <c r="AC342" s="1106"/>
      <c r="AD342" s="1106"/>
      <c r="AE342" s="1106"/>
      <c r="AF342" s="1106"/>
      <c r="AG342" s="1106"/>
      <c r="AH342" s="1106"/>
      <c r="AL342" s="1106"/>
      <c r="AT342" s="1106"/>
      <c r="AU342" s="1106"/>
      <c r="AV342" s="1106"/>
      <c r="AW342" s="1106"/>
      <c r="AX342" s="1106"/>
      <c r="AY342" s="1106"/>
      <c r="AZ342" s="1106"/>
      <c r="BA342" s="1106"/>
      <c r="BB342" s="1106"/>
      <c r="BC342" s="1106"/>
      <c r="BD342" s="1106"/>
      <c r="BE342" s="1106"/>
      <c r="BF342" s="1106"/>
      <c r="BG342" s="1106"/>
      <c r="BH342" s="1106"/>
      <c r="BI342" s="1106"/>
      <c r="BJ342" s="1106"/>
      <c r="BK342" s="1106"/>
      <c r="BL342" s="1106"/>
      <c r="BM342" s="1106"/>
      <c r="BN342" s="1106"/>
      <c r="BO342" s="1106"/>
      <c r="BP342" s="1106"/>
      <c r="BQ342" s="1106"/>
      <c r="BR342" s="1106"/>
      <c r="BS342" s="1106"/>
      <c r="BT342" s="1106"/>
      <c r="BU342" s="1106"/>
      <c r="BV342" s="1106"/>
      <c r="BW342" s="1106"/>
      <c r="BX342" s="1106"/>
      <c r="BY342" s="1106"/>
      <c r="BZ342" s="1106"/>
      <c r="CA342" s="1106"/>
    </row>
    <row r="343" spans="3:79" ht="9" customHeight="1" x14ac:dyDescent="0.2">
      <c r="C343" s="1106"/>
      <c r="D343" s="1106"/>
      <c r="E343" s="1106"/>
      <c r="F343" s="1106"/>
      <c r="G343" s="1106"/>
      <c r="H343" s="1106"/>
      <c r="I343" s="1106"/>
      <c r="J343" s="1106"/>
      <c r="K343" s="1106"/>
      <c r="L343" s="1106"/>
      <c r="M343" s="1106"/>
      <c r="N343" s="1106"/>
      <c r="O343" s="1106"/>
      <c r="AB343" s="1106"/>
      <c r="AC343" s="1106"/>
      <c r="AD343" s="1106"/>
      <c r="AE343" s="1106"/>
      <c r="AF343" s="1106"/>
      <c r="AG343" s="1106"/>
      <c r="AH343" s="1106"/>
      <c r="AL343" s="1106"/>
      <c r="AZ343" s="1106"/>
      <c r="BA343" s="1106"/>
      <c r="BB343" s="1106"/>
      <c r="BC343" s="1106"/>
      <c r="BD343" s="1106"/>
      <c r="BE343" s="1106"/>
      <c r="BF343" s="1106"/>
      <c r="BG343" s="1106"/>
      <c r="BH343" s="1106"/>
      <c r="BI343" s="1106"/>
      <c r="BJ343" s="1106"/>
      <c r="BK343" s="1106"/>
      <c r="BL343" s="1106"/>
      <c r="BM343" s="1106"/>
      <c r="BN343" s="1106"/>
      <c r="BO343" s="1106"/>
      <c r="BP343" s="1106"/>
      <c r="BQ343" s="1106"/>
      <c r="BR343" s="1106"/>
      <c r="BS343" s="1106"/>
      <c r="BT343" s="1106"/>
      <c r="BU343" s="1106"/>
      <c r="BV343" s="1106"/>
      <c r="BW343" s="1106"/>
      <c r="BX343" s="1106"/>
      <c r="BY343" s="1106"/>
      <c r="BZ343" s="1106"/>
      <c r="CA343" s="1106"/>
    </row>
    <row r="344" spans="3:79" ht="9" customHeight="1" x14ac:dyDescent="0.2">
      <c r="C344" s="1106"/>
      <c r="D344" s="1106"/>
      <c r="E344" s="1106"/>
      <c r="F344" s="1106"/>
      <c r="G344" s="1106"/>
      <c r="H344" s="1106"/>
      <c r="I344" s="1106"/>
      <c r="J344" s="1106"/>
      <c r="K344" s="1106"/>
      <c r="L344" s="1106"/>
      <c r="M344" s="1106"/>
      <c r="N344" s="1106"/>
      <c r="O344" s="1106"/>
      <c r="AB344" s="1106"/>
      <c r="AC344" s="1106"/>
      <c r="AD344" s="1106"/>
      <c r="AE344" s="1106"/>
      <c r="AF344" s="1106"/>
      <c r="AG344" s="1106"/>
      <c r="AH344" s="1106"/>
      <c r="AL344" s="1106"/>
      <c r="AZ344" s="1106"/>
      <c r="BA344" s="1106"/>
      <c r="BB344" s="1106"/>
      <c r="BC344" s="1106"/>
      <c r="BD344" s="1106"/>
      <c r="BE344" s="1106"/>
      <c r="BF344" s="1106"/>
      <c r="BG344" s="1106"/>
      <c r="BH344" s="1106"/>
      <c r="BI344" s="1106"/>
      <c r="BJ344" s="1106"/>
      <c r="BK344" s="1106"/>
      <c r="BL344" s="1106"/>
      <c r="BM344" s="1106"/>
      <c r="BN344" s="1106"/>
      <c r="BO344" s="1106"/>
      <c r="BP344" s="1106"/>
      <c r="BQ344" s="1106"/>
      <c r="BR344" s="1106"/>
      <c r="BS344" s="1106"/>
      <c r="BT344" s="1106"/>
      <c r="BU344" s="1106"/>
      <c r="BV344" s="1106"/>
      <c r="BW344" s="1106"/>
      <c r="BX344" s="1106"/>
      <c r="BY344" s="1106"/>
      <c r="BZ344" s="1106"/>
      <c r="CA344" s="1106"/>
    </row>
    <row r="345" spans="3:79" ht="9" customHeight="1" x14ac:dyDescent="0.2">
      <c r="C345" s="1106"/>
      <c r="D345" s="1106"/>
      <c r="E345" s="1106"/>
      <c r="F345" s="1106"/>
      <c r="G345" s="1106"/>
      <c r="H345" s="1106"/>
      <c r="I345" s="1106"/>
      <c r="J345" s="1106"/>
      <c r="K345" s="1106"/>
      <c r="L345" s="1106"/>
      <c r="M345" s="1106"/>
      <c r="N345" s="1106"/>
      <c r="O345" s="1106"/>
      <c r="AB345" s="1106"/>
      <c r="AC345" s="1106"/>
      <c r="AD345" s="1106"/>
      <c r="AE345" s="1106"/>
      <c r="AF345" s="1106"/>
      <c r="AG345" s="1106"/>
      <c r="AH345" s="1106"/>
      <c r="AL345" s="1106"/>
      <c r="AZ345" s="1106"/>
      <c r="BA345" s="1106"/>
      <c r="BB345" s="1106"/>
      <c r="BC345" s="1106"/>
      <c r="BD345" s="1106"/>
      <c r="BE345" s="1106"/>
      <c r="BF345" s="1106"/>
      <c r="BG345" s="1106"/>
      <c r="BH345" s="1106"/>
      <c r="BI345" s="1106"/>
      <c r="BJ345" s="1106"/>
      <c r="BK345" s="1106"/>
      <c r="BL345" s="1106"/>
      <c r="BM345" s="1106"/>
      <c r="BN345" s="1106"/>
      <c r="BO345" s="1106"/>
      <c r="BP345" s="1106"/>
      <c r="BQ345" s="1106"/>
      <c r="BR345" s="1106"/>
      <c r="BS345" s="1106"/>
      <c r="BT345" s="1106"/>
      <c r="BU345" s="1106"/>
      <c r="BV345" s="1106"/>
      <c r="BW345" s="1106"/>
      <c r="BX345" s="1106"/>
      <c r="BY345" s="1106"/>
      <c r="BZ345" s="1106"/>
      <c r="CA345" s="1106"/>
    </row>
    <row r="346" spans="3:79" ht="9" customHeight="1" x14ac:dyDescent="0.2">
      <c r="C346" s="1106"/>
      <c r="D346" s="1106"/>
      <c r="E346" s="1106"/>
      <c r="F346" s="1106"/>
      <c r="G346" s="1106"/>
      <c r="H346" s="1106"/>
      <c r="I346" s="1106"/>
      <c r="J346" s="1106"/>
      <c r="K346" s="1106"/>
      <c r="L346" s="1106"/>
      <c r="M346" s="1106"/>
      <c r="N346" s="1106"/>
      <c r="O346" s="1106"/>
      <c r="U346" s="1106"/>
      <c r="AB346" s="1106"/>
      <c r="AC346" s="1106"/>
      <c r="AD346" s="1106"/>
      <c r="AE346" s="1106"/>
      <c r="AF346" s="1106"/>
      <c r="AG346" s="1106"/>
      <c r="AH346" s="1106"/>
      <c r="AL346" s="1106"/>
      <c r="AT346" s="1106"/>
      <c r="AU346" s="1106"/>
      <c r="AV346" s="1106"/>
      <c r="AW346" s="1106"/>
      <c r="AX346" s="1106"/>
      <c r="AY346" s="1106"/>
      <c r="AZ346" s="1106"/>
      <c r="BA346" s="1106"/>
      <c r="BB346" s="1106"/>
      <c r="BC346" s="1106"/>
      <c r="BD346" s="1106"/>
      <c r="BE346" s="1106"/>
      <c r="BF346" s="1106"/>
      <c r="BG346" s="1106"/>
      <c r="BH346" s="1106"/>
      <c r="BI346" s="1106"/>
      <c r="BJ346" s="1106"/>
      <c r="BK346" s="1106"/>
      <c r="BL346" s="1106"/>
      <c r="BM346" s="1106"/>
      <c r="BN346" s="1106"/>
      <c r="BO346" s="1106"/>
      <c r="BP346" s="1106"/>
      <c r="BQ346" s="1106"/>
      <c r="BR346" s="1106"/>
      <c r="BS346" s="1106"/>
      <c r="BT346" s="1106"/>
      <c r="BU346" s="1106"/>
      <c r="BV346" s="1106"/>
      <c r="BW346" s="1106"/>
      <c r="BX346" s="1106"/>
      <c r="BY346" s="1106"/>
      <c r="BZ346" s="1106"/>
      <c r="CA346" s="1106"/>
    </row>
    <row r="347" spans="3:79" ht="9" customHeight="1" x14ac:dyDescent="0.2">
      <c r="C347" s="1106"/>
      <c r="D347" s="1106"/>
      <c r="E347" s="1106"/>
      <c r="F347" s="1106"/>
      <c r="G347" s="1106"/>
      <c r="H347" s="1106"/>
      <c r="I347" s="1106"/>
      <c r="J347" s="1106"/>
      <c r="K347" s="1106"/>
      <c r="L347" s="1106"/>
      <c r="M347" s="1106"/>
      <c r="N347" s="1106"/>
      <c r="O347" s="1106"/>
      <c r="U347" s="1106"/>
      <c r="AB347" s="1106"/>
      <c r="AC347" s="1106"/>
      <c r="AD347" s="1106"/>
      <c r="AE347" s="1106"/>
      <c r="AF347" s="1106"/>
      <c r="AG347" s="1106"/>
      <c r="AH347" s="1106"/>
      <c r="AL347" s="1106"/>
      <c r="AO347" s="1106"/>
      <c r="AP347" s="1106"/>
      <c r="AT347" s="1106"/>
      <c r="AU347" s="1106"/>
      <c r="AV347" s="1106"/>
      <c r="AW347" s="1106"/>
      <c r="AX347" s="1106"/>
      <c r="AY347" s="1106"/>
      <c r="AZ347" s="1106"/>
      <c r="BA347" s="1106"/>
      <c r="BB347" s="1106"/>
      <c r="BC347" s="1106"/>
      <c r="BD347" s="1106"/>
      <c r="BE347" s="1106"/>
      <c r="BF347" s="1106"/>
      <c r="BG347" s="1106"/>
      <c r="BH347" s="1106"/>
      <c r="BI347" s="1106"/>
      <c r="BJ347" s="1106"/>
      <c r="BK347" s="1106"/>
      <c r="BL347" s="1106"/>
      <c r="BM347" s="1106"/>
      <c r="BN347" s="1106"/>
      <c r="BO347" s="1106"/>
      <c r="BP347" s="1106"/>
      <c r="BQ347" s="1106"/>
      <c r="BR347" s="1106"/>
      <c r="BS347" s="1106"/>
      <c r="BT347" s="1106"/>
      <c r="BU347" s="1106"/>
      <c r="BV347" s="1106"/>
      <c r="BW347" s="1106"/>
      <c r="BX347" s="1106"/>
      <c r="BY347" s="1106"/>
      <c r="BZ347" s="1106"/>
      <c r="CA347" s="1106"/>
    </row>
    <row r="348" spans="3:79" ht="9" customHeight="1" x14ac:dyDescent="0.2">
      <c r="C348" s="1106"/>
      <c r="D348" s="1106"/>
      <c r="E348" s="1106"/>
      <c r="F348" s="1106"/>
      <c r="G348" s="1106"/>
      <c r="H348" s="1106"/>
      <c r="I348" s="1106"/>
      <c r="J348" s="1106"/>
      <c r="K348" s="1106"/>
      <c r="L348" s="1106"/>
      <c r="M348" s="1106"/>
      <c r="N348" s="1106"/>
      <c r="O348" s="1106"/>
      <c r="U348" s="1106"/>
      <c r="AB348" s="1106"/>
      <c r="AC348" s="1106"/>
      <c r="AD348" s="1106"/>
      <c r="AE348" s="1106"/>
      <c r="AF348" s="1106"/>
      <c r="AG348" s="1106"/>
      <c r="AH348" s="1106"/>
      <c r="AL348" s="1106"/>
      <c r="AT348" s="1106"/>
      <c r="AU348" s="1106"/>
      <c r="AV348" s="1106"/>
      <c r="AW348" s="1106"/>
      <c r="AX348" s="1106"/>
      <c r="AY348" s="1106"/>
      <c r="AZ348" s="1106"/>
      <c r="BA348" s="1106"/>
      <c r="BB348" s="1106"/>
      <c r="BC348" s="1106"/>
      <c r="BD348" s="1106"/>
      <c r="BE348" s="1106"/>
      <c r="BF348" s="1106"/>
      <c r="BG348" s="1106"/>
      <c r="BH348" s="1106"/>
      <c r="BI348" s="1106"/>
      <c r="BJ348" s="1106"/>
      <c r="BK348" s="1106"/>
      <c r="BL348" s="1106"/>
      <c r="BM348" s="1106"/>
      <c r="BN348" s="1106"/>
      <c r="BO348" s="1106"/>
      <c r="BP348" s="1106"/>
      <c r="BQ348" s="1106"/>
      <c r="BR348" s="1106"/>
      <c r="BS348" s="1106"/>
      <c r="BT348" s="1106"/>
      <c r="BU348" s="1106"/>
      <c r="BV348" s="1106"/>
      <c r="BW348" s="1106"/>
      <c r="BX348" s="1106"/>
      <c r="BY348" s="1106"/>
      <c r="BZ348" s="1106"/>
      <c r="CA348" s="1106"/>
    </row>
    <row r="349" spans="3:79" ht="9" customHeight="1" x14ac:dyDescent="0.2">
      <c r="C349" s="1106"/>
      <c r="D349" s="1106"/>
      <c r="E349" s="1106"/>
      <c r="F349" s="1106"/>
      <c r="G349" s="1106"/>
      <c r="H349" s="1106"/>
      <c r="I349" s="1106"/>
      <c r="J349" s="1106"/>
      <c r="K349" s="1106"/>
      <c r="L349" s="1106"/>
      <c r="M349" s="1106"/>
      <c r="N349" s="1106"/>
      <c r="O349" s="1106"/>
      <c r="AB349" s="1106"/>
      <c r="AC349" s="1106"/>
      <c r="AD349" s="1106"/>
      <c r="AE349" s="1106"/>
      <c r="AF349" s="1106"/>
      <c r="AG349" s="1106"/>
      <c r="AH349" s="1106"/>
      <c r="AL349" s="1106"/>
      <c r="AZ349" s="1106"/>
      <c r="BA349" s="1106"/>
      <c r="BB349" s="1106"/>
      <c r="BC349" s="1106"/>
      <c r="BD349" s="1106"/>
      <c r="BE349" s="1106"/>
      <c r="BF349" s="1106"/>
      <c r="BG349" s="1106"/>
      <c r="BH349" s="1106"/>
      <c r="BI349" s="1106"/>
      <c r="BJ349" s="1106"/>
      <c r="BK349" s="1106"/>
      <c r="BL349" s="1106"/>
      <c r="BM349" s="1106"/>
      <c r="BN349" s="1106"/>
      <c r="BO349" s="1106"/>
      <c r="BP349" s="1106"/>
      <c r="BQ349" s="1106"/>
      <c r="BR349" s="1106"/>
      <c r="BS349" s="1106"/>
      <c r="BT349" s="1106"/>
      <c r="BU349" s="1106"/>
      <c r="BV349" s="1106"/>
      <c r="BW349" s="1106"/>
      <c r="BX349" s="1106"/>
      <c r="BY349" s="1106"/>
      <c r="BZ349" s="1106"/>
      <c r="CA349" s="1106"/>
    </row>
    <row r="350" spans="3:79" ht="9" customHeight="1" x14ac:dyDescent="0.2">
      <c r="C350" s="1106"/>
      <c r="D350" s="1106"/>
      <c r="E350" s="1106"/>
      <c r="F350" s="1106"/>
      <c r="G350" s="1106"/>
      <c r="H350" s="1106"/>
      <c r="I350" s="1106"/>
      <c r="J350" s="1106"/>
      <c r="K350" s="1106"/>
      <c r="L350" s="1106"/>
      <c r="M350" s="1106"/>
      <c r="N350" s="1106"/>
      <c r="O350" s="1106"/>
      <c r="AB350" s="1106"/>
      <c r="AC350" s="1106"/>
      <c r="AD350" s="1106"/>
      <c r="AE350" s="1106"/>
      <c r="AF350" s="1106"/>
      <c r="AG350" s="1106"/>
      <c r="AH350" s="1106"/>
      <c r="AL350" s="1106"/>
      <c r="AZ350" s="1106"/>
      <c r="BA350" s="1106"/>
      <c r="BB350" s="1106"/>
      <c r="BC350" s="1106"/>
      <c r="BD350" s="1106"/>
      <c r="BE350" s="1106"/>
      <c r="BF350" s="1106"/>
      <c r="BG350" s="1106"/>
      <c r="BH350" s="1106"/>
      <c r="BI350" s="1106"/>
      <c r="BJ350" s="1106"/>
      <c r="BK350" s="1106"/>
      <c r="BL350" s="1106"/>
      <c r="BM350" s="1106"/>
      <c r="BN350" s="1106"/>
      <c r="BO350" s="1106"/>
      <c r="BP350" s="1106"/>
      <c r="BQ350" s="1106"/>
      <c r="BR350" s="1106"/>
      <c r="BS350" s="1106"/>
      <c r="BT350" s="1106"/>
      <c r="BU350" s="1106"/>
      <c r="BV350" s="1106"/>
      <c r="BW350" s="1106"/>
      <c r="BX350" s="1106"/>
      <c r="BY350" s="1106"/>
      <c r="BZ350" s="1106"/>
      <c r="CA350" s="1106"/>
    </row>
    <row r="351" spans="3:79" ht="9" customHeight="1" x14ac:dyDescent="0.2">
      <c r="C351" s="1106"/>
      <c r="D351" s="1106"/>
      <c r="E351" s="1106"/>
      <c r="F351" s="1106"/>
      <c r="G351" s="1106"/>
      <c r="H351" s="1106"/>
      <c r="I351" s="1106"/>
      <c r="J351" s="1106"/>
      <c r="K351" s="1106"/>
      <c r="L351" s="1106"/>
      <c r="M351" s="1106"/>
      <c r="N351" s="1106"/>
      <c r="O351" s="1106"/>
      <c r="AB351" s="1106"/>
      <c r="AC351" s="1106"/>
      <c r="AD351" s="1106"/>
      <c r="AE351" s="1106"/>
      <c r="AF351" s="1106"/>
      <c r="AG351" s="1106"/>
      <c r="AH351" s="1106"/>
      <c r="AL351" s="1106"/>
      <c r="AZ351" s="1106"/>
      <c r="BA351" s="1106"/>
      <c r="BB351" s="1106"/>
      <c r="BC351" s="1106"/>
      <c r="BD351" s="1106"/>
      <c r="BE351" s="1106"/>
      <c r="BF351" s="1106"/>
      <c r="BG351" s="1106"/>
      <c r="BH351" s="1106"/>
      <c r="BI351" s="1106"/>
      <c r="BJ351" s="1106"/>
      <c r="BK351" s="1106"/>
      <c r="BL351" s="1106"/>
      <c r="BM351" s="1106"/>
      <c r="BN351" s="1106"/>
      <c r="BO351" s="1106"/>
      <c r="BP351" s="1106"/>
      <c r="BQ351" s="1106"/>
      <c r="BR351" s="1106"/>
      <c r="BS351" s="1106"/>
      <c r="BT351" s="1106"/>
      <c r="BU351" s="1106"/>
      <c r="BV351" s="1106"/>
      <c r="BW351" s="1106"/>
      <c r="BX351" s="1106"/>
      <c r="BY351" s="1106"/>
      <c r="BZ351" s="1106"/>
      <c r="CA351" s="1106"/>
    </row>
    <row r="352" spans="3:79" ht="9" customHeight="1" x14ac:dyDescent="0.2">
      <c r="C352" s="1106"/>
      <c r="D352" s="1106"/>
      <c r="E352" s="1106"/>
      <c r="F352" s="1106"/>
      <c r="G352" s="1106"/>
      <c r="H352" s="1106"/>
      <c r="I352" s="1106"/>
      <c r="J352" s="1106"/>
      <c r="K352" s="1106"/>
      <c r="L352" s="1106"/>
      <c r="M352" s="1106"/>
      <c r="N352" s="1106"/>
      <c r="O352" s="1106"/>
      <c r="U352" s="1106"/>
      <c r="AB352" s="1106"/>
      <c r="AC352" s="1106"/>
      <c r="AD352" s="1106"/>
      <c r="AE352" s="1106"/>
      <c r="AF352" s="1106"/>
      <c r="AG352" s="1106"/>
      <c r="AH352" s="1106"/>
      <c r="AL352" s="1106"/>
      <c r="AT352" s="1106"/>
      <c r="AU352" s="1106"/>
      <c r="AV352" s="1106"/>
      <c r="AW352" s="1106"/>
      <c r="AX352" s="1106"/>
      <c r="AY352" s="1106"/>
      <c r="AZ352" s="1106"/>
      <c r="BA352" s="1106"/>
      <c r="BB352" s="1106"/>
      <c r="BC352" s="1106"/>
      <c r="BD352" s="1106"/>
      <c r="BE352" s="1106"/>
      <c r="BF352" s="1106"/>
      <c r="BG352" s="1106"/>
      <c r="BH352" s="1106"/>
      <c r="BI352" s="1106"/>
      <c r="BJ352" s="1106"/>
      <c r="BK352" s="1106"/>
      <c r="BL352" s="1106"/>
      <c r="BM352" s="1106"/>
      <c r="BN352" s="1106"/>
      <c r="BO352" s="1106"/>
      <c r="BP352" s="1106"/>
      <c r="BQ352" s="1106"/>
      <c r="BR352" s="1106"/>
      <c r="BS352" s="1106"/>
      <c r="BT352" s="1106"/>
      <c r="BU352" s="1106"/>
      <c r="BV352" s="1106"/>
      <c r="BW352" s="1106"/>
      <c r="BX352" s="1106"/>
      <c r="BY352" s="1106"/>
      <c r="BZ352" s="1106"/>
      <c r="CA352" s="1106"/>
    </row>
    <row r="353" spans="3:79" ht="9" customHeight="1" x14ac:dyDescent="0.2">
      <c r="C353" s="1106"/>
      <c r="D353" s="1106"/>
      <c r="E353" s="1106"/>
      <c r="F353" s="1106"/>
      <c r="G353" s="1106"/>
      <c r="H353" s="1106"/>
      <c r="I353" s="1106"/>
      <c r="J353" s="1106"/>
      <c r="K353" s="1106"/>
      <c r="L353" s="1106"/>
      <c r="M353" s="1106"/>
      <c r="N353" s="1106"/>
      <c r="O353" s="1106"/>
      <c r="U353" s="1106"/>
      <c r="AB353" s="1106"/>
      <c r="AC353" s="1106"/>
      <c r="AD353" s="1106"/>
      <c r="AE353" s="1106"/>
      <c r="AF353" s="1106"/>
      <c r="AG353" s="1106"/>
      <c r="AH353" s="1106"/>
      <c r="AL353" s="1106"/>
      <c r="AO353" s="1106"/>
      <c r="AP353" s="1106"/>
      <c r="AT353" s="1106"/>
      <c r="AU353" s="1106"/>
      <c r="AV353" s="1106"/>
      <c r="AW353" s="1106"/>
      <c r="AX353" s="1106"/>
      <c r="AY353" s="1106"/>
      <c r="AZ353" s="1106"/>
      <c r="BA353" s="1106"/>
      <c r="BB353" s="1106"/>
      <c r="BC353" s="1106"/>
      <c r="BD353" s="1106"/>
      <c r="BE353" s="1106"/>
      <c r="BF353" s="1106"/>
      <c r="BG353" s="1106"/>
      <c r="BH353" s="1106"/>
      <c r="BI353" s="1106"/>
      <c r="BJ353" s="1106"/>
      <c r="BK353" s="1106"/>
      <c r="BL353" s="1106"/>
      <c r="BM353" s="1106"/>
      <c r="BN353" s="1106"/>
      <c r="BO353" s="1106"/>
      <c r="BP353" s="1106"/>
      <c r="BQ353" s="1106"/>
      <c r="BR353" s="1106"/>
      <c r="BS353" s="1106"/>
      <c r="BT353" s="1106"/>
      <c r="BU353" s="1106"/>
      <c r="BV353" s="1106"/>
      <c r="BW353" s="1106"/>
      <c r="BX353" s="1106"/>
      <c r="BY353" s="1106"/>
      <c r="BZ353" s="1106"/>
      <c r="CA353" s="1106"/>
    </row>
    <row r="354" spans="3:79" ht="9" customHeight="1" x14ac:dyDescent="0.2">
      <c r="C354" s="1106"/>
      <c r="D354" s="1106"/>
      <c r="E354" s="1106"/>
      <c r="F354" s="1106"/>
      <c r="G354" s="1106"/>
      <c r="H354" s="1106"/>
      <c r="I354" s="1106"/>
      <c r="J354" s="1106"/>
      <c r="K354" s="1106"/>
      <c r="L354" s="1106"/>
      <c r="M354" s="1106"/>
      <c r="N354" s="1106"/>
      <c r="O354" s="1106"/>
      <c r="U354" s="1106"/>
      <c r="AB354" s="1106"/>
      <c r="AC354" s="1106"/>
      <c r="AD354" s="1106"/>
      <c r="AE354" s="1106"/>
      <c r="AF354" s="1106"/>
      <c r="AG354" s="1106"/>
      <c r="AH354" s="1106"/>
      <c r="AL354" s="1106"/>
      <c r="AT354" s="1106"/>
      <c r="AU354" s="1106"/>
      <c r="AV354" s="1106"/>
      <c r="AW354" s="1106"/>
      <c r="AX354" s="1106"/>
      <c r="AY354" s="1106"/>
      <c r="AZ354" s="1106"/>
      <c r="BA354" s="1106"/>
      <c r="BB354" s="1106"/>
      <c r="BC354" s="1106"/>
      <c r="BD354" s="1106"/>
      <c r="BE354" s="1106"/>
      <c r="BF354" s="1106"/>
      <c r="BG354" s="1106"/>
      <c r="BH354" s="1106"/>
      <c r="BI354" s="1106"/>
      <c r="BJ354" s="1106"/>
      <c r="BK354" s="1106"/>
      <c r="BL354" s="1106"/>
      <c r="BM354" s="1106"/>
      <c r="BN354" s="1106"/>
      <c r="BO354" s="1106"/>
      <c r="BP354" s="1106"/>
      <c r="BQ354" s="1106"/>
      <c r="BR354" s="1106"/>
      <c r="BS354" s="1106"/>
      <c r="BT354" s="1106"/>
      <c r="BU354" s="1106"/>
      <c r="BV354" s="1106"/>
      <c r="BW354" s="1106"/>
      <c r="BX354" s="1106"/>
      <c r="BY354" s="1106"/>
      <c r="BZ354" s="1106"/>
      <c r="CA354" s="1106"/>
    </row>
    <row r="355" spans="3:79" ht="9" customHeight="1" x14ac:dyDescent="0.2">
      <c r="C355" s="1106"/>
      <c r="D355" s="1106"/>
      <c r="E355" s="1106"/>
      <c r="F355" s="1106"/>
      <c r="G355" s="1106"/>
      <c r="H355" s="1106"/>
      <c r="I355" s="1106"/>
      <c r="J355" s="1106"/>
      <c r="K355" s="1106"/>
      <c r="L355" s="1106"/>
      <c r="M355" s="1106"/>
      <c r="N355" s="1106"/>
      <c r="O355" s="1106"/>
      <c r="AB355" s="1106"/>
      <c r="AC355" s="1106"/>
      <c r="AD355" s="1106"/>
      <c r="AE355" s="1106"/>
      <c r="AF355" s="1106"/>
      <c r="AG355" s="1106"/>
      <c r="AH355" s="1106"/>
      <c r="AL355" s="1106"/>
      <c r="AZ355" s="1106"/>
      <c r="BA355" s="1106"/>
      <c r="BB355" s="1106"/>
      <c r="BC355" s="1106"/>
      <c r="BD355" s="1106"/>
      <c r="BE355" s="1106"/>
      <c r="BF355" s="1106"/>
      <c r="BG355" s="1106"/>
      <c r="BH355" s="1106"/>
      <c r="BI355" s="1106"/>
      <c r="BJ355" s="1106"/>
      <c r="BK355" s="1106"/>
      <c r="BL355" s="1106"/>
      <c r="BM355" s="1106"/>
      <c r="BN355" s="1106"/>
      <c r="BO355" s="1106"/>
      <c r="BP355" s="1106"/>
      <c r="BQ355" s="1106"/>
      <c r="BR355" s="1106"/>
      <c r="BS355" s="1106"/>
      <c r="BT355" s="1106"/>
      <c r="BU355" s="1106"/>
      <c r="BV355" s="1106"/>
      <c r="BW355" s="1106"/>
      <c r="BX355" s="1106"/>
      <c r="BY355" s="1106"/>
      <c r="BZ355" s="1106"/>
      <c r="CA355" s="1106"/>
    </row>
    <row r="356" spans="3:79" ht="9" customHeight="1" x14ac:dyDescent="0.2">
      <c r="C356" s="1106"/>
      <c r="D356" s="1106"/>
      <c r="E356" s="1106"/>
      <c r="F356" s="1106"/>
      <c r="G356" s="1106"/>
      <c r="H356" s="1106"/>
      <c r="I356" s="1106"/>
      <c r="J356" s="1106"/>
      <c r="K356" s="1106"/>
      <c r="L356" s="1106"/>
      <c r="M356" s="1106"/>
      <c r="N356" s="1106"/>
      <c r="O356" s="1106"/>
      <c r="AB356" s="1106"/>
      <c r="AC356" s="1106"/>
      <c r="AD356" s="1106"/>
      <c r="AE356" s="1106"/>
      <c r="AF356" s="1106"/>
      <c r="AG356" s="1106"/>
      <c r="AH356" s="1106"/>
      <c r="AL356" s="1106"/>
      <c r="AZ356" s="1106"/>
      <c r="BA356" s="1106"/>
      <c r="BB356" s="1106"/>
      <c r="BC356" s="1106"/>
      <c r="BD356" s="1106"/>
      <c r="BE356" s="1106"/>
      <c r="BF356" s="1106"/>
      <c r="BG356" s="1106"/>
      <c r="BH356" s="1106"/>
      <c r="BI356" s="1106"/>
      <c r="BJ356" s="1106"/>
      <c r="BK356" s="1106"/>
      <c r="BL356" s="1106"/>
      <c r="BM356" s="1106"/>
      <c r="BN356" s="1106"/>
      <c r="BO356" s="1106"/>
      <c r="BP356" s="1106"/>
      <c r="BQ356" s="1106"/>
      <c r="BR356" s="1106"/>
      <c r="BS356" s="1106"/>
      <c r="BT356" s="1106"/>
      <c r="BU356" s="1106"/>
      <c r="BV356" s="1106"/>
      <c r="BW356" s="1106"/>
      <c r="BX356" s="1106"/>
      <c r="BY356" s="1106"/>
      <c r="BZ356" s="1106"/>
      <c r="CA356" s="1106"/>
    </row>
    <row r="357" spans="3:79" ht="9" customHeight="1" x14ac:dyDescent="0.2">
      <c r="C357" s="1106"/>
      <c r="D357" s="1106"/>
      <c r="E357" s="1106"/>
      <c r="F357" s="1106"/>
      <c r="G357" s="1106"/>
      <c r="H357" s="1106"/>
      <c r="I357" s="1106"/>
      <c r="J357" s="1106"/>
      <c r="K357" s="1106"/>
      <c r="L357" s="1106"/>
      <c r="M357" s="1106"/>
      <c r="N357" s="1106"/>
      <c r="O357" s="1106"/>
      <c r="AB357" s="1106"/>
      <c r="AC357" s="1106"/>
      <c r="AD357" s="1106"/>
      <c r="AE357" s="1106"/>
      <c r="AF357" s="1106"/>
      <c r="AG357" s="1106"/>
      <c r="AH357" s="1106"/>
      <c r="AL357" s="1106"/>
      <c r="AZ357" s="1106"/>
      <c r="BA357" s="1106"/>
      <c r="BB357" s="1106"/>
      <c r="BC357" s="1106"/>
      <c r="BD357" s="1106"/>
      <c r="BE357" s="1106"/>
      <c r="BF357" s="1106"/>
      <c r="BG357" s="1106"/>
      <c r="BH357" s="1106"/>
      <c r="BI357" s="1106"/>
      <c r="BJ357" s="1106"/>
      <c r="BK357" s="1106"/>
      <c r="BL357" s="1106"/>
      <c r="BM357" s="1106"/>
      <c r="BN357" s="1106"/>
      <c r="BO357" s="1106"/>
      <c r="BP357" s="1106"/>
      <c r="BQ357" s="1106"/>
      <c r="BR357" s="1106"/>
      <c r="BS357" s="1106"/>
      <c r="BT357" s="1106"/>
      <c r="BU357" s="1106"/>
      <c r="BV357" s="1106"/>
      <c r="BW357" s="1106"/>
      <c r="BX357" s="1106"/>
      <c r="BY357" s="1106"/>
      <c r="BZ357" s="1106"/>
      <c r="CA357" s="1106"/>
    </row>
    <row r="358" spans="3:79" ht="9" customHeight="1" x14ac:dyDescent="0.2">
      <c r="C358" s="1106"/>
      <c r="D358" s="1106"/>
      <c r="E358" s="1106"/>
      <c r="F358" s="1106"/>
      <c r="G358" s="1106"/>
      <c r="H358" s="1106"/>
      <c r="I358" s="1106"/>
      <c r="J358" s="1106"/>
      <c r="K358" s="1106"/>
      <c r="L358" s="1106"/>
      <c r="M358" s="1106"/>
      <c r="N358" s="1106"/>
      <c r="O358" s="1106"/>
      <c r="U358" s="1106"/>
      <c r="AB358" s="1106"/>
      <c r="AC358" s="1106"/>
      <c r="AD358" s="1106"/>
      <c r="AE358" s="1106"/>
      <c r="AF358" s="1106"/>
      <c r="AG358" s="1106"/>
      <c r="AH358" s="1106"/>
      <c r="AL358" s="1106"/>
      <c r="AT358" s="1106"/>
      <c r="AU358" s="1106"/>
      <c r="AV358" s="1106"/>
      <c r="AW358" s="1106"/>
      <c r="AX358" s="1106"/>
      <c r="AY358" s="1106"/>
      <c r="AZ358" s="1106"/>
      <c r="BA358" s="1106"/>
      <c r="BB358" s="1106"/>
      <c r="BC358" s="1106"/>
      <c r="BD358" s="1106"/>
      <c r="BE358" s="1106"/>
      <c r="BF358" s="1106"/>
      <c r="BG358" s="1106"/>
      <c r="BH358" s="1106"/>
      <c r="BI358" s="1106"/>
      <c r="BJ358" s="1106"/>
      <c r="BK358" s="1106"/>
      <c r="BL358" s="1106"/>
      <c r="BM358" s="1106"/>
      <c r="BN358" s="1106"/>
      <c r="BO358" s="1106"/>
      <c r="BP358" s="1106"/>
      <c r="BQ358" s="1106"/>
      <c r="BR358" s="1106"/>
      <c r="BS358" s="1106"/>
      <c r="BT358" s="1106"/>
      <c r="BU358" s="1106"/>
      <c r="BV358" s="1106"/>
      <c r="BW358" s="1106"/>
      <c r="BX358" s="1106"/>
      <c r="BY358" s="1106"/>
      <c r="BZ358" s="1106"/>
      <c r="CA358" s="1106"/>
    </row>
    <row r="359" spans="3:79" ht="9" customHeight="1" x14ac:dyDescent="0.2">
      <c r="C359" s="1106"/>
      <c r="D359" s="1106"/>
      <c r="E359" s="1106"/>
      <c r="F359" s="1106"/>
      <c r="G359" s="1106"/>
      <c r="H359" s="1106"/>
      <c r="I359" s="1106"/>
      <c r="J359" s="1106"/>
      <c r="K359" s="1106"/>
      <c r="L359" s="1106"/>
      <c r="M359" s="1106"/>
      <c r="N359" s="1106"/>
      <c r="O359" s="1106"/>
      <c r="U359" s="1106"/>
      <c r="AB359" s="1106"/>
      <c r="AC359" s="1106"/>
      <c r="AD359" s="1106"/>
      <c r="AE359" s="1106"/>
      <c r="AF359" s="1106"/>
      <c r="AG359" s="1106"/>
      <c r="AH359" s="1106"/>
      <c r="AL359" s="1106"/>
      <c r="AO359" s="1106"/>
      <c r="AP359" s="1106"/>
      <c r="AT359" s="1106"/>
      <c r="AU359" s="1106"/>
      <c r="AV359" s="1106"/>
      <c r="AW359" s="1106"/>
      <c r="AX359" s="1106"/>
      <c r="AY359" s="1106"/>
      <c r="AZ359" s="1106"/>
      <c r="BA359" s="1106"/>
      <c r="BB359" s="1106"/>
      <c r="BC359" s="1106"/>
      <c r="BD359" s="1106"/>
      <c r="BE359" s="1106"/>
      <c r="BF359" s="1106"/>
      <c r="BG359" s="1106"/>
      <c r="BH359" s="1106"/>
      <c r="BI359" s="1106"/>
      <c r="BJ359" s="1106"/>
      <c r="BK359" s="1106"/>
      <c r="BL359" s="1106"/>
      <c r="BM359" s="1106"/>
      <c r="BN359" s="1106"/>
      <c r="BO359" s="1106"/>
      <c r="BP359" s="1106"/>
      <c r="BQ359" s="1106"/>
      <c r="BR359" s="1106"/>
      <c r="BS359" s="1106"/>
      <c r="BT359" s="1106"/>
      <c r="BU359" s="1106"/>
      <c r="BV359" s="1106"/>
      <c r="BW359" s="1106"/>
      <c r="BX359" s="1106"/>
      <c r="BY359" s="1106"/>
      <c r="BZ359" s="1106"/>
      <c r="CA359" s="1106"/>
    </row>
    <row r="360" spans="3:79" ht="9" customHeight="1" x14ac:dyDescent="0.2">
      <c r="C360" s="1106"/>
      <c r="D360" s="1106"/>
      <c r="E360" s="1106"/>
      <c r="F360" s="1106"/>
      <c r="G360" s="1106"/>
      <c r="H360" s="1106"/>
      <c r="I360" s="1106"/>
      <c r="J360" s="1106"/>
      <c r="K360" s="1106"/>
      <c r="L360" s="1106"/>
      <c r="M360" s="1106"/>
      <c r="N360" s="1106"/>
      <c r="O360" s="1106"/>
      <c r="U360" s="1106"/>
      <c r="AB360" s="1106"/>
      <c r="AC360" s="1106"/>
      <c r="AD360" s="1106"/>
      <c r="AE360" s="1106"/>
      <c r="AF360" s="1106"/>
      <c r="AG360" s="1106"/>
      <c r="AH360" s="1106"/>
      <c r="AL360" s="1106"/>
      <c r="AT360" s="1106"/>
      <c r="AU360" s="1106"/>
      <c r="AV360" s="1106"/>
      <c r="AW360" s="1106"/>
      <c r="AX360" s="1106"/>
      <c r="AY360" s="1106"/>
      <c r="AZ360" s="1106"/>
      <c r="BA360" s="1106"/>
      <c r="BB360" s="1106"/>
      <c r="BC360" s="1106"/>
      <c r="BD360" s="1106"/>
      <c r="BE360" s="1106"/>
      <c r="BF360" s="1106"/>
      <c r="BG360" s="1106"/>
      <c r="BH360" s="1106"/>
      <c r="BI360" s="1106"/>
      <c r="BJ360" s="1106"/>
      <c r="BK360" s="1106"/>
      <c r="BL360" s="1106"/>
      <c r="BM360" s="1106"/>
      <c r="BN360" s="1106"/>
      <c r="BO360" s="1106"/>
      <c r="BP360" s="1106"/>
      <c r="BQ360" s="1106"/>
      <c r="BR360" s="1106"/>
      <c r="BS360" s="1106"/>
      <c r="BT360" s="1106"/>
      <c r="BU360" s="1106"/>
      <c r="BV360" s="1106"/>
      <c r="BW360" s="1106"/>
      <c r="BX360" s="1106"/>
      <c r="BY360" s="1106"/>
      <c r="BZ360" s="1106"/>
      <c r="CA360" s="1106"/>
    </row>
    <row r="361" spans="3:79" ht="9" customHeight="1" x14ac:dyDescent="0.2">
      <c r="C361" s="1106"/>
      <c r="D361" s="1106"/>
      <c r="E361" s="1106"/>
      <c r="F361" s="1106"/>
      <c r="G361" s="1106"/>
      <c r="H361" s="1106"/>
      <c r="I361" s="1106"/>
      <c r="J361" s="1106"/>
      <c r="K361" s="1106"/>
      <c r="L361" s="1106"/>
      <c r="M361" s="1106"/>
      <c r="N361" s="1106"/>
      <c r="O361" s="1106"/>
      <c r="AB361" s="1106"/>
      <c r="AC361" s="1106"/>
      <c r="AD361" s="1106"/>
      <c r="AE361" s="1106"/>
      <c r="AF361" s="1106"/>
      <c r="AG361" s="1106"/>
      <c r="AH361" s="1106"/>
      <c r="AL361" s="1106"/>
      <c r="AZ361" s="1106"/>
      <c r="BA361" s="1106"/>
      <c r="BB361" s="1106"/>
      <c r="BC361" s="1106"/>
      <c r="BD361" s="1106"/>
      <c r="BE361" s="1106"/>
      <c r="BF361" s="1106"/>
      <c r="BG361" s="1106"/>
      <c r="BH361" s="1106"/>
      <c r="BI361" s="1106"/>
      <c r="BJ361" s="1106"/>
      <c r="BK361" s="1106"/>
      <c r="BL361" s="1106"/>
      <c r="BM361" s="1106"/>
      <c r="BN361" s="1106"/>
      <c r="BO361" s="1106"/>
      <c r="BP361" s="1106"/>
      <c r="BQ361" s="1106"/>
      <c r="BR361" s="1106"/>
      <c r="BS361" s="1106"/>
      <c r="BT361" s="1106"/>
      <c r="BU361" s="1106"/>
      <c r="BV361" s="1106"/>
      <c r="BW361" s="1106"/>
      <c r="BX361" s="1106"/>
      <c r="BY361" s="1106"/>
      <c r="BZ361" s="1106"/>
      <c r="CA361" s="1106"/>
    </row>
    <row r="362" spans="3:79" ht="9" customHeight="1" x14ac:dyDescent="0.2">
      <c r="C362" s="1106"/>
      <c r="D362" s="1106"/>
      <c r="E362" s="1106"/>
      <c r="F362" s="1106"/>
      <c r="G362" s="1106"/>
      <c r="H362" s="1106"/>
      <c r="I362" s="1106"/>
      <c r="J362" s="1106"/>
      <c r="K362" s="1106"/>
      <c r="L362" s="1106"/>
      <c r="M362" s="1106"/>
      <c r="N362" s="1106"/>
      <c r="O362" s="1106"/>
      <c r="AB362" s="1106"/>
      <c r="AC362" s="1106"/>
      <c r="AD362" s="1106"/>
      <c r="AE362" s="1106"/>
      <c r="AF362" s="1106"/>
      <c r="AG362" s="1106"/>
      <c r="AH362" s="1106"/>
      <c r="AL362" s="1106"/>
      <c r="AZ362" s="1106"/>
      <c r="BA362" s="1106"/>
      <c r="BB362" s="1106"/>
      <c r="BC362" s="1106"/>
      <c r="BD362" s="1106"/>
      <c r="BE362" s="1106"/>
      <c r="BF362" s="1106"/>
      <c r="BG362" s="1106"/>
      <c r="BH362" s="1106"/>
      <c r="BI362" s="1106"/>
      <c r="BJ362" s="1106"/>
      <c r="BK362" s="1106"/>
      <c r="BL362" s="1106"/>
      <c r="BM362" s="1106"/>
      <c r="BN362" s="1106"/>
      <c r="BO362" s="1106"/>
      <c r="BP362" s="1106"/>
      <c r="BQ362" s="1106"/>
      <c r="BR362" s="1106"/>
      <c r="BS362" s="1106"/>
      <c r="BT362" s="1106"/>
      <c r="BU362" s="1106"/>
      <c r="BV362" s="1106"/>
      <c r="BW362" s="1106"/>
      <c r="BX362" s="1106"/>
      <c r="BY362" s="1106"/>
      <c r="BZ362" s="1106"/>
      <c r="CA362" s="1106"/>
    </row>
    <row r="363" spans="3:79" ht="9" customHeight="1" x14ac:dyDescent="0.2">
      <c r="C363" s="1106"/>
      <c r="D363" s="1106"/>
      <c r="E363" s="1106"/>
      <c r="F363" s="1106"/>
      <c r="G363" s="1106"/>
      <c r="H363" s="1106"/>
      <c r="I363" s="1106"/>
      <c r="J363" s="1106"/>
      <c r="K363" s="1106"/>
      <c r="L363" s="1106"/>
      <c r="M363" s="1106"/>
      <c r="N363" s="1106"/>
      <c r="O363" s="1106"/>
      <c r="AB363" s="1106"/>
      <c r="AC363" s="1106"/>
      <c r="AD363" s="1106"/>
      <c r="AE363" s="1106"/>
      <c r="AF363" s="1106"/>
      <c r="AG363" s="1106"/>
      <c r="AH363" s="1106"/>
      <c r="AL363" s="1106"/>
      <c r="AZ363" s="1106"/>
      <c r="BA363" s="1106"/>
      <c r="BB363" s="1106"/>
      <c r="BC363" s="1106"/>
      <c r="BD363" s="1106"/>
      <c r="BE363" s="1106"/>
      <c r="BF363" s="1106"/>
      <c r="BG363" s="1106"/>
      <c r="BH363" s="1106"/>
      <c r="BI363" s="1106"/>
      <c r="BJ363" s="1106"/>
      <c r="BK363" s="1106"/>
      <c r="BL363" s="1106"/>
      <c r="BM363" s="1106"/>
      <c r="BN363" s="1106"/>
      <c r="BO363" s="1106"/>
      <c r="BP363" s="1106"/>
      <c r="BQ363" s="1106"/>
      <c r="BR363" s="1106"/>
      <c r="BS363" s="1106"/>
      <c r="BT363" s="1106"/>
      <c r="BU363" s="1106"/>
      <c r="BV363" s="1106"/>
      <c r="BW363" s="1106"/>
      <c r="BX363" s="1106"/>
      <c r="BY363" s="1106"/>
      <c r="BZ363" s="1106"/>
      <c r="CA363" s="1106"/>
    </row>
    <row r="364" spans="3:79" ht="9" customHeight="1" x14ac:dyDescent="0.2">
      <c r="C364" s="1106"/>
      <c r="D364" s="1106"/>
      <c r="E364" s="1106"/>
      <c r="F364" s="1106"/>
      <c r="G364" s="1106"/>
      <c r="H364" s="1106"/>
      <c r="I364" s="1106"/>
      <c r="J364" s="1106"/>
      <c r="K364" s="1106"/>
      <c r="L364" s="1106"/>
      <c r="M364" s="1106"/>
      <c r="N364" s="1106"/>
      <c r="O364" s="1106"/>
      <c r="U364" s="1106"/>
      <c r="AB364" s="1106"/>
      <c r="AC364" s="1106"/>
      <c r="AD364" s="1106"/>
      <c r="AE364" s="1106"/>
      <c r="AF364" s="1106"/>
      <c r="AG364" s="1106"/>
      <c r="AH364" s="1106"/>
      <c r="AL364" s="1106"/>
      <c r="AT364" s="1106"/>
      <c r="AU364" s="1106"/>
      <c r="AV364" s="1106"/>
      <c r="AW364" s="1106"/>
      <c r="AX364" s="1106"/>
      <c r="AY364" s="1106"/>
      <c r="AZ364" s="1106"/>
      <c r="BA364" s="1106"/>
      <c r="BB364" s="1106"/>
      <c r="BC364" s="1106"/>
      <c r="BD364" s="1106"/>
      <c r="BE364" s="1106"/>
      <c r="BF364" s="1106"/>
      <c r="BG364" s="1106"/>
      <c r="BH364" s="1106"/>
      <c r="BI364" s="1106"/>
      <c r="BJ364" s="1106"/>
      <c r="BK364" s="1106"/>
      <c r="BL364" s="1106"/>
      <c r="BM364" s="1106"/>
      <c r="BN364" s="1106"/>
      <c r="BO364" s="1106"/>
      <c r="BP364" s="1106"/>
      <c r="BQ364" s="1106"/>
      <c r="BR364" s="1106"/>
      <c r="BS364" s="1106"/>
      <c r="BT364" s="1106"/>
      <c r="BU364" s="1106"/>
      <c r="BV364" s="1106"/>
      <c r="BW364" s="1106"/>
      <c r="BX364" s="1106"/>
      <c r="BY364" s="1106"/>
      <c r="BZ364" s="1106"/>
      <c r="CA364" s="1106"/>
    </row>
    <row r="365" spans="3:79" ht="9" customHeight="1" x14ac:dyDescent="0.2">
      <c r="C365" s="1106"/>
      <c r="D365" s="1106"/>
      <c r="E365" s="1106"/>
      <c r="F365" s="1106"/>
      <c r="G365" s="1106"/>
      <c r="H365" s="1106"/>
      <c r="I365" s="1106"/>
      <c r="J365" s="1106"/>
      <c r="K365" s="1106"/>
      <c r="L365" s="1106"/>
      <c r="M365" s="1106"/>
      <c r="N365" s="1106"/>
      <c r="O365" s="1106"/>
      <c r="U365" s="1106"/>
      <c r="AB365" s="1106"/>
      <c r="AC365" s="1106"/>
      <c r="AD365" s="1106"/>
      <c r="AE365" s="1106"/>
      <c r="AF365" s="1106"/>
      <c r="AG365" s="1106"/>
      <c r="AH365" s="1106"/>
      <c r="AL365" s="1106"/>
      <c r="AO365" s="1106"/>
      <c r="AP365" s="1106"/>
      <c r="AT365" s="1106"/>
      <c r="AU365" s="1106"/>
      <c r="AV365" s="1106"/>
      <c r="AW365" s="1106"/>
      <c r="AX365" s="1106"/>
      <c r="AY365" s="1106"/>
      <c r="AZ365" s="1106"/>
      <c r="BA365" s="1106"/>
      <c r="BB365" s="1106"/>
      <c r="BC365" s="1106"/>
      <c r="BD365" s="1106"/>
      <c r="BE365" s="1106"/>
      <c r="BF365" s="1106"/>
      <c r="BG365" s="1106"/>
      <c r="BH365" s="1106"/>
      <c r="BI365" s="1106"/>
      <c r="BJ365" s="1106"/>
      <c r="BK365" s="1106"/>
      <c r="BL365" s="1106"/>
      <c r="BM365" s="1106"/>
      <c r="BN365" s="1106"/>
      <c r="BO365" s="1106"/>
      <c r="BP365" s="1106"/>
      <c r="BQ365" s="1106"/>
      <c r="BR365" s="1106"/>
      <c r="BS365" s="1106"/>
      <c r="BT365" s="1106"/>
      <c r="BU365" s="1106"/>
      <c r="BV365" s="1106"/>
      <c r="BW365" s="1106"/>
      <c r="BX365" s="1106"/>
      <c r="BY365" s="1106"/>
      <c r="BZ365" s="1106"/>
      <c r="CA365" s="1106"/>
    </row>
    <row r="366" spans="3:79" ht="9" customHeight="1" x14ac:dyDescent="0.2">
      <c r="C366" s="1106"/>
      <c r="D366" s="1106"/>
      <c r="E366" s="1106"/>
      <c r="F366" s="1106"/>
      <c r="G366" s="1106"/>
      <c r="H366" s="1106"/>
      <c r="I366" s="1106"/>
      <c r="J366" s="1106"/>
      <c r="K366" s="1106"/>
      <c r="L366" s="1106"/>
      <c r="M366" s="1106"/>
      <c r="N366" s="1106"/>
      <c r="O366" s="1106"/>
      <c r="U366" s="1106"/>
      <c r="AB366" s="1106"/>
      <c r="AC366" s="1106"/>
      <c r="AD366" s="1106"/>
      <c r="AE366" s="1106"/>
      <c r="AF366" s="1106"/>
      <c r="AG366" s="1106"/>
      <c r="AH366" s="1106"/>
      <c r="AL366" s="1106"/>
      <c r="AT366" s="1106"/>
      <c r="AU366" s="1106"/>
      <c r="AV366" s="1106"/>
      <c r="AW366" s="1106"/>
      <c r="AX366" s="1106"/>
      <c r="AY366" s="1106"/>
      <c r="AZ366" s="1106"/>
      <c r="BA366" s="1106"/>
      <c r="BB366" s="1106"/>
      <c r="BC366" s="1106"/>
      <c r="BD366" s="1106"/>
      <c r="BE366" s="1106"/>
      <c r="BF366" s="1106"/>
      <c r="BG366" s="1106"/>
      <c r="BH366" s="1106"/>
      <c r="BI366" s="1106"/>
      <c r="BJ366" s="1106"/>
      <c r="BK366" s="1106"/>
      <c r="BL366" s="1106"/>
      <c r="BM366" s="1106"/>
      <c r="BN366" s="1106"/>
      <c r="BO366" s="1106"/>
      <c r="BP366" s="1106"/>
      <c r="BQ366" s="1106"/>
      <c r="BR366" s="1106"/>
      <c r="BS366" s="1106"/>
      <c r="BT366" s="1106"/>
      <c r="BU366" s="1106"/>
      <c r="BV366" s="1106"/>
      <c r="BW366" s="1106"/>
      <c r="BX366" s="1106"/>
      <c r="BY366" s="1106"/>
      <c r="BZ366" s="1106"/>
      <c r="CA366" s="1106"/>
    </row>
    <row r="367" spans="3:79" ht="9" customHeight="1" x14ac:dyDescent="0.2">
      <c r="C367" s="1106"/>
      <c r="D367" s="1106"/>
      <c r="E367" s="1106"/>
      <c r="F367" s="1106"/>
      <c r="G367" s="1106"/>
      <c r="H367" s="1106"/>
      <c r="I367" s="1106"/>
      <c r="J367" s="1106"/>
      <c r="K367" s="1106"/>
      <c r="L367" s="1106"/>
      <c r="M367" s="1106"/>
      <c r="N367" s="1106"/>
      <c r="O367" s="1106"/>
      <c r="AB367" s="1106"/>
      <c r="AC367" s="1106"/>
      <c r="AD367" s="1106"/>
      <c r="AE367" s="1106"/>
      <c r="AF367" s="1106"/>
      <c r="AG367" s="1106"/>
      <c r="AH367" s="1106"/>
      <c r="AL367" s="1106"/>
      <c r="AZ367" s="1106"/>
      <c r="BA367" s="1106"/>
      <c r="BB367" s="1106"/>
      <c r="BC367" s="1106"/>
      <c r="BD367" s="1106"/>
      <c r="BE367" s="1106"/>
      <c r="BF367" s="1106"/>
      <c r="BG367" s="1106"/>
      <c r="BH367" s="1106"/>
      <c r="BI367" s="1106"/>
      <c r="BJ367" s="1106"/>
      <c r="BK367" s="1106"/>
      <c r="BL367" s="1106"/>
      <c r="BM367" s="1106"/>
      <c r="BN367" s="1106"/>
      <c r="BO367" s="1106"/>
      <c r="BP367" s="1106"/>
      <c r="BQ367" s="1106"/>
      <c r="BR367" s="1106"/>
      <c r="BS367" s="1106"/>
      <c r="BT367" s="1106"/>
      <c r="BU367" s="1106"/>
      <c r="BV367" s="1106"/>
      <c r="BW367" s="1106"/>
      <c r="BX367" s="1106"/>
      <c r="BY367" s="1106"/>
      <c r="BZ367" s="1106"/>
      <c r="CA367" s="1106"/>
    </row>
    <row r="368" spans="3:79" ht="9" customHeight="1" x14ac:dyDescent="0.2">
      <c r="C368" s="1106"/>
      <c r="D368" s="1106"/>
      <c r="E368" s="1106"/>
      <c r="F368" s="1106"/>
      <c r="G368" s="1106"/>
      <c r="H368" s="1106"/>
      <c r="I368" s="1106"/>
      <c r="J368" s="1106"/>
      <c r="K368" s="1106"/>
      <c r="L368" s="1106"/>
      <c r="M368" s="1106"/>
      <c r="N368" s="1106"/>
      <c r="O368" s="1106"/>
      <c r="AB368" s="1106"/>
      <c r="AC368" s="1106"/>
      <c r="AD368" s="1106"/>
      <c r="AE368" s="1106"/>
      <c r="AF368" s="1106"/>
      <c r="AG368" s="1106"/>
      <c r="AH368" s="1106"/>
      <c r="AL368" s="1106"/>
      <c r="AZ368" s="1106"/>
      <c r="BA368" s="1106"/>
      <c r="BB368" s="1106"/>
      <c r="BC368" s="1106"/>
      <c r="BD368" s="1106"/>
      <c r="BE368" s="1106"/>
      <c r="BF368" s="1106"/>
      <c r="BG368" s="1106"/>
      <c r="BH368" s="1106"/>
      <c r="BI368" s="1106"/>
      <c r="BJ368" s="1106"/>
      <c r="BK368" s="1106"/>
      <c r="BL368" s="1106"/>
      <c r="BM368" s="1106"/>
      <c r="BN368" s="1106"/>
      <c r="BO368" s="1106"/>
      <c r="BP368" s="1106"/>
      <c r="BQ368" s="1106"/>
      <c r="BR368" s="1106"/>
      <c r="BS368" s="1106"/>
      <c r="BT368" s="1106"/>
      <c r="BU368" s="1106"/>
      <c r="BV368" s="1106"/>
      <c r="BW368" s="1106"/>
      <c r="BX368" s="1106"/>
      <c r="BY368" s="1106"/>
      <c r="BZ368" s="1106"/>
      <c r="CA368" s="1106"/>
    </row>
    <row r="369" spans="3:79" ht="9" customHeight="1" x14ac:dyDescent="0.2">
      <c r="C369" s="1106"/>
      <c r="D369" s="1106"/>
      <c r="E369" s="1106"/>
      <c r="F369" s="1106"/>
      <c r="G369" s="1106"/>
      <c r="H369" s="1106"/>
      <c r="I369" s="1106"/>
      <c r="J369" s="1106"/>
      <c r="K369" s="1106"/>
      <c r="L369" s="1106"/>
      <c r="M369" s="1106"/>
      <c r="N369" s="1106"/>
      <c r="O369" s="1106"/>
      <c r="AB369" s="1106"/>
      <c r="AC369" s="1106"/>
      <c r="AD369" s="1106"/>
      <c r="AE369" s="1106"/>
      <c r="AF369" s="1106"/>
      <c r="AG369" s="1106"/>
      <c r="AH369" s="1106"/>
      <c r="AL369" s="1106"/>
      <c r="AZ369" s="1106"/>
      <c r="BA369" s="1106"/>
      <c r="BB369" s="1106"/>
      <c r="BC369" s="1106"/>
      <c r="BD369" s="1106"/>
      <c r="BE369" s="1106"/>
      <c r="BF369" s="1106"/>
      <c r="BG369" s="1106"/>
      <c r="BH369" s="1106"/>
      <c r="BI369" s="1106"/>
      <c r="BJ369" s="1106"/>
      <c r="BK369" s="1106"/>
      <c r="BL369" s="1106"/>
      <c r="BM369" s="1106"/>
      <c r="BN369" s="1106"/>
      <c r="BO369" s="1106"/>
      <c r="BP369" s="1106"/>
      <c r="BQ369" s="1106"/>
      <c r="BR369" s="1106"/>
      <c r="BS369" s="1106"/>
      <c r="BT369" s="1106"/>
      <c r="BU369" s="1106"/>
      <c r="BV369" s="1106"/>
      <c r="BW369" s="1106"/>
      <c r="BX369" s="1106"/>
      <c r="BY369" s="1106"/>
      <c r="BZ369" s="1106"/>
      <c r="CA369" s="1106"/>
    </row>
    <row r="370" spans="3:79" ht="9" customHeight="1" x14ac:dyDescent="0.2">
      <c r="C370" s="1106"/>
      <c r="D370" s="1106"/>
      <c r="E370" s="1106"/>
      <c r="F370" s="1106"/>
      <c r="G370" s="1106"/>
      <c r="H370" s="1106"/>
      <c r="I370" s="1106"/>
      <c r="J370" s="1106"/>
      <c r="K370" s="1106"/>
      <c r="L370" s="1106"/>
      <c r="M370" s="1106"/>
      <c r="N370" s="1106"/>
      <c r="O370" s="1106"/>
      <c r="U370" s="1106"/>
      <c r="AB370" s="1106"/>
      <c r="AC370" s="1106"/>
      <c r="AD370" s="1106"/>
      <c r="AE370" s="1106"/>
      <c r="AF370" s="1106"/>
      <c r="AG370" s="1106"/>
      <c r="AH370" s="1106"/>
      <c r="AL370" s="1106"/>
      <c r="AT370" s="1106"/>
      <c r="AU370" s="1106"/>
      <c r="AV370" s="1106"/>
      <c r="AW370" s="1106"/>
      <c r="AX370" s="1106"/>
      <c r="AY370" s="1106"/>
      <c r="AZ370" s="1106"/>
      <c r="BA370" s="1106"/>
      <c r="BB370" s="1106"/>
      <c r="BC370" s="1106"/>
      <c r="BD370" s="1106"/>
      <c r="BE370" s="1106"/>
      <c r="BF370" s="1106"/>
      <c r="BG370" s="1106"/>
      <c r="BH370" s="1106"/>
      <c r="BI370" s="1106"/>
      <c r="BJ370" s="1106"/>
      <c r="BK370" s="1106"/>
      <c r="BL370" s="1106"/>
      <c r="BM370" s="1106"/>
      <c r="BN370" s="1106"/>
      <c r="BO370" s="1106"/>
      <c r="BP370" s="1106"/>
      <c r="BQ370" s="1106"/>
      <c r="BR370" s="1106"/>
      <c r="BS370" s="1106"/>
      <c r="BT370" s="1106"/>
      <c r="BU370" s="1106"/>
      <c r="BV370" s="1106"/>
      <c r="BW370" s="1106"/>
      <c r="BX370" s="1106"/>
      <c r="BY370" s="1106"/>
      <c r="BZ370" s="1106"/>
      <c r="CA370" s="1106"/>
    </row>
    <row r="371" spans="3:79" ht="9" customHeight="1" x14ac:dyDescent="0.2">
      <c r="C371" s="1106"/>
      <c r="D371" s="1106"/>
      <c r="E371" s="1106"/>
      <c r="F371" s="1106"/>
      <c r="G371" s="1106"/>
      <c r="H371" s="1106"/>
      <c r="I371" s="1106"/>
      <c r="J371" s="1106"/>
      <c r="K371" s="1106"/>
      <c r="L371" s="1106"/>
      <c r="M371" s="1106"/>
      <c r="N371" s="1106"/>
      <c r="O371" s="1106"/>
      <c r="U371" s="1106"/>
      <c r="AB371" s="1106"/>
      <c r="AC371" s="1106"/>
      <c r="AD371" s="1106"/>
      <c r="AE371" s="1106"/>
      <c r="AF371" s="1106"/>
      <c r="AG371" s="1106"/>
      <c r="AH371" s="1106"/>
      <c r="AL371" s="1106"/>
      <c r="AO371" s="1106"/>
      <c r="AP371" s="1106"/>
      <c r="AT371" s="1106"/>
      <c r="AU371" s="1106"/>
      <c r="AV371" s="1106"/>
      <c r="AW371" s="1106"/>
      <c r="AX371" s="1106"/>
      <c r="AY371" s="1106"/>
      <c r="AZ371" s="1106"/>
      <c r="BA371" s="1106"/>
      <c r="BB371" s="1106"/>
      <c r="BC371" s="1106"/>
      <c r="BD371" s="1106"/>
      <c r="BE371" s="1106"/>
      <c r="BF371" s="1106"/>
      <c r="BG371" s="1106"/>
      <c r="BH371" s="1106"/>
      <c r="BI371" s="1106"/>
      <c r="BJ371" s="1106"/>
      <c r="BK371" s="1106"/>
      <c r="BL371" s="1106"/>
      <c r="BM371" s="1106"/>
      <c r="BN371" s="1106"/>
      <c r="BO371" s="1106"/>
      <c r="BP371" s="1106"/>
      <c r="BQ371" s="1106"/>
      <c r="BR371" s="1106"/>
      <c r="BS371" s="1106"/>
      <c r="BT371" s="1106"/>
      <c r="BU371" s="1106"/>
      <c r="BV371" s="1106"/>
      <c r="BW371" s="1106"/>
      <c r="BX371" s="1106"/>
      <c r="BY371" s="1106"/>
      <c r="BZ371" s="1106"/>
      <c r="CA371" s="1106"/>
    </row>
    <row r="372" spans="3:79" ht="9" customHeight="1" x14ac:dyDescent="0.2">
      <c r="C372" s="1106"/>
      <c r="D372" s="1106"/>
      <c r="E372" s="1106"/>
      <c r="F372" s="1106"/>
      <c r="G372" s="1106"/>
      <c r="H372" s="1106"/>
      <c r="I372" s="1106"/>
      <c r="J372" s="1106"/>
      <c r="K372" s="1106"/>
      <c r="L372" s="1106"/>
      <c r="M372" s="1106"/>
      <c r="N372" s="1106"/>
      <c r="O372" s="1106"/>
      <c r="U372" s="1106"/>
      <c r="AB372" s="1106"/>
      <c r="AC372" s="1106"/>
      <c r="AD372" s="1106"/>
      <c r="AE372" s="1106"/>
      <c r="AF372" s="1106"/>
      <c r="AG372" s="1106"/>
      <c r="AH372" s="1106"/>
      <c r="AL372" s="1106"/>
      <c r="AT372" s="1106"/>
      <c r="AU372" s="1106"/>
      <c r="AV372" s="1106"/>
      <c r="AW372" s="1106"/>
      <c r="AX372" s="1106"/>
      <c r="AY372" s="1106"/>
      <c r="AZ372" s="1106"/>
      <c r="BA372" s="1106"/>
      <c r="BB372" s="1106"/>
      <c r="BC372" s="1106"/>
      <c r="BD372" s="1106"/>
      <c r="BE372" s="1106"/>
      <c r="BF372" s="1106"/>
      <c r="BG372" s="1106"/>
      <c r="BH372" s="1106"/>
      <c r="BI372" s="1106"/>
      <c r="BJ372" s="1106"/>
      <c r="BK372" s="1106"/>
      <c r="BL372" s="1106"/>
      <c r="BM372" s="1106"/>
      <c r="BN372" s="1106"/>
      <c r="BO372" s="1106"/>
      <c r="BP372" s="1106"/>
      <c r="BQ372" s="1106"/>
      <c r="BR372" s="1106"/>
      <c r="BS372" s="1106"/>
      <c r="BT372" s="1106"/>
      <c r="BU372" s="1106"/>
      <c r="BV372" s="1106"/>
      <c r="BW372" s="1106"/>
      <c r="BX372" s="1106"/>
      <c r="BY372" s="1106"/>
      <c r="BZ372" s="1106"/>
      <c r="CA372" s="1106"/>
    </row>
    <row r="373" spans="3:79" ht="9" customHeight="1" x14ac:dyDescent="0.2">
      <c r="C373" s="1106"/>
      <c r="D373" s="1106"/>
      <c r="E373" s="1106"/>
      <c r="F373" s="1106"/>
      <c r="G373" s="1106"/>
      <c r="H373" s="1106"/>
      <c r="I373" s="1106"/>
      <c r="J373" s="1106"/>
      <c r="K373" s="1106"/>
      <c r="L373" s="1106"/>
      <c r="M373" s="1106"/>
      <c r="N373" s="1106"/>
      <c r="O373" s="1106"/>
      <c r="AB373" s="1106"/>
      <c r="AC373" s="1106"/>
      <c r="AD373" s="1106"/>
      <c r="AE373" s="1106"/>
      <c r="AF373" s="1106"/>
      <c r="AG373" s="1106"/>
      <c r="AH373" s="1106"/>
      <c r="AL373" s="1106"/>
      <c r="AZ373" s="1106"/>
      <c r="BA373" s="1106"/>
      <c r="BB373" s="1106"/>
      <c r="BC373" s="1106"/>
      <c r="BD373" s="1106"/>
      <c r="BE373" s="1106"/>
      <c r="BF373" s="1106"/>
      <c r="BG373" s="1106"/>
      <c r="BH373" s="1106"/>
      <c r="BI373" s="1106"/>
      <c r="BJ373" s="1106"/>
      <c r="BK373" s="1106"/>
      <c r="BL373" s="1106"/>
      <c r="BM373" s="1106"/>
      <c r="BN373" s="1106"/>
      <c r="BO373" s="1106"/>
      <c r="BP373" s="1106"/>
      <c r="BQ373" s="1106"/>
      <c r="BR373" s="1106"/>
      <c r="BS373" s="1106"/>
      <c r="BT373" s="1106"/>
      <c r="BU373" s="1106"/>
      <c r="BV373" s="1106"/>
      <c r="BW373" s="1106"/>
      <c r="BX373" s="1106"/>
      <c r="BY373" s="1106"/>
      <c r="BZ373" s="1106"/>
      <c r="CA373" s="1106"/>
    </row>
    <row r="374" spans="3:79" ht="9" customHeight="1" x14ac:dyDescent="0.2">
      <c r="C374" s="1106"/>
      <c r="D374" s="1106"/>
      <c r="E374" s="1106"/>
      <c r="F374" s="1106"/>
      <c r="G374" s="1106"/>
      <c r="H374" s="1106"/>
      <c r="I374" s="1106"/>
      <c r="J374" s="1106"/>
      <c r="K374" s="1106"/>
      <c r="L374" s="1106"/>
      <c r="M374" s="1106"/>
      <c r="N374" s="1106"/>
      <c r="O374" s="1106"/>
      <c r="AB374" s="1106"/>
      <c r="AC374" s="1106"/>
      <c r="AD374" s="1106"/>
      <c r="AE374" s="1106"/>
      <c r="AF374" s="1106"/>
      <c r="AG374" s="1106"/>
      <c r="AH374" s="1106"/>
      <c r="AL374" s="1106"/>
      <c r="AZ374" s="1106"/>
      <c r="BA374" s="1106"/>
      <c r="BB374" s="1106"/>
      <c r="BC374" s="1106"/>
      <c r="BD374" s="1106"/>
      <c r="BE374" s="1106"/>
      <c r="BF374" s="1106"/>
      <c r="BG374" s="1106"/>
      <c r="BH374" s="1106"/>
      <c r="BI374" s="1106"/>
      <c r="BJ374" s="1106"/>
      <c r="BK374" s="1106"/>
      <c r="BL374" s="1106"/>
      <c r="BM374" s="1106"/>
      <c r="BN374" s="1106"/>
      <c r="BO374" s="1106"/>
      <c r="BP374" s="1106"/>
      <c r="BQ374" s="1106"/>
      <c r="BR374" s="1106"/>
      <c r="BS374" s="1106"/>
      <c r="BT374" s="1106"/>
      <c r="BU374" s="1106"/>
      <c r="BV374" s="1106"/>
      <c r="BW374" s="1106"/>
      <c r="BX374" s="1106"/>
      <c r="BY374" s="1106"/>
      <c r="BZ374" s="1106"/>
      <c r="CA374" s="1106"/>
    </row>
    <row r="375" spans="3:79" ht="9" customHeight="1" x14ac:dyDescent="0.2">
      <c r="C375" s="1106"/>
      <c r="D375" s="1106"/>
      <c r="E375" s="1106"/>
      <c r="F375" s="1106"/>
      <c r="G375" s="1106"/>
      <c r="H375" s="1106"/>
      <c r="I375" s="1106"/>
      <c r="J375" s="1106"/>
      <c r="K375" s="1106"/>
      <c r="L375" s="1106"/>
      <c r="M375" s="1106"/>
      <c r="N375" s="1106"/>
      <c r="O375" s="1106"/>
      <c r="AB375" s="1106"/>
      <c r="AC375" s="1106"/>
      <c r="AD375" s="1106"/>
      <c r="AE375" s="1106"/>
      <c r="AF375" s="1106"/>
      <c r="AG375" s="1106"/>
      <c r="AH375" s="1106"/>
      <c r="AL375" s="1106"/>
      <c r="AZ375" s="1106"/>
      <c r="BA375" s="1106"/>
      <c r="BB375" s="1106"/>
      <c r="BC375" s="1106"/>
      <c r="BD375" s="1106"/>
      <c r="BE375" s="1106"/>
      <c r="BF375" s="1106"/>
      <c r="BG375" s="1106"/>
      <c r="BH375" s="1106"/>
      <c r="BI375" s="1106"/>
      <c r="BJ375" s="1106"/>
      <c r="BK375" s="1106"/>
      <c r="BL375" s="1106"/>
      <c r="BM375" s="1106"/>
      <c r="BN375" s="1106"/>
      <c r="BO375" s="1106"/>
      <c r="BP375" s="1106"/>
      <c r="BQ375" s="1106"/>
      <c r="BR375" s="1106"/>
      <c r="BS375" s="1106"/>
      <c r="BT375" s="1106"/>
      <c r="BU375" s="1106"/>
      <c r="BV375" s="1106"/>
      <c r="BW375" s="1106"/>
      <c r="BX375" s="1106"/>
      <c r="BY375" s="1106"/>
      <c r="BZ375" s="1106"/>
      <c r="CA375" s="1106"/>
    </row>
    <row r="376" spans="3:79" ht="9" customHeight="1" x14ac:dyDescent="0.2">
      <c r="C376" s="1106"/>
      <c r="D376" s="1106"/>
      <c r="E376" s="1106"/>
      <c r="F376" s="1106"/>
      <c r="G376" s="1106"/>
      <c r="H376" s="1106"/>
      <c r="I376" s="1106"/>
      <c r="J376" s="1106"/>
      <c r="K376" s="1106"/>
      <c r="L376" s="1106"/>
      <c r="M376" s="1106"/>
      <c r="N376" s="1106"/>
      <c r="O376" s="1106"/>
      <c r="U376" s="1106"/>
      <c r="AB376" s="1106"/>
      <c r="AC376" s="1106"/>
      <c r="AD376" s="1106"/>
      <c r="AE376" s="1106"/>
      <c r="AF376" s="1106"/>
      <c r="AG376" s="1106"/>
      <c r="AH376" s="1106"/>
      <c r="AL376" s="1106"/>
      <c r="AT376" s="1106"/>
      <c r="AU376" s="1106"/>
      <c r="AV376" s="1106"/>
      <c r="AW376" s="1106"/>
      <c r="AX376" s="1106"/>
      <c r="AY376" s="1106"/>
      <c r="AZ376" s="1106"/>
      <c r="BA376" s="1106"/>
      <c r="BB376" s="1106"/>
      <c r="BC376" s="1106"/>
      <c r="BD376" s="1106"/>
      <c r="BE376" s="1106"/>
      <c r="BF376" s="1106"/>
      <c r="BG376" s="1106"/>
      <c r="BH376" s="1106"/>
      <c r="BI376" s="1106"/>
      <c r="BJ376" s="1106"/>
      <c r="BK376" s="1106"/>
      <c r="BL376" s="1106"/>
      <c r="BM376" s="1106"/>
      <c r="BN376" s="1106"/>
      <c r="BO376" s="1106"/>
      <c r="BP376" s="1106"/>
      <c r="BQ376" s="1106"/>
      <c r="BR376" s="1106"/>
      <c r="BS376" s="1106"/>
      <c r="BT376" s="1106"/>
      <c r="BU376" s="1106"/>
      <c r="BV376" s="1106"/>
      <c r="BW376" s="1106"/>
      <c r="BX376" s="1106"/>
      <c r="BY376" s="1106"/>
      <c r="BZ376" s="1106"/>
      <c r="CA376" s="1106"/>
    </row>
    <row r="377" spans="3:79" ht="9" customHeight="1" x14ac:dyDescent="0.2">
      <c r="C377" s="1106"/>
      <c r="D377" s="1106"/>
      <c r="E377" s="1106"/>
      <c r="F377" s="1106"/>
      <c r="G377" s="1106"/>
      <c r="H377" s="1106"/>
      <c r="I377" s="1106"/>
      <c r="J377" s="1106"/>
      <c r="K377" s="1106"/>
      <c r="L377" s="1106"/>
      <c r="M377" s="1106"/>
      <c r="N377" s="1106"/>
      <c r="O377" s="1106"/>
      <c r="U377" s="1106"/>
      <c r="AB377" s="1106"/>
      <c r="AC377" s="1106"/>
      <c r="AD377" s="1106"/>
      <c r="AE377" s="1106"/>
      <c r="AF377" s="1106"/>
      <c r="AG377" s="1106"/>
      <c r="AH377" s="1106"/>
      <c r="AL377" s="1106"/>
      <c r="AO377" s="1106"/>
      <c r="AP377" s="1106"/>
      <c r="AT377" s="1106"/>
      <c r="AU377" s="1106"/>
      <c r="AV377" s="1106"/>
      <c r="AW377" s="1106"/>
      <c r="AX377" s="1106"/>
      <c r="AY377" s="1106"/>
      <c r="AZ377" s="1106"/>
      <c r="BA377" s="1106"/>
      <c r="BB377" s="1106"/>
      <c r="BC377" s="1106"/>
      <c r="BD377" s="1106"/>
      <c r="BE377" s="1106"/>
      <c r="BF377" s="1106"/>
      <c r="BG377" s="1106"/>
      <c r="BH377" s="1106"/>
      <c r="BI377" s="1106"/>
      <c r="BJ377" s="1106"/>
      <c r="BK377" s="1106"/>
      <c r="BL377" s="1106"/>
      <c r="BM377" s="1106"/>
      <c r="BN377" s="1106"/>
      <c r="BO377" s="1106"/>
      <c r="BP377" s="1106"/>
      <c r="BQ377" s="1106"/>
      <c r="BR377" s="1106"/>
      <c r="BS377" s="1106"/>
      <c r="BT377" s="1106"/>
      <c r="BU377" s="1106"/>
      <c r="BV377" s="1106"/>
      <c r="BW377" s="1106"/>
      <c r="BX377" s="1106"/>
      <c r="BY377" s="1106"/>
      <c r="BZ377" s="1106"/>
      <c r="CA377" s="1106"/>
    </row>
    <row r="378" spans="3:79" ht="9" customHeight="1" x14ac:dyDescent="0.2">
      <c r="C378" s="1106"/>
      <c r="D378" s="1106"/>
      <c r="E378" s="1106"/>
      <c r="F378" s="1106"/>
      <c r="G378" s="1106"/>
      <c r="H378" s="1106"/>
      <c r="I378" s="1106"/>
      <c r="J378" s="1106"/>
      <c r="K378" s="1106"/>
      <c r="L378" s="1106"/>
      <c r="M378" s="1106"/>
      <c r="N378" s="1106"/>
      <c r="O378" s="1106"/>
      <c r="U378" s="1106"/>
      <c r="AB378" s="1106"/>
      <c r="AC378" s="1106"/>
      <c r="AD378" s="1106"/>
      <c r="AE378" s="1106"/>
      <c r="AF378" s="1106"/>
      <c r="AG378" s="1106"/>
      <c r="AH378" s="1106"/>
      <c r="AL378" s="1106"/>
      <c r="AT378" s="1106"/>
      <c r="AU378" s="1106"/>
      <c r="AV378" s="1106"/>
      <c r="AW378" s="1106"/>
      <c r="AX378" s="1106"/>
      <c r="AY378" s="1106"/>
      <c r="AZ378" s="1106"/>
      <c r="BA378" s="1106"/>
      <c r="BB378" s="1106"/>
      <c r="BC378" s="1106"/>
      <c r="BD378" s="1106"/>
      <c r="BE378" s="1106"/>
      <c r="BF378" s="1106"/>
      <c r="BG378" s="1106"/>
      <c r="BH378" s="1106"/>
      <c r="BI378" s="1106"/>
      <c r="BJ378" s="1106"/>
      <c r="BK378" s="1106"/>
      <c r="BL378" s="1106"/>
      <c r="BM378" s="1106"/>
      <c r="BN378" s="1106"/>
      <c r="BO378" s="1106"/>
      <c r="BP378" s="1106"/>
      <c r="BQ378" s="1106"/>
      <c r="BR378" s="1106"/>
      <c r="BS378" s="1106"/>
      <c r="BT378" s="1106"/>
      <c r="BU378" s="1106"/>
      <c r="BV378" s="1106"/>
      <c r="BW378" s="1106"/>
      <c r="BX378" s="1106"/>
      <c r="BY378" s="1106"/>
      <c r="BZ378" s="1106"/>
      <c r="CA378" s="1106"/>
    </row>
    <row r="379" spans="3:79" ht="9" customHeight="1" x14ac:dyDescent="0.2">
      <c r="C379" s="1106"/>
      <c r="D379" s="1106"/>
      <c r="E379" s="1106"/>
      <c r="F379" s="1106"/>
      <c r="G379" s="1106"/>
      <c r="H379" s="1106"/>
      <c r="I379" s="1106"/>
      <c r="J379" s="1106"/>
      <c r="K379" s="1106"/>
      <c r="L379" s="1106"/>
      <c r="M379" s="1106"/>
      <c r="N379" s="1106"/>
      <c r="O379" s="1106"/>
      <c r="AB379" s="1106"/>
      <c r="AC379" s="1106"/>
      <c r="AD379" s="1106"/>
      <c r="AE379" s="1106"/>
      <c r="AF379" s="1106"/>
      <c r="AG379" s="1106"/>
      <c r="AH379" s="1106"/>
      <c r="AL379" s="1106"/>
      <c r="AZ379" s="1106"/>
      <c r="BA379" s="1106"/>
      <c r="BB379" s="1106"/>
      <c r="BC379" s="1106"/>
      <c r="BD379" s="1106"/>
      <c r="BE379" s="1106"/>
      <c r="BF379" s="1106"/>
      <c r="BG379" s="1106"/>
      <c r="BH379" s="1106"/>
      <c r="BI379" s="1106"/>
      <c r="BJ379" s="1106"/>
      <c r="BK379" s="1106"/>
      <c r="BL379" s="1106"/>
      <c r="BM379" s="1106"/>
      <c r="BN379" s="1106"/>
      <c r="BO379" s="1106"/>
      <c r="BP379" s="1106"/>
      <c r="BQ379" s="1106"/>
      <c r="BR379" s="1106"/>
      <c r="BS379" s="1106"/>
      <c r="BT379" s="1106"/>
      <c r="BU379" s="1106"/>
      <c r="BV379" s="1106"/>
      <c r="BW379" s="1106"/>
      <c r="BX379" s="1106"/>
      <c r="BY379" s="1106"/>
      <c r="BZ379" s="1106"/>
      <c r="CA379" s="1106"/>
    </row>
    <row r="380" spans="3:79" ht="9" customHeight="1" x14ac:dyDescent="0.2">
      <c r="C380" s="1106"/>
      <c r="D380" s="1106"/>
      <c r="E380" s="1106"/>
      <c r="F380" s="1106"/>
      <c r="G380" s="1106"/>
      <c r="H380" s="1106"/>
      <c r="I380" s="1106"/>
      <c r="J380" s="1106"/>
      <c r="K380" s="1106"/>
      <c r="L380" s="1106"/>
      <c r="M380" s="1106"/>
      <c r="N380" s="1106"/>
      <c r="O380" s="1106"/>
      <c r="AB380" s="1106"/>
      <c r="AC380" s="1106"/>
      <c r="AD380" s="1106"/>
      <c r="AE380" s="1106"/>
      <c r="AF380" s="1106"/>
      <c r="AG380" s="1106"/>
      <c r="AH380" s="1106"/>
      <c r="AL380" s="1106"/>
      <c r="AZ380" s="1106"/>
      <c r="BA380" s="1106"/>
      <c r="BB380" s="1106"/>
      <c r="BC380" s="1106"/>
      <c r="BD380" s="1106"/>
      <c r="BE380" s="1106"/>
      <c r="BF380" s="1106"/>
      <c r="BG380" s="1106"/>
      <c r="BH380" s="1106"/>
      <c r="BI380" s="1106"/>
      <c r="BJ380" s="1106"/>
      <c r="BK380" s="1106"/>
      <c r="BL380" s="1106"/>
      <c r="BM380" s="1106"/>
      <c r="BN380" s="1106"/>
      <c r="BO380" s="1106"/>
      <c r="BP380" s="1106"/>
      <c r="BQ380" s="1106"/>
      <c r="BR380" s="1106"/>
      <c r="BS380" s="1106"/>
      <c r="BT380" s="1106"/>
      <c r="BU380" s="1106"/>
      <c r="BV380" s="1106"/>
      <c r="BW380" s="1106"/>
      <c r="BX380" s="1106"/>
      <c r="BY380" s="1106"/>
      <c r="BZ380" s="1106"/>
      <c r="CA380" s="1106"/>
    </row>
    <row r="381" spans="3:79" ht="9" customHeight="1" x14ac:dyDescent="0.2">
      <c r="C381" s="1106"/>
      <c r="D381" s="1106"/>
      <c r="E381" s="1106"/>
      <c r="F381" s="1106"/>
      <c r="G381" s="1106"/>
      <c r="H381" s="1106"/>
      <c r="I381" s="1106"/>
      <c r="J381" s="1106"/>
      <c r="K381" s="1106"/>
      <c r="L381" s="1106"/>
      <c r="M381" s="1106"/>
      <c r="N381" s="1106"/>
      <c r="O381" s="1106"/>
      <c r="AB381" s="1106"/>
      <c r="AC381" s="1106"/>
      <c r="AD381" s="1106"/>
      <c r="AE381" s="1106"/>
      <c r="AF381" s="1106"/>
      <c r="AG381" s="1106"/>
      <c r="AH381" s="1106"/>
      <c r="AL381" s="1106"/>
      <c r="AZ381" s="1106"/>
      <c r="BA381" s="1106"/>
      <c r="BB381" s="1106"/>
      <c r="BC381" s="1106"/>
      <c r="BD381" s="1106"/>
      <c r="BE381" s="1106"/>
      <c r="BF381" s="1106"/>
      <c r="BG381" s="1106"/>
      <c r="BH381" s="1106"/>
      <c r="BI381" s="1106"/>
      <c r="BJ381" s="1106"/>
      <c r="BK381" s="1106"/>
      <c r="BL381" s="1106"/>
      <c r="BM381" s="1106"/>
      <c r="BN381" s="1106"/>
      <c r="BO381" s="1106"/>
      <c r="BP381" s="1106"/>
      <c r="BQ381" s="1106"/>
      <c r="BR381" s="1106"/>
      <c r="BS381" s="1106"/>
      <c r="BT381" s="1106"/>
      <c r="BU381" s="1106"/>
      <c r="BV381" s="1106"/>
      <c r="BW381" s="1106"/>
      <c r="BX381" s="1106"/>
      <c r="BY381" s="1106"/>
      <c r="BZ381" s="1106"/>
      <c r="CA381" s="1106"/>
    </row>
    <row r="382" spans="3:79" ht="9" customHeight="1" x14ac:dyDescent="0.2">
      <c r="C382" s="1106"/>
      <c r="D382" s="1106"/>
      <c r="E382" s="1106"/>
      <c r="F382" s="1106"/>
      <c r="G382" s="1106"/>
      <c r="H382" s="1106"/>
      <c r="I382" s="1106"/>
      <c r="J382" s="1106"/>
      <c r="K382" s="1106"/>
      <c r="L382" s="1106"/>
      <c r="M382" s="1106"/>
      <c r="N382" s="1106"/>
      <c r="O382" s="1106"/>
      <c r="U382" s="1106"/>
      <c r="AB382" s="1106"/>
      <c r="AC382" s="1106"/>
      <c r="AD382" s="1106"/>
      <c r="AE382" s="1106"/>
      <c r="AF382" s="1106"/>
      <c r="AG382" s="1106"/>
      <c r="AH382" s="1106"/>
      <c r="AL382" s="1106"/>
      <c r="AT382" s="1106"/>
      <c r="AU382" s="1106"/>
      <c r="AV382" s="1106"/>
      <c r="AW382" s="1106"/>
      <c r="AX382" s="1106"/>
      <c r="AY382" s="1106"/>
      <c r="AZ382" s="1106"/>
      <c r="BA382" s="1106"/>
      <c r="BB382" s="1106"/>
      <c r="BC382" s="1106"/>
      <c r="BD382" s="1106"/>
      <c r="BE382" s="1106"/>
      <c r="BF382" s="1106"/>
      <c r="BG382" s="1106"/>
      <c r="BH382" s="1106"/>
      <c r="BI382" s="1106"/>
      <c r="BJ382" s="1106"/>
      <c r="BK382" s="1106"/>
      <c r="BL382" s="1106"/>
      <c r="BM382" s="1106"/>
      <c r="BN382" s="1106"/>
      <c r="BO382" s="1106"/>
      <c r="BP382" s="1106"/>
      <c r="BQ382" s="1106"/>
      <c r="BR382" s="1106"/>
      <c r="BS382" s="1106"/>
      <c r="BT382" s="1106"/>
      <c r="BU382" s="1106"/>
      <c r="BV382" s="1106"/>
      <c r="BW382" s="1106"/>
      <c r="BX382" s="1106"/>
      <c r="BY382" s="1106"/>
      <c r="BZ382" s="1106"/>
      <c r="CA382" s="1106"/>
    </row>
    <row r="383" spans="3:79" ht="9" customHeight="1" x14ac:dyDescent="0.2">
      <c r="C383" s="1106"/>
      <c r="D383" s="1106"/>
      <c r="E383" s="1106"/>
      <c r="F383" s="1106"/>
      <c r="G383" s="1106"/>
      <c r="H383" s="1106"/>
      <c r="I383" s="1106"/>
      <c r="J383" s="1106"/>
      <c r="K383" s="1106"/>
      <c r="L383" s="1106"/>
      <c r="M383" s="1106"/>
      <c r="N383" s="1106"/>
      <c r="O383" s="1106"/>
      <c r="U383" s="1106"/>
      <c r="AB383" s="1106"/>
      <c r="AC383" s="1106"/>
      <c r="AD383" s="1106"/>
      <c r="AE383" s="1106"/>
      <c r="AF383" s="1106"/>
      <c r="AG383" s="1106"/>
      <c r="AH383" s="1106"/>
      <c r="AL383" s="1106"/>
      <c r="AO383" s="1106"/>
      <c r="AP383" s="1106"/>
      <c r="AT383" s="1106"/>
      <c r="AU383" s="1106"/>
      <c r="AV383" s="1106"/>
      <c r="AW383" s="1106"/>
      <c r="AX383" s="1106"/>
      <c r="AY383" s="1106"/>
      <c r="AZ383" s="1106"/>
      <c r="BA383" s="1106"/>
      <c r="BB383" s="1106"/>
      <c r="BC383" s="1106"/>
      <c r="BD383" s="1106"/>
      <c r="BE383" s="1106"/>
      <c r="BF383" s="1106"/>
      <c r="BG383" s="1106"/>
      <c r="BH383" s="1106"/>
      <c r="BI383" s="1106"/>
      <c r="BJ383" s="1106"/>
      <c r="BK383" s="1106"/>
      <c r="BL383" s="1106"/>
      <c r="BM383" s="1106"/>
      <c r="BN383" s="1106"/>
      <c r="BO383" s="1106"/>
      <c r="BP383" s="1106"/>
      <c r="BQ383" s="1106"/>
      <c r="BR383" s="1106"/>
      <c r="BS383" s="1106"/>
      <c r="BT383" s="1106"/>
      <c r="BU383" s="1106"/>
      <c r="BV383" s="1106"/>
      <c r="BW383" s="1106"/>
      <c r="BX383" s="1106"/>
      <c r="BY383" s="1106"/>
      <c r="BZ383" s="1106"/>
      <c r="CA383" s="1106"/>
    </row>
    <row r="384" spans="3:79" ht="9" customHeight="1" x14ac:dyDescent="0.2">
      <c r="C384" s="1106"/>
      <c r="D384" s="1106"/>
      <c r="E384" s="1106"/>
      <c r="F384" s="1106"/>
      <c r="G384" s="1106"/>
      <c r="H384" s="1106"/>
      <c r="I384" s="1106"/>
      <c r="J384" s="1106"/>
      <c r="K384" s="1106"/>
      <c r="L384" s="1106"/>
      <c r="M384" s="1106"/>
      <c r="N384" s="1106"/>
      <c r="O384" s="1106"/>
      <c r="U384" s="1106"/>
      <c r="AB384" s="1106"/>
      <c r="AC384" s="1106"/>
      <c r="AD384" s="1106"/>
      <c r="AE384" s="1106"/>
      <c r="AF384" s="1106"/>
      <c r="AG384" s="1106"/>
      <c r="AH384" s="1106"/>
      <c r="AL384" s="1106"/>
      <c r="AT384" s="1106"/>
      <c r="AU384" s="1106"/>
      <c r="AV384" s="1106"/>
      <c r="AW384" s="1106"/>
      <c r="AX384" s="1106"/>
      <c r="AY384" s="1106"/>
      <c r="AZ384" s="1106"/>
      <c r="BA384" s="1106"/>
      <c r="BB384" s="1106"/>
      <c r="BC384" s="1106"/>
      <c r="BD384" s="1106"/>
      <c r="BE384" s="1106"/>
      <c r="BF384" s="1106"/>
      <c r="BG384" s="1106"/>
      <c r="BH384" s="1106"/>
      <c r="BI384" s="1106"/>
      <c r="BJ384" s="1106"/>
      <c r="BK384" s="1106"/>
      <c r="BL384" s="1106"/>
      <c r="BM384" s="1106"/>
      <c r="BN384" s="1106"/>
      <c r="BO384" s="1106"/>
      <c r="BP384" s="1106"/>
      <c r="BQ384" s="1106"/>
      <c r="BR384" s="1106"/>
      <c r="BS384" s="1106"/>
      <c r="BT384" s="1106"/>
      <c r="BU384" s="1106"/>
      <c r="BV384" s="1106"/>
      <c r="BW384" s="1106"/>
      <c r="BX384" s="1106"/>
      <c r="BY384" s="1106"/>
      <c r="BZ384" s="1106"/>
      <c r="CA384" s="1106"/>
    </row>
    <row r="385" spans="3:79" ht="9" customHeight="1" x14ac:dyDescent="0.2">
      <c r="C385" s="1106"/>
      <c r="D385" s="1106"/>
      <c r="E385" s="1106"/>
      <c r="F385" s="1106"/>
      <c r="G385" s="1106"/>
      <c r="H385" s="1106"/>
      <c r="I385" s="1106"/>
      <c r="J385" s="1106"/>
      <c r="K385" s="1106"/>
      <c r="L385" s="1106"/>
      <c r="M385" s="1106"/>
      <c r="N385" s="1106"/>
      <c r="O385" s="1106"/>
      <c r="AB385" s="1106"/>
      <c r="AC385" s="1106"/>
      <c r="AD385" s="1106"/>
      <c r="AE385" s="1106"/>
      <c r="AF385" s="1106"/>
      <c r="AG385" s="1106"/>
      <c r="AH385" s="1106"/>
      <c r="AL385" s="1106"/>
      <c r="AZ385" s="1106"/>
      <c r="BA385" s="1106"/>
      <c r="BB385" s="1106"/>
      <c r="BC385" s="1106"/>
      <c r="BD385" s="1106"/>
      <c r="BE385" s="1106"/>
      <c r="BF385" s="1106"/>
      <c r="BG385" s="1106"/>
      <c r="BH385" s="1106"/>
      <c r="BI385" s="1106"/>
      <c r="BJ385" s="1106"/>
      <c r="BK385" s="1106"/>
      <c r="BL385" s="1106"/>
      <c r="BM385" s="1106"/>
      <c r="BN385" s="1106"/>
      <c r="BO385" s="1106"/>
      <c r="BP385" s="1106"/>
      <c r="BQ385" s="1106"/>
      <c r="BR385" s="1106"/>
      <c r="BS385" s="1106"/>
      <c r="BT385" s="1106"/>
      <c r="BU385" s="1106"/>
      <c r="BV385" s="1106"/>
      <c r="BW385" s="1106"/>
      <c r="BX385" s="1106"/>
      <c r="BY385" s="1106"/>
      <c r="BZ385" s="1106"/>
      <c r="CA385" s="1106"/>
    </row>
    <row r="386" spans="3:79" ht="9" customHeight="1" x14ac:dyDescent="0.2">
      <c r="C386" s="1106"/>
      <c r="D386" s="1106"/>
      <c r="E386" s="1106"/>
      <c r="F386" s="1106"/>
      <c r="G386" s="1106"/>
      <c r="H386" s="1106"/>
      <c r="I386" s="1106"/>
      <c r="J386" s="1106"/>
      <c r="K386" s="1106"/>
      <c r="L386" s="1106"/>
      <c r="M386" s="1106"/>
      <c r="N386" s="1106"/>
      <c r="O386" s="1106"/>
      <c r="AB386" s="1106"/>
      <c r="AC386" s="1106"/>
      <c r="AD386" s="1106"/>
      <c r="AE386" s="1106"/>
      <c r="AF386" s="1106"/>
      <c r="AG386" s="1106"/>
      <c r="AH386" s="1106"/>
      <c r="AL386" s="1106"/>
      <c r="AZ386" s="1106"/>
      <c r="BA386" s="1106"/>
      <c r="BB386" s="1106"/>
      <c r="BC386" s="1106"/>
      <c r="BD386" s="1106"/>
      <c r="BE386" s="1106"/>
      <c r="BF386" s="1106"/>
      <c r="BG386" s="1106"/>
      <c r="BH386" s="1106"/>
      <c r="BI386" s="1106"/>
      <c r="BJ386" s="1106"/>
      <c r="BK386" s="1106"/>
      <c r="BL386" s="1106"/>
      <c r="BM386" s="1106"/>
      <c r="BN386" s="1106"/>
      <c r="BO386" s="1106"/>
      <c r="BP386" s="1106"/>
      <c r="BQ386" s="1106"/>
      <c r="BR386" s="1106"/>
      <c r="BS386" s="1106"/>
      <c r="BT386" s="1106"/>
      <c r="BU386" s="1106"/>
      <c r="BV386" s="1106"/>
      <c r="BW386" s="1106"/>
      <c r="BX386" s="1106"/>
      <c r="BY386" s="1106"/>
      <c r="BZ386" s="1106"/>
      <c r="CA386" s="1106"/>
    </row>
    <row r="387" spans="3:79" ht="9" customHeight="1" x14ac:dyDescent="0.2">
      <c r="C387" s="1106"/>
      <c r="D387" s="1106"/>
      <c r="E387" s="1106"/>
      <c r="F387" s="1106"/>
      <c r="G387" s="1106"/>
      <c r="H387" s="1106"/>
      <c r="I387" s="1106"/>
      <c r="J387" s="1106"/>
      <c r="K387" s="1106"/>
      <c r="L387" s="1106"/>
      <c r="M387" s="1106"/>
      <c r="N387" s="1106"/>
      <c r="O387" s="1106"/>
      <c r="AB387" s="1106"/>
      <c r="AC387" s="1106"/>
      <c r="AD387" s="1106"/>
      <c r="AE387" s="1106"/>
      <c r="AF387" s="1106"/>
      <c r="AG387" s="1106"/>
      <c r="AH387" s="1106"/>
      <c r="AL387" s="1106"/>
      <c r="AZ387" s="1106"/>
      <c r="BA387" s="1106"/>
      <c r="BB387" s="1106"/>
      <c r="BC387" s="1106"/>
      <c r="BD387" s="1106"/>
      <c r="BE387" s="1106"/>
      <c r="BF387" s="1106"/>
      <c r="BG387" s="1106"/>
      <c r="BH387" s="1106"/>
      <c r="BI387" s="1106"/>
      <c r="BJ387" s="1106"/>
      <c r="BK387" s="1106"/>
      <c r="BL387" s="1106"/>
      <c r="BM387" s="1106"/>
      <c r="BN387" s="1106"/>
      <c r="BO387" s="1106"/>
      <c r="BP387" s="1106"/>
      <c r="BQ387" s="1106"/>
      <c r="BR387" s="1106"/>
      <c r="BS387" s="1106"/>
      <c r="BT387" s="1106"/>
      <c r="BU387" s="1106"/>
      <c r="BV387" s="1106"/>
      <c r="BW387" s="1106"/>
      <c r="BX387" s="1106"/>
      <c r="BY387" s="1106"/>
      <c r="BZ387" s="1106"/>
      <c r="CA387" s="1106"/>
    </row>
    <row r="388" spans="3:79" ht="9" customHeight="1" x14ac:dyDescent="0.2">
      <c r="C388" s="1106"/>
      <c r="D388" s="1106"/>
      <c r="E388" s="1106"/>
      <c r="F388" s="1106"/>
      <c r="G388" s="1106"/>
      <c r="H388" s="1106"/>
      <c r="I388" s="1106"/>
      <c r="J388" s="1106"/>
      <c r="K388" s="1106"/>
      <c r="L388" s="1106"/>
      <c r="M388" s="1106"/>
      <c r="N388" s="1106"/>
      <c r="O388" s="1106"/>
      <c r="U388" s="1106"/>
      <c r="AB388" s="1106"/>
      <c r="AC388" s="1106"/>
      <c r="AD388" s="1106"/>
      <c r="AE388" s="1106"/>
      <c r="AF388" s="1106"/>
      <c r="AG388" s="1106"/>
      <c r="AH388" s="1106"/>
      <c r="AL388" s="1106"/>
      <c r="AT388" s="1106"/>
      <c r="AU388" s="1106"/>
      <c r="AV388" s="1106"/>
      <c r="AW388" s="1106"/>
      <c r="AX388" s="1106"/>
      <c r="AY388" s="1106"/>
      <c r="AZ388" s="1106"/>
      <c r="BA388" s="1106"/>
      <c r="BB388" s="1106"/>
      <c r="BC388" s="1106"/>
      <c r="BD388" s="1106"/>
      <c r="BE388" s="1106"/>
      <c r="BF388" s="1106"/>
      <c r="BG388" s="1106"/>
      <c r="BH388" s="1106"/>
      <c r="BI388" s="1106"/>
      <c r="BJ388" s="1106"/>
      <c r="BK388" s="1106"/>
      <c r="BL388" s="1106"/>
      <c r="BM388" s="1106"/>
      <c r="BN388" s="1106"/>
      <c r="BO388" s="1106"/>
      <c r="BP388" s="1106"/>
      <c r="BQ388" s="1106"/>
      <c r="BR388" s="1106"/>
      <c r="BS388" s="1106"/>
      <c r="BT388" s="1106"/>
      <c r="BU388" s="1106"/>
      <c r="BV388" s="1106"/>
      <c r="BW388" s="1106"/>
      <c r="BX388" s="1106"/>
      <c r="BY388" s="1106"/>
      <c r="BZ388" s="1106"/>
      <c r="CA388" s="1106"/>
    </row>
    <row r="389" spans="3:79" ht="9" customHeight="1" x14ac:dyDescent="0.2">
      <c r="C389" s="1106"/>
      <c r="D389" s="1106"/>
      <c r="E389" s="1106"/>
      <c r="F389" s="1106"/>
      <c r="G389" s="1106"/>
      <c r="H389" s="1106"/>
      <c r="I389" s="1106"/>
      <c r="J389" s="1106"/>
      <c r="K389" s="1106"/>
      <c r="L389" s="1106"/>
      <c r="M389" s="1106"/>
      <c r="N389" s="1106"/>
      <c r="O389" s="1106"/>
      <c r="U389" s="1106"/>
      <c r="AB389" s="1106"/>
      <c r="AC389" s="1106"/>
      <c r="AD389" s="1106"/>
      <c r="AE389" s="1106"/>
      <c r="AF389" s="1106"/>
      <c r="AG389" s="1106"/>
      <c r="AH389" s="1106"/>
      <c r="AL389" s="1106"/>
      <c r="AO389" s="1106"/>
      <c r="AP389" s="1106"/>
      <c r="AT389" s="1106"/>
      <c r="AU389" s="1106"/>
      <c r="AV389" s="1106"/>
      <c r="AW389" s="1106"/>
      <c r="AX389" s="1106"/>
      <c r="AY389" s="1106"/>
      <c r="AZ389" s="1106"/>
      <c r="BA389" s="1106"/>
      <c r="BB389" s="1106"/>
      <c r="BC389" s="1106"/>
      <c r="BD389" s="1106"/>
      <c r="BE389" s="1106"/>
      <c r="BF389" s="1106"/>
      <c r="BG389" s="1106"/>
      <c r="BH389" s="1106"/>
      <c r="BI389" s="1106"/>
      <c r="BJ389" s="1106"/>
      <c r="BK389" s="1106"/>
      <c r="BL389" s="1106"/>
      <c r="BM389" s="1106"/>
      <c r="BN389" s="1106"/>
      <c r="BO389" s="1106"/>
      <c r="BP389" s="1106"/>
      <c r="BQ389" s="1106"/>
      <c r="BR389" s="1106"/>
      <c r="BS389" s="1106"/>
      <c r="BT389" s="1106"/>
      <c r="BU389" s="1106"/>
      <c r="BV389" s="1106"/>
      <c r="BW389" s="1106"/>
      <c r="BX389" s="1106"/>
      <c r="BY389" s="1106"/>
      <c r="BZ389" s="1106"/>
      <c r="CA389" s="1106"/>
    </row>
    <row r="390" spans="3:79" ht="9" customHeight="1" x14ac:dyDescent="0.2">
      <c r="C390" s="1106"/>
      <c r="D390" s="1106"/>
      <c r="E390" s="1106"/>
      <c r="F390" s="1106"/>
      <c r="G390" s="1106"/>
      <c r="H390" s="1106"/>
      <c r="I390" s="1106"/>
      <c r="J390" s="1106"/>
      <c r="K390" s="1106"/>
      <c r="L390" s="1106"/>
      <c r="M390" s="1106"/>
      <c r="N390" s="1106"/>
      <c r="O390" s="1106"/>
      <c r="U390" s="1106"/>
      <c r="AB390" s="1106"/>
      <c r="AC390" s="1106"/>
      <c r="AD390" s="1106"/>
      <c r="AE390" s="1106"/>
      <c r="AF390" s="1106"/>
      <c r="AG390" s="1106"/>
      <c r="AH390" s="1106"/>
      <c r="AL390" s="1106"/>
      <c r="AT390" s="1106"/>
      <c r="AU390" s="1106"/>
      <c r="AV390" s="1106"/>
      <c r="AW390" s="1106"/>
      <c r="AX390" s="1106"/>
      <c r="AY390" s="1106"/>
      <c r="AZ390" s="1106"/>
      <c r="BA390" s="1106"/>
      <c r="BB390" s="1106"/>
      <c r="BC390" s="1106"/>
      <c r="BD390" s="1106"/>
      <c r="BE390" s="1106"/>
      <c r="BF390" s="1106"/>
      <c r="BG390" s="1106"/>
      <c r="BH390" s="1106"/>
      <c r="BI390" s="1106"/>
      <c r="BJ390" s="1106"/>
      <c r="BK390" s="1106"/>
      <c r="BL390" s="1106"/>
      <c r="BM390" s="1106"/>
      <c r="BN390" s="1106"/>
      <c r="BO390" s="1106"/>
      <c r="BP390" s="1106"/>
      <c r="BQ390" s="1106"/>
      <c r="BR390" s="1106"/>
      <c r="BS390" s="1106"/>
      <c r="BT390" s="1106"/>
      <c r="BU390" s="1106"/>
      <c r="BV390" s="1106"/>
      <c r="BW390" s="1106"/>
      <c r="BX390" s="1106"/>
      <c r="BY390" s="1106"/>
      <c r="BZ390" s="1106"/>
      <c r="CA390" s="1106"/>
    </row>
    <row r="391" spans="3:79" ht="9" customHeight="1" x14ac:dyDescent="0.2">
      <c r="C391" s="1106"/>
      <c r="D391" s="1106"/>
      <c r="E391" s="1106"/>
      <c r="F391" s="1106"/>
      <c r="G391" s="1106"/>
      <c r="H391" s="1106"/>
      <c r="I391" s="1106"/>
      <c r="J391" s="1106"/>
      <c r="K391" s="1106"/>
      <c r="L391" s="1106"/>
      <c r="M391" s="1106"/>
      <c r="N391" s="1106"/>
      <c r="O391" s="1106"/>
      <c r="AB391" s="1106"/>
      <c r="AC391" s="1106"/>
      <c r="AD391" s="1106"/>
      <c r="AE391" s="1106"/>
      <c r="AF391" s="1106"/>
      <c r="AG391" s="1106"/>
      <c r="AH391" s="1106"/>
      <c r="AL391" s="1106"/>
      <c r="AZ391" s="1106"/>
      <c r="BA391" s="1106"/>
      <c r="BB391" s="1106"/>
      <c r="BC391" s="1106"/>
      <c r="BD391" s="1106"/>
      <c r="BE391" s="1106"/>
      <c r="BF391" s="1106"/>
      <c r="BG391" s="1106"/>
      <c r="BH391" s="1106"/>
      <c r="BI391" s="1106"/>
      <c r="BJ391" s="1106"/>
      <c r="BK391" s="1106"/>
      <c r="BL391" s="1106"/>
      <c r="BM391" s="1106"/>
      <c r="BN391" s="1106"/>
      <c r="BO391" s="1106"/>
      <c r="BP391" s="1106"/>
      <c r="BQ391" s="1106"/>
      <c r="BR391" s="1106"/>
      <c r="BS391" s="1106"/>
      <c r="BT391" s="1106"/>
      <c r="BU391" s="1106"/>
      <c r="BV391" s="1106"/>
      <c r="BW391" s="1106"/>
      <c r="BX391" s="1106"/>
      <c r="BY391" s="1106"/>
      <c r="BZ391" s="1106"/>
      <c r="CA391" s="1106"/>
    </row>
    <row r="392" spans="3:79" ht="9" customHeight="1" x14ac:dyDescent="0.2">
      <c r="C392" s="1106"/>
      <c r="D392" s="1106"/>
      <c r="E392" s="1106"/>
      <c r="F392" s="1106"/>
      <c r="G392" s="1106"/>
      <c r="H392" s="1106"/>
      <c r="I392" s="1106"/>
      <c r="J392" s="1106"/>
      <c r="K392" s="1106"/>
      <c r="L392" s="1106"/>
      <c r="M392" s="1106"/>
      <c r="N392" s="1106"/>
      <c r="O392" s="1106"/>
      <c r="AB392" s="1106"/>
      <c r="AC392" s="1106"/>
      <c r="AD392" s="1106"/>
      <c r="AE392" s="1106"/>
      <c r="AF392" s="1106"/>
      <c r="AG392" s="1106"/>
      <c r="AH392" s="1106"/>
      <c r="AL392" s="1106"/>
      <c r="AZ392" s="1106"/>
      <c r="BA392" s="1106"/>
      <c r="BB392" s="1106"/>
      <c r="BC392" s="1106"/>
      <c r="BD392" s="1106"/>
      <c r="BE392" s="1106"/>
      <c r="BF392" s="1106"/>
      <c r="BG392" s="1106"/>
      <c r="BH392" s="1106"/>
      <c r="BI392" s="1106"/>
      <c r="BJ392" s="1106"/>
      <c r="BK392" s="1106"/>
      <c r="BL392" s="1106"/>
      <c r="BM392" s="1106"/>
      <c r="BN392" s="1106"/>
      <c r="BO392" s="1106"/>
      <c r="BP392" s="1106"/>
      <c r="BQ392" s="1106"/>
      <c r="BR392" s="1106"/>
      <c r="BS392" s="1106"/>
      <c r="BT392" s="1106"/>
      <c r="BU392" s="1106"/>
      <c r="BV392" s="1106"/>
      <c r="BW392" s="1106"/>
      <c r="BX392" s="1106"/>
      <c r="BY392" s="1106"/>
      <c r="BZ392" s="1106"/>
      <c r="CA392" s="1106"/>
    </row>
    <row r="393" spans="3:79" ht="9" customHeight="1" x14ac:dyDescent="0.2">
      <c r="C393" s="1106"/>
      <c r="D393" s="1106"/>
      <c r="E393" s="1106"/>
      <c r="F393" s="1106"/>
      <c r="G393" s="1106"/>
      <c r="H393" s="1106"/>
      <c r="I393" s="1106"/>
      <c r="J393" s="1106"/>
      <c r="K393" s="1106"/>
      <c r="L393" s="1106"/>
      <c r="M393" s="1106"/>
      <c r="N393" s="1106"/>
      <c r="O393" s="1106"/>
      <c r="AB393" s="1106"/>
      <c r="AC393" s="1106"/>
      <c r="AD393" s="1106"/>
      <c r="AE393" s="1106"/>
      <c r="AF393" s="1106"/>
      <c r="AG393" s="1106"/>
      <c r="AH393" s="1106"/>
      <c r="AL393" s="1106"/>
      <c r="AZ393" s="1106"/>
      <c r="BA393" s="1106"/>
      <c r="BB393" s="1106"/>
      <c r="BC393" s="1106"/>
      <c r="BD393" s="1106"/>
      <c r="BE393" s="1106"/>
      <c r="BF393" s="1106"/>
      <c r="BG393" s="1106"/>
      <c r="BH393" s="1106"/>
      <c r="BI393" s="1106"/>
      <c r="BJ393" s="1106"/>
      <c r="BK393" s="1106"/>
      <c r="BL393" s="1106"/>
      <c r="BM393" s="1106"/>
      <c r="BN393" s="1106"/>
      <c r="BO393" s="1106"/>
      <c r="BP393" s="1106"/>
      <c r="BQ393" s="1106"/>
      <c r="BR393" s="1106"/>
      <c r="BS393" s="1106"/>
      <c r="BT393" s="1106"/>
      <c r="BU393" s="1106"/>
      <c r="BV393" s="1106"/>
      <c r="BW393" s="1106"/>
      <c r="BX393" s="1106"/>
      <c r="BY393" s="1106"/>
      <c r="BZ393" s="1106"/>
      <c r="CA393" s="1106"/>
    </row>
    <row r="394" spans="3:79" ht="9" customHeight="1" x14ac:dyDescent="0.2">
      <c r="C394" s="1106"/>
      <c r="D394" s="1106"/>
      <c r="E394" s="1106"/>
      <c r="F394" s="1106"/>
      <c r="G394" s="1106"/>
      <c r="H394" s="1106"/>
      <c r="I394" s="1106"/>
      <c r="J394" s="1106"/>
      <c r="K394" s="1106"/>
      <c r="L394" s="1106"/>
      <c r="M394" s="1106"/>
      <c r="N394" s="1106"/>
      <c r="O394" s="1106"/>
      <c r="U394" s="1106"/>
      <c r="AB394" s="1106"/>
      <c r="AC394" s="1106"/>
      <c r="AD394" s="1106"/>
      <c r="AE394" s="1106"/>
      <c r="AF394" s="1106"/>
      <c r="AG394" s="1106"/>
      <c r="AH394" s="1106"/>
      <c r="AL394" s="1106"/>
      <c r="AT394" s="1106"/>
      <c r="AU394" s="1106"/>
      <c r="AV394" s="1106"/>
      <c r="AW394" s="1106"/>
      <c r="AX394" s="1106"/>
      <c r="AY394" s="1106"/>
      <c r="AZ394" s="1106"/>
      <c r="BA394" s="1106"/>
      <c r="BB394" s="1106"/>
      <c r="BC394" s="1106"/>
      <c r="BD394" s="1106"/>
      <c r="BE394" s="1106"/>
      <c r="BF394" s="1106"/>
      <c r="BG394" s="1106"/>
      <c r="BH394" s="1106"/>
      <c r="BI394" s="1106"/>
      <c r="BJ394" s="1106"/>
      <c r="BK394" s="1106"/>
      <c r="BL394" s="1106"/>
      <c r="BM394" s="1106"/>
      <c r="BN394" s="1106"/>
      <c r="BO394" s="1106"/>
      <c r="BP394" s="1106"/>
      <c r="BQ394" s="1106"/>
      <c r="BR394" s="1106"/>
      <c r="BS394" s="1106"/>
      <c r="BT394" s="1106"/>
      <c r="BU394" s="1106"/>
      <c r="BV394" s="1106"/>
      <c r="BW394" s="1106"/>
      <c r="BX394" s="1106"/>
      <c r="BY394" s="1106"/>
      <c r="BZ394" s="1106"/>
      <c r="CA394" s="1106"/>
    </row>
    <row r="395" spans="3:79" ht="9" customHeight="1" x14ac:dyDescent="0.2">
      <c r="C395" s="1106"/>
      <c r="D395" s="1106"/>
      <c r="E395" s="1106"/>
      <c r="F395" s="1106"/>
      <c r="G395" s="1106"/>
      <c r="H395" s="1106"/>
      <c r="I395" s="1106"/>
      <c r="J395" s="1106"/>
      <c r="K395" s="1106"/>
      <c r="L395" s="1106"/>
      <c r="M395" s="1106"/>
      <c r="N395" s="1106"/>
      <c r="O395" s="1106"/>
      <c r="U395" s="1106"/>
      <c r="AB395" s="1106"/>
      <c r="AC395" s="1106"/>
      <c r="AD395" s="1106"/>
      <c r="AE395" s="1106"/>
      <c r="AF395" s="1106"/>
      <c r="AG395" s="1106"/>
      <c r="AH395" s="1106"/>
      <c r="AL395" s="1106"/>
      <c r="AO395" s="1106"/>
      <c r="AP395" s="1106"/>
      <c r="AT395" s="1106"/>
      <c r="AU395" s="1106"/>
      <c r="AV395" s="1106"/>
      <c r="AW395" s="1106"/>
      <c r="AX395" s="1106"/>
      <c r="AY395" s="1106"/>
      <c r="AZ395" s="1106"/>
      <c r="BA395" s="1106"/>
      <c r="BB395" s="1106"/>
      <c r="BC395" s="1106"/>
      <c r="BD395" s="1106"/>
      <c r="BE395" s="1106"/>
      <c r="BF395" s="1106"/>
      <c r="BG395" s="1106"/>
      <c r="BH395" s="1106"/>
      <c r="BI395" s="1106"/>
      <c r="BJ395" s="1106"/>
      <c r="BK395" s="1106"/>
      <c r="BL395" s="1106"/>
      <c r="BM395" s="1106"/>
      <c r="BN395" s="1106"/>
      <c r="BO395" s="1106"/>
      <c r="BP395" s="1106"/>
      <c r="BQ395" s="1106"/>
      <c r="BR395" s="1106"/>
      <c r="BS395" s="1106"/>
      <c r="BT395" s="1106"/>
      <c r="BU395" s="1106"/>
      <c r="BV395" s="1106"/>
      <c r="BW395" s="1106"/>
      <c r="BX395" s="1106"/>
      <c r="BY395" s="1106"/>
      <c r="BZ395" s="1106"/>
      <c r="CA395" s="1106"/>
    </row>
    <row r="396" spans="3:79" ht="9" customHeight="1" x14ac:dyDescent="0.2">
      <c r="C396" s="1106"/>
      <c r="D396" s="1106"/>
      <c r="E396" s="1106"/>
      <c r="F396" s="1106"/>
      <c r="G396" s="1106"/>
      <c r="H396" s="1106"/>
      <c r="I396" s="1106"/>
      <c r="J396" s="1106"/>
      <c r="K396" s="1106"/>
      <c r="L396" s="1106"/>
      <c r="M396" s="1106"/>
      <c r="N396" s="1106"/>
      <c r="O396" s="1106"/>
      <c r="U396" s="1106"/>
      <c r="AB396" s="1106"/>
      <c r="AC396" s="1106"/>
      <c r="AD396" s="1106"/>
      <c r="AE396" s="1106"/>
      <c r="AF396" s="1106"/>
      <c r="AG396" s="1106"/>
      <c r="AH396" s="1106"/>
      <c r="AL396" s="1106"/>
      <c r="AT396" s="1106"/>
      <c r="AU396" s="1106"/>
      <c r="AV396" s="1106"/>
      <c r="AW396" s="1106"/>
      <c r="AX396" s="1106"/>
      <c r="AY396" s="1106"/>
      <c r="AZ396" s="1106"/>
      <c r="BA396" s="1106"/>
      <c r="BB396" s="1106"/>
      <c r="BC396" s="1106"/>
      <c r="BD396" s="1106"/>
      <c r="BE396" s="1106"/>
      <c r="BF396" s="1106"/>
      <c r="BG396" s="1106"/>
      <c r="BH396" s="1106"/>
      <c r="BI396" s="1106"/>
      <c r="BJ396" s="1106"/>
      <c r="BK396" s="1106"/>
      <c r="BL396" s="1106"/>
      <c r="BM396" s="1106"/>
      <c r="BN396" s="1106"/>
      <c r="BO396" s="1106"/>
      <c r="BP396" s="1106"/>
      <c r="BQ396" s="1106"/>
      <c r="BR396" s="1106"/>
      <c r="BS396" s="1106"/>
      <c r="BT396" s="1106"/>
      <c r="BU396" s="1106"/>
      <c r="BV396" s="1106"/>
      <c r="BW396" s="1106"/>
      <c r="BX396" s="1106"/>
      <c r="BY396" s="1106"/>
      <c r="BZ396" s="1106"/>
      <c r="CA396" s="1106"/>
    </row>
    <row r="397" spans="3:79" ht="9" customHeight="1" x14ac:dyDescent="0.2">
      <c r="C397" s="1106"/>
      <c r="D397" s="1106"/>
      <c r="E397" s="1106"/>
      <c r="F397" s="1106"/>
      <c r="G397" s="1106"/>
      <c r="H397" s="1106"/>
      <c r="I397" s="1106"/>
      <c r="J397" s="1106"/>
      <c r="K397" s="1106"/>
      <c r="L397" s="1106"/>
      <c r="M397" s="1106"/>
      <c r="N397" s="1106"/>
      <c r="O397" s="1106"/>
      <c r="AB397" s="1106"/>
      <c r="AC397" s="1106"/>
      <c r="AD397" s="1106"/>
      <c r="AE397" s="1106"/>
      <c r="AF397" s="1106"/>
      <c r="AG397" s="1106"/>
      <c r="AH397" s="1106"/>
      <c r="AL397" s="1106"/>
      <c r="AZ397" s="1106"/>
      <c r="BA397" s="1106"/>
      <c r="BB397" s="1106"/>
      <c r="BC397" s="1106"/>
      <c r="BD397" s="1106"/>
      <c r="BE397" s="1106"/>
      <c r="BF397" s="1106"/>
      <c r="BG397" s="1106"/>
      <c r="BH397" s="1106"/>
      <c r="BI397" s="1106"/>
      <c r="BJ397" s="1106"/>
      <c r="BK397" s="1106"/>
      <c r="BL397" s="1106"/>
      <c r="BM397" s="1106"/>
      <c r="BN397" s="1106"/>
      <c r="BO397" s="1106"/>
      <c r="BP397" s="1106"/>
      <c r="BQ397" s="1106"/>
      <c r="BR397" s="1106"/>
      <c r="BS397" s="1106"/>
      <c r="BT397" s="1106"/>
      <c r="BU397" s="1106"/>
      <c r="BV397" s="1106"/>
      <c r="BW397" s="1106"/>
      <c r="BX397" s="1106"/>
      <c r="BY397" s="1106"/>
      <c r="BZ397" s="1106"/>
      <c r="CA397" s="1106"/>
    </row>
    <row r="398" spans="3:79" ht="9" customHeight="1" x14ac:dyDescent="0.2">
      <c r="C398" s="1106"/>
      <c r="D398" s="1106"/>
      <c r="E398" s="1106"/>
      <c r="F398" s="1106"/>
      <c r="G398" s="1106"/>
      <c r="H398" s="1106"/>
      <c r="I398" s="1106"/>
      <c r="J398" s="1106"/>
      <c r="K398" s="1106"/>
      <c r="L398" s="1106"/>
      <c r="M398" s="1106"/>
      <c r="N398" s="1106"/>
      <c r="O398" s="1106"/>
      <c r="AB398" s="1106"/>
      <c r="AC398" s="1106"/>
      <c r="AD398" s="1106"/>
      <c r="AE398" s="1106"/>
      <c r="AF398" s="1106"/>
      <c r="AG398" s="1106"/>
      <c r="AH398" s="1106"/>
      <c r="AL398" s="1106"/>
      <c r="AZ398" s="1106"/>
      <c r="BA398" s="1106"/>
      <c r="BB398" s="1106"/>
      <c r="BC398" s="1106"/>
      <c r="BD398" s="1106"/>
      <c r="BE398" s="1106"/>
      <c r="BF398" s="1106"/>
      <c r="BG398" s="1106"/>
      <c r="BH398" s="1106"/>
      <c r="BI398" s="1106"/>
      <c r="BJ398" s="1106"/>
      <c r="BK398" s="1106"/>
      <c r="BL398" s="1106"/>
      <c r="BM398" s="1106"/>
      <c r="BN398" s="1106"/>
      <c r="BO398" s="1106"/>
      <c r="BP398" s="1106"/>
      <c r="BQ398" s="1106"/>
      <c r="BR398" s="1106"/>
      <c r="BS398" s="1106"/>
      <c r="BT398" s="1106"/>
      <c r="BU398" s="1106"/>
      <c r="BV398" s="1106"/>
      <c r="BW398" s="1106"/>
      <c r="BX398" s="1106"/>
      <c r="BY398" s="1106"/>
      <c r="BZ398" s="1106"/>
      <c r="CA398" s="1106"/>
    </row>
    <row r="399" spans="3:79" ht="9" customHeight="1" x14ac:dyDescent="0.2">
      <c r="C399" s="1106"/>
      <c r="D399" s="1106"/>
      <c r="E399" s="1106"/>
      <c r="F399" s="1106"/>
      <c r="G399" s="1106"/>
      <c r="H399" s="1106"/>
      <c r="I399" s="1106"/>
      <c r="J399" s="1106"/>
      <c r="K399" s="1106"/>
      <c r="L399" s="1106"/>
      <c r="M399" s="1106"/>
      <c r="N399" s="1106"/>
      <c r="O399" s="1106"/>
      <c r="AB399" s="1106"/>
      <c r="AC399" s="1106"/>
      <c r="AD399" s="1106"/>
      <c r="AE399" s="1106"/>
      <c r="AF399" s="1106"/>
      <c r="AG399" s="1106"/>
      <c r="AH399" s="1106"/>
      <c r="AL399" s="1106"/>
      <c r="AZ399" s="1106"/>
      <c r="BA399" s="1106"/>
      <c r="BB399" s="1106"/>
      <c r="BC399" s="1106"/>
      <c r="BD399" s="1106"/>
      <c r="BE399" s="1106"/>
      <c r="BF399" s="1106"/>
      <c r="BG399" s="1106"/>
      <c r="BH399" s="1106"/>
      <c r="BI399" s="1106"/>
      <c r="BJ399" s="1106"/>
      <c r="BK399" s="1106"/>
      <c r="BL399" s="1106"/>
      <c r="BM399" s="1106"/>
      <c r="BN399" s="1106"/>
      <c r="BO399" s="1106"/>
      <c r="BP399" s="1106"/>
      <c r="BQ399" s="1106"/>
      <c r="BR399" s="1106"/>
      <c r="BS399" s="1106"/>
      <c r="BT399" s="1106"/>
      <c r="BU399" s="1106"/>
      <c r="BV399" s="1106"/>
      <c r="BW399" s="1106"/>
      <c r="BX399" s="1106"/>
      <c r="BY399" s="1106"/>
      <c r="BZ399" s="1106"/>
      <c r="CA399" s="1106"/>
    </row>
    <row r="400" spans="3:79" ht="9" customHeight="1" x14ac:dyDescent="0.2">
      <c r="C400" s="1106"/>
      <c r="D400" s="1106"/>
      <c r="E400" s="1106"/>
      <c r="F400" s="1106"/>
      <c r="G400" s="1106"/>
      <c r="H400" s="1106"/>
      <c r="I400" s="1106"/>
      <c r="J400" s="1106"/>
      <c r="K400" s="1106"/>
      <c r="L400" s="1106"/>
      <c r="M400" s="1106"/>
      <c r="N400" s="1106"/>
      <c r="O400" s="1106"/>
      <c r="U400" s="1106"/>
      <c r="AB400" s="1106"/>
      <c r="AC400" s="1106"/>
      <c r="AD400" s="1106"/>
      <c r="AE400" s="1106"/>
      <c r="AF400" s="1106"/>
      <c r="AG400" s="1106"/>
      <c r="AH400" s="1106"/>
      <c r="AL400" s="1106"/>
      <c r="AT400" s="1106"/>
      <c r="AU400" s="1106"/>
      <c r="AV400" s="1106"/>
      <c r="AW400" s="1106"/>
      <c r="AX400" s="1106"/>
      <c r="AY400" s="1106"/>
      <c r="AZ400" s="1106"/>
      <c r="BA400" s="1106"/>
      <c r="BB400" s="1106"/>
      <c r="BC400" s="1106"/>
      <c r="BD400" s="1106"/>
      <c r="BE400" s="1106"/>
      <c r="BF400" s="1106"/>
      <c r="BG400" s="1106"/>
      <c r="BH400" s="1106"/>
      <c r="BI400" s="1106"/>
      <c r="BJ400" s="1106"/>
      <c r="BK400" s="1106"/>
      <c r="BL400" s="1106"/>
      <c r="BM400" s="1106"/>
      <c r="BN400" s="1106"/>
      <c r="BO400" s="1106"/>
      <c r="BP400" s="1106"/>
      <c r="BQ400" s="1106"/>
      <c r="BR400" s="1106"/>
      <c r="BS400" s="1106"/>
      <c r="BT400" s="1106"/>
      <c r="BU400" s="1106"/>
      <c r="BV400" s="1106"/>
      <c r="BW400" s="1106"/>
      <c r="BX400" s="1106"/>
      <c r="BY400" s="1106"/>
      <c r="BZ400" s="1106"/>
      <c r="CA400" s="1106"/>
    </row>
    <row r="401" spans="3:79" ht="9" customHeight="1" x14ac:dyDescent="0.2">
      <c r="C401" s="1106"/>
      <c r="D401" s="1106"/>
      <c r="E401" s="1106"/>
      <c r="F401" s="1106"/>
      <c r="G401" s="1106"/>
      <c r="H401" s="1106"/>
      <c r="I401" s="1106"/>
      <c r="J401" s="1106"/>
      <c r="K401" s="1106"/>
      <c r="L401" s="1106"/>
      <c r="M401" s="1106"/>
      <c r="N401" s="1106"/>
      <c r="O401" s="1106"/>
      <c r="U401" s="1106"/>
      <c r="AB401" s="1106"/>
      <c r="AC401" s="1106"/>
      <c r="AD401" s="1106"/>
      <c r="AE401" s="1106"/>
      <c r="AF401" s="1106"/>
      <c r="AG401" s="1106"/>
      <c r="AH401" s="1106"/>
      <c r="AL401" s="1106"/>
      <c r="AO401" s="1106"/>
      <c r="AP401" s="1106"/>
      <c r="AT401" s="1106"/>
      <c r="AU401" s="1106"/>
      <c r="AV401" s="1106"/>
      <c r="AW401" s="1106"/>
      <c r="AX401" s="1106"/>
      <c r="AY401" s="1106"/>
      <c r="AZ401" s="1106"/>
      <c r="BA401" s="1106"/>
      <c r="BB401" s="1106"/>
      <c r="BC401" s="1106"/>
      <c r="BD401" s="1106"/>
      <c r="BE401" s="1106"/>
      <c r="BF401" s="1106"/>
      <c r="BG401" s="1106"/>
      <c r="BH401" s="1106"/>
      <c r="BI401" s="1106"/>
      <c r="BJ401" s="1106"/>
      <c r="BK401" s="1106"/>
      <c r="BL401" s="1106"/>
      <c r="BM401" s="1106"/>
      <c r="BN401" s="1106"/>
      <c r="BO401" s="1106"/>
      <c r="BP401" s="1106"/>
      <c r="BQ401" s="1106"/>
      <c r="BR401" s="1106"/>
      <c r="BS401" s="1106"/>
      <c r="BT401" s="1106"/>
      <c r="BU401" s="1106"/>
      <c r="BV401" s="1106"/>
      <c r="BW401" s="1106"/>
      <c r="BX401" s="1106"/>
      <c r="BY401" s="1106"/>
      <c r="BZ401" s="1106"/>
      <c r="CA401" s="1106"/>
    </row>
    <row r="402" spans="3:79" ht="9" customHeight="1" x14ac:dyDescent="0.2">
      <c r="C402" s="1106"/>
      <c r="D402" s="1106"/>
      <c r="E402" s="1106"/>
      <c r="F402" s="1106"/>
      <c r="G402" s="1106"/>
      <c r="H402" s="1106"/>
      <c r="I402" s="1106"/>
      <c r="J402" s="1106"/>
      <c r="K402" s="1106"/>
      <c r="L402" s="1106"/>
      <c r="M402" s="1106"/>
      <c r="N402" s="1106"/>
      <c r="O402" s="1106"/>
      <c r="U402" s="1106"/>
      <c r="AB402" s="1106"/>
      <c r="AC402" s="1106"/>
      <c r="AD402" s="1106"/>
      <c r="AE402" s="1106"/>
      <c r="AF402" s="1106"/>
      <c r="AG402" s="1106"/>
      <c r="AH402" s="1106"/>
      <c r="AL402" s="1106"/>
      <c r="AT402" s="1106"/>
      <c r="AU402" s="1106"/>
      <c r="AV402" s="1106"/>
      <c r="AW402" s="1106"/>
      <c r="AX402" s="1106"/>
      <c r="AY402" s="1106"/>
      <c r="AZ402" s="1106"/>
      <c r="BA402" s="1106"/>
      <c r="BB402" s="1106"/>
      <c r="BC402" s="1106"/>
      <c r="BD402" s="1106"/>
      <c r="BE402" s="1106"/>
      <c r="BF402" s="1106"/>
      <c r="BG402" s="1106"/>
      <c r="BH402" s="1106"/>
      <c r="BI402" s="1106"/>
      <c r="BJ402" s="1106"/>
      <c r="BK402" s="1106"/>
      <c r="BL402" s="1106"/>
      <c r="BM402" s="1106"/>
      <c r="BN402" s="1106"/>
      <c r="BO402" s="1106"/>
      <c r="BP402" s="1106"/>
      <c r="BQ402" s="1106"/>
      <c r="BR402" s="1106"/>
      <c r="BS402" s="1106"/>
      <c r="BT402" s="1106"/>
      <c r="BU402" s="1106"/>
      <c r="BV402" s="1106"/>
      <c r="BW402" s="1106"/>
      <c r="BX402" s="1106"/>
      <c r="BY402" s="1106"/>
      <c r="BZ402" s="1106"/>
      <c r="CA402" s="1106"/>
    </row>
    <row r="403" spans="3:79" ht="9" customHeight="1" x14ac:dyDescent="0.2">
      <c r="C403" s="1106"/>
      <c r="D403" s="1106"/>
      <c r="E403" s="1106"/>
      <c r="F403" s="1106"/>
      <c r="G403" s="1106"/>
      <c r="H403" s="1106"/>
      <c r="I403" s="1106"/>
      <c r="J403" s="1106"/>
      <c r="K403" s="1106"/>
      <c r="L403" s="1106"/>
      <c r="M403" s="1106"/>
      <c r="N403" s="1106"/>
      <c r="O403" s="1106"/>
      <c r="AB403" s="1106"/>
      <c r="AC403" s="1106"/>
      <c r="AD403" s="1106"/>
      <c r="AE403" s="1106"/>
      <c r="AF403" s="1106"/>
      <c r="AG403" s="1106"/>
      <c r="AH403" s="1106"/>
      <c r="AL403" s="1106"/>
      <c r="AZ403" s="1106"/>
      <c r="BA403" s="1106"/>
      <c r="BB403" s="1106"/>
      <c r="BC403" s="1106"/>
      <c r="BD403" s="1106"/>
      <c r="BE403" s="1106"/>
      <c r="BF403" s="1106"/>
      <c r="BG403" s="1106"/>
      <c r="BH403" s="1106"/>
      <c r="BI403" s="1106"/>
      <c r="BJ403" s="1106"/>
      <c r="BK403" s="1106"/>
      <c r="BL403" s="1106"/>
      <c r="BM403" s="1106"/>
      <c r="BN403" s="1106"/>
      <c r="BO403" s="1106"/>
      <c r="BP403" s="1106"/>
      <c r="BQ403" s="1106"/>
      <c r="BR403" s="1106"/>
      <c r="BS403" s="1106"/>
      <c r="BT403" s="1106"/>
      <c r="BU403" s="1106"/>
      <c r="BV403" s="1106"/>
      <c r="BW403" s="1106"/>
      <c r="BX403" s="1106"/>
      <c r="BY403" s="1106"/>
      <c r="BZ403" s="1106"/>
      <c r="CA403" s="1106"/>
    </row>
    <row r="404" spans="3:79" ht="9" customHeight="1" x14ac:dyDescent="0.2">
      <c r="C404" s="1106"/>
      <c r="D404" s="1106"/>
      <c r="E404" s="1106"/>
      <c r="F404" s="1106"/>
      <c r="G404" s="1106"/>
      <c r="H404" s="1106"/>
      <c r="I404" s="1106"/>
      <c r="J404" s="1106"/>
      <c r="K404" s="1106"/>
      <c r="L404" s="1106"/>
      <c r="M404" s="1106"/>
      <c r="N404" s="1106"/>
      <c r="O404" s="1106"/>
      <c r="AB404" s="1106"/>
      <c r="AC404" s="1106"/>
      <c r="AD404" s="1106"/>
      <c r="AE404" s="1106"/>
      <c r="AF404" s="1106"/>
      <c r="AG404" s="1106"/>
      <c r="AH404" s="1106"/>
      <c r="AL404" s="1106"/>
      <c r="AZ404" s="1106"/>
      <c r="BA404" s="1106"/>
      <c r="BB404" s="1106"/>
      <c r="BC404" s="1106"/>
      <c r="BD404" s="1106"/>
      <c r="BE404" s="1106"/>
      <c r="BF404" s="1106"/>
      <c r="BG404" s="1106"/>
      <c r="BH404" s="1106"/>
      <c r="BI404" s="1106"/>
      <c r="BJ404" s="1106"/>
      <c r="BK404" s="1106"/>
      <c r="BL404" s="1106"/>
      <c r="BM404" s="1106"/>
      <c r="BN404" s="1106"/>
      <c r="BO404" s="1106"/>
      <c r="BP404" s="1106"/>
      <c r="BQ404" s="1106"/>
      <c r="BR404" s="1106"/>
      <c r="BS404" s="1106"/>
      <c r="BT404" s="1106"/>
      <c r="BU404" s="1106"/>
      <c r="BV404" s="1106"/>
      <c r="BW404" s="1106"/>
      <c r="BX404" s="1106"/>
      <c r="BY404" s="1106"/>
      <c r="BZ404" s="1106"/>
      <c r="CA404" s="1106"/>
    </row>
    <row r="405" spans="3:79" ht="9" customHeight="1" x14ac:dyDescent="0.2">
      <c r="C405" s="1106"/>
      <c r="D405" s="1106"/>
      <c r="E405" s="1106"/>
      <c r="F405" s="1106"/>
      <c r="G405" s="1106"/>
      <c r="H405" s="1106"/>
      <c r="I405" s="1106"/>
      <c r="J405" s="1106"/>
      <c r="K405" s="1106"/>
      <c r="L405" s="1106"/>
      <c r="M405" s="1106"/>
      <c r="N405" s="1106"/>
      <c r="O405" s="1106"/>
      <c r="AB405" s="1106"/>
      <c r="AC405" s="1106"/>
      <c r="AD405" s="1106"/>
      <c r="AE405" s="1106"/>
      <c r="AF405" s="1106"/>
      <c r="AG405" s="1106"/>
      <c r="AH405" s="1106"/>
      <c r="AL405" s="1106"/>
      <c r="AZ405" s="1106"/>
      <c r="BA405" s="1106"/>
      <c r="BB405" s="1106"/>
      <c r="BC405" s="1106"/>
      <c r="BD405" s="1106"/>
      <c r="BE405" s="1106"/>
      <c r="BF405" s="1106"/>
      <c r="BG405" s="1106"/>
      <c r="BH405" s="1106"/>
      <c r="BI405" s="1106"/>
      <c r="BJ405" s="1106"/>
      <c r="BK405" s="1106"/>
      <c r="BL405" s="1106"/>
      <c r="BM405" s="1106"/>
      <c r="BN405" s="1106"/>
      <c r="BO405" s="1106"/>
      <c r="BP405" s="1106"/>
      <c r="BQ405" s="1106"/>
      <c r="BR405" s="1106"/>
      <c r="BS405" s="1106"/>
      <c r="BT405" s="1106"/>
      <c r="BU405" s="1106"/>
      <c r="BV405" s="1106"/>
      <c r="BW405" s="1106"/>
      <c r="BX405" s="1106"/>
      <c r="BY405" s="1106"/>
      <c r="BZ405" s="1106"/>
      <c r="CA405" s="1106"/>
    </row>
    <row r="406" spans="3:79" ht="9" customHeight="1" x14ac:dyDescent="0.2">
      <c r="C406" s="1106"/>
      <c r="D406" s="1106"/>
      <c r="E406" s="1106"/>
      <c r="F406" s="1106"/>
      <c r="G406" s="1106"/>
      <c r="H406" s="1106"/>
      <c r="I406" s="1106"/>
      <c r="J406" s="1106"/>
      <c r="K406" s="1106"/>
      <c r="L406" s="1106"/>
      <c r="M406" s="1106"/>
      <c r="N406" s="1106"/>
      <c r="O406" s="1106"/>
      <c r="U406" s="1106"/>
      <c r="AB406" s="1106"/>
      <c r="AC406" s="1106"/>
      <c r="AD406" s="1106"/>
      <c r="AE406" s="1106"/>
      <c r="AF406" s="1106"/>
      <c r="AG406" s="1106"/>
      <c r="AH406" s="1106"/>
      <c r="AL406" s="1106"/>
      <c r="AT406" s="1106"/>
      <c r="AU406" s="1106"/>
      <c r="AV406" s="1106"/>
      <c r="AW406" s="1106"/>
      <c r="AX406" s="1106"/>
      <c r="AY406" s="1106"/>
      <c r="AZ406" s="1106"/>
      <c r="BA406" s="1106"/>
      <c r="BB406" s="1106"/>
      <c r="BC406" s="1106"/>
      <c r="BD406" s="1106"/>
      <c r="BE406" s="1106"/>
      <c r="BF406" s="1106"/>
      <c r="BG406" s="1106"/>
      <c r="BH406" s="1106"/>
      <c r="BI406" s="1106"/>
      <c r="BJ406" s="1106"/>
      <c r="BK406" s="1106"/>
      <c r="BL406" s="1106"/>
      <c r="BM406" s="1106"/>
      <c r="BN406" s="1106"/>
      <c r="BO406" s="1106"/>
      <c r="BP406" s="1106"/>
      <c r="BQ406" s="1106"/>
      <c r="BR406" s="1106"/>
      <c r="BS406" s="1106"/>
      <c r="BT406" s="1106"/>
      <c r="BU406" s="1106"/>
      <c r="BV406" s="1106"/>
      <c r="BW406" s="1106"/>
      <c r="BX406" s="1106"/>
      <c r="BY406" s="1106"/>
      <c r="BZ406" s="1106"/>
      <c r="CA406" s="1106"/>
    </row>
    <row r="407" spans="3:79" ht="9" customHeight="1" x14ac:dyDescent="0.2">
      <c r="C407" s="1106"/>
      <c r="D407" s="1106"/>
      <c r="E407" s="1106"/>
      <c r="F407" s="1106"/>
      <c r="G407" s="1106"/>
      <c r="H407" s="1106"/>
      <c r="I407" s="1106"/>
      <c r="J407" s="1106"/>
      <c r="K407" s="1106"/>
      <c r="L407" s="1106"/>
      <c r="M407" s="1106"/>
      <c r="N407" s="1106"/>
      <c r="O407" s="1106"/>
      <c r="U407" s="1106"/>
      <c r="AB407" s="1106"/>
      <c r="AC407" s="1106"/>
      <c r="AD407" s="1106"/>
      <c r="AE407" s="1106"/>
      <c r="AF407" s="1106"/>
      <c r="AG407" s="1106"/>
      <c r="AH407" s="1106"/>
      <c r="AL407" s="1106"/>
      <c r="AO407" s="1106"/>
      <c r="AP407" s="1106"/>
      <c r="AT407" s="1106"/>
      <c r="AU407" s="1106"/>
      <c r="AV407" s="1106"/>
      <c r="AW407" s="1106"/>
      <c r="AX407" s="1106"/>
      <c r="AY407" s="1106"/>
      <c r="AZ407" s="1106"/>
      <c r="BA407" s="1106"/>
      <c r="BB407" s="1106"/>
      <c r="BC407" s="1106"/>
      <c r="BD407" s="1106"/>
      <c r="BE407" s="1106"/>
      <c r="BF407" s="1106"/>
      <c r="BG407" s="1106"/>
      <c r="BH407" s="1106"/>
      <c r="BI407" s="1106"/>
      <c r="BJ407" s="1106"/>
      <c r="BK407" s="1106"/>
      <c r="BL407" s="1106"/>
      <c r="BM407" s="1106"/>
      <c r="BN407" s="1106"/>
      <c r="BO407" s="1106"/>
      <c r="BP407" s="1106"/>
      <c r="BQ407" s="1106"/>
      <c r="BR407" s="1106"/>
      <c r="BS407" s="1106"/>
      <c r="BT407" s="1106"/>
      <c r="BU407" s="1106"/>
      <c r="BV407" s="1106"/>
      <c r="BW407" s="1106"/>
      <c r="BX407" s="1106"/>
      <c r="BY407" s="1106"/>
      <c r="BZ407" s="1106"/>
      <c r="CA407" s="1106"/>
    </row>
    <row r="408" spans="3:79" ht="9" customHeight="1" x14ac:dyDescent="0.2">
      <c r="C408" s="1106"/>
      <c r="D408" s="1106"/>
      <c r="E408" s="1106"/>
      <c r="F408" s="1106"/>
      <c r="G408" s="1106"/>
      <c r="H408" s="1106"/>
      <c r="I408" s="1106"/>
      <c r="J408" s="1106"/>
      <c r="K408" s="1106"/>
      <c r="L408" s="1106"/>
      <c r="M408" s="1106"/>
      <c r="N408" s="1106"/>
      <c r="O408" s="1106"/>
      <c r="U408" s="1106"/>
      <c r="AB408" s="1106"/>
      <c r="AC408" s="1106"/>
      <c r="AD408" s="1106"/>
      <c r="AE408" s="1106"/>
      <c r="AF408" s="1106"/>
      <c r="AG408" s="1106"/>
      <c r="AH408" s="1106"/>
      <c r="AL408" s="1106"/>
      <c r="AT408" s="1106"/>
      <c r="AU408" s="1106"/>
      <c r="AV408" s="1106"/>
      <c r="AW408" s="1106"/>
      <c r="AX408" s="1106"/>
      <c r="AY408" s="1106"/>
      <c r="AZ408" s="1106"/>
      <c r="BA408" s="1106"/>
      <c r="BB408" s="1106"/>
      <c r="BC408" s="1106"/>
      <c r="BD408" s="1106"/>
      <c r="BE408" s="1106"/>
      <c r="BF408" s="1106"/>
      <c r="BG408" s="1106"/>
      <c r="BH408" s="1106"/>
      <c r="BI408" s="1106"/>
      <c r="BJ408" s="1106"/>
      <c r="BK408" s="1106"/>
      <c r="BL408" s="1106"/>
      <c r="BM408" s="1106"/>
      <c r="BN408" s="1106"/>
      <c r="BO408" s="1106"/>
      <c r="BP408" s="1106"/>
      <c r="BQ408" s="1106"/>
      <c r="BR408" s="1106"/>
      <c r="BS408" s="1106"/>
      <c r="BT408" s="1106"/>
      <c r="BU408" s="1106"/>
      <c r="BV408" s="1106"/>
      <c r="BW408" s="1106"/>
      <c r="BX408" s="1106"/>
      <c r="BY408" s="1106"/>
      <c r="BZ408" s="1106"/>
      <c r="CA408" s="1106"/>
    </row>
    <row r="409" spans="3:79" ht="9" customHeight="1" x14ac:dyDescent="0.2">
      <c r="C409" s="1106"/>
      <c r="D409" s="1106"/>
      <c r="E409" s="1106"/>
      <c r="F409" s="1106"/>
      <c r="G409" s="1106"/>
      <c r="H409" s="1106"/>
      <c r="I409" s="1106"/>
      <c r="J409" s="1106"/>
      <c r="K409" s="1106"/>
      <c r="L409" s="1106"/>
      <c r="M409" s="1106"/>
      <c r="N409" s="1106"/>
      <c r="O409" s="1106"/>
      <c r="AB409" s="1106"/>
      <c r="AC409" s="1106"/>
      <c r="AD409" s="1106"/>
      <c r="AE409" s="1106"/>
      <c r="AF409" s="1106"/>
      <c r="AG409" s="1106"/>
      <c r="AH409" s="1106"/>
      <c r="AL409" s="1106"/>
      <c r="AZ409" s="1106"/>
      <c r="BA409" s="1106"/>
      <c r="BB409" s="1106"/>
      <c r="BC409" s="1106"/>
      <c r="BD409" s="1106"/>
      <c r="BE409" s="1106"/>
      <c r="BF409" s="1106"/>
      <c r="BG409" s="1106"/>
      <c r="BH409" s="1106"/>
      <c r="BI409" s="1106"/>
      <c r="BJ409" s="1106"/>
      <c r="BK409" s="1106"/>
      <c r="BL409" s="1106"/>
      <c r="BM409" s="1106"/>
      <c r="BN409" s="1106"/>
      <c r="BO409" s="1106"/>
      <c r="BP409" s="1106"/>
      <c r="BQ409" s="1106"/>
      <c r="BR409" s="1106"/>
      <c r="BS409" s="1106"/>
      <c r="BT409" s="1106"/>
      <c r="BU409" s="1106"/>
      <c r="BV409" s="1106"/>
      <c r="BW409" s="1106"/>
      <c r="BX409" s="1106"/>
      <c r="BY409" s="1106"/>
      <c r="BZ409" s="1106"/>
      <c r="CA409" s="1106"/>
    </row>
    <row r="410" spans="3:79" ht="9" customHeight="1" x14ac:dyDescent="0.2">
      <c r="C410" s="1106"/>
      <c r="D410" s="1106"/>
      <c r="E410" s="1106"/>
      <c r="F410" s="1106"/>
      <c r="G410" s="1106"/>
      <c r="H410" s="1106"/>
      <c r="I410" s="1106"/>
      <c r="J410" s="1106"/>
      <c r="K410" s="1106"/>
      <c r="L410" s="1106"/>
      <c r="M410" s="1106"/>
      <c r="N410" s="1106"/>
      <c r="O410" s="1106"/>
      <c r="AB410" s="1106"/>
      <c r="AC410" s="1106"/>
      <c r="AD410" s="1106"/>
      <c r="AE410" s="1106"/>
      <c r="AF410" s="1106"/>
      <c r="AG410" s="1106"/>
      <c r="AH410" s="1106"/>
      <c r="AL410" s="1106"/>
      <c r="AZ410" s="1106"/>
      <c r="BA410" s="1106"/>
      <c r="BB410" s="1106"/>
      <c r="BC410" s="1106"/>
      <c r="BD410" s="1106"/>
      <c r="BE410" s="1106"/>
      <c r="BF410" s="1106"/>
      <c r="BG410" s="1106"/>
      <c r="BH410" s="1106"/>
      <c r="BI410" s="1106"/>
      <c r="BJ410" s="1106"/>
      <c r="BK410" s="1106"/>
      <c r="BL410" s="1106"/>
      <c r="BM410" s="1106"/>
      <c r="BN410" s="1106"/>
      <c r="BO410" s="1106"/>
      <c r="BP410" s="1106"/>
      <c r="BQ410" s="1106"/>
      <c r="BR410" s="1106"/>
      <c r="BS410" s="1106"/>
      <c r="BT410" s="1106"/>
      <c r="BU410" s="1106"/>
      <c r="BV410" s="1106"/>
      <c r="BW410" s="1106"/>
      <c r="BX410" s="1106"/>
      <c r="BY410" s="1106"/>
      <c r="BZ410" s="1106"/>
      <c r="CA410" s="1106"/>
    </row>
    <row r="411" spans="3:79" ht="9" customHeight="1" x14ac:dyDescent="0.2">
      <c r="C411" s="1106"/>
      <c r="D411" s="1106"/>
      <c r="E411" s="1106"/>
      <c r="F411" s="1106"/>
      <c r="G411" s="1106"/>
      <c r="H411" s="1106"/>
      <c r="I411" s="1106"/>
      <c r="J411" s="1106"/>
      <c r="K411" s="1106"/>
      <c r="L411" s="1106"/>
      <c r="M411" s="1106"/>
      <c r="N411" s="1106"/>
      <c r="O411" s="1106"/>
      <c r="AB411" s="1106"/>
      <c r="AC411" s="1106"/>
      <c r="AD411" s="1106"/>
      <c r="AE411" s="1106"/>
      <c r="AF411" s="1106"/>
      <c r="AG411" s="1106"/>
      <c r="AH411" s="1106"/>
      <c r="AL411" s="1106"/>
      <c r="AZ411" s="1106"/>
      <c r="BA411" s="1106"/>
      <c r="BB411" s="1106"/>
      <c r="BC411" s="1106"/>
      <c r="BD411" s="1106"/>
      <c r="BE411" s="1106"/>
      <c r="BF411" s="1106"/>
      <c r="BG411" s="1106"/>
      <c r="BH411" s="1106"/>
      <c r="BI411" s="1106"/>
      <c r="BJ411" s="1106"/>
      <c r="BK411" s="1106"/>
      <c r="BL411" s="1106"/>
      <c r="BM411" s="1106"/>
      <c r="BN411" s="1106"/>
      <c r="BO411" s="1106"/>
      <c r="BP411" s="1106"/>
      <c r="BQ411" s="1106"/>
      <c r="BR411" s="1106"/>
      <c r="BS411" s="1106"/>
      <c r="BT411" s="1106"/>
      <c r="BU411" s="1106"/>
      <c r="BV411" s="1106"/>
      <c r="BW411" s="1106"/>
      <c r="BX411" s="1106"/>
      <c r="BY411" s="1106"/>
      <c r="BZ411" s="1106"/>
      <c r="CA411" s="1106"/>
    </row>
    <row r="412" spans="3:79" ht="9" customHeight="1" x14ac:dyDescent="0.2">
      <c r="C412" s="1106"/>
      <c r="D412" s="1106"/>
      <c r="E412" s="1106"/>
      <c r="F412" s="1106"/>
      <c r="G412" s="1106"/>
      <c r="H412" s="1106"/>
      <c r="I412" s="1106"/>
      <c r="J412" s="1106"/>
      <c r="K412" s="1106"/>
      <c r="L412" s="1106"/>
      <c r="M412" s="1106"/>
      <c r="N412" s="1106"/>
      <c r="O412" s="1106"/>
      <c r="U412" s="1106"/>
      <c r="AB412" s="1106"/>
      <c r="AC412" s="1106"/>
      <c r="AD412" s="1106"/>
      <c r="AE412" s="1106"/>
      <c r="AF412" s="1106"/>
      <c r="AG412" s="1106"/>
      <c r="AH412" s="1106"/>
      <c r="AL412" s="1106"/>
      <c r="AT412" s="1106"/>
      <c r="AU412" s="1106"/>
      <c r="AV412" s="1106"/>
      <c r="AW412" s="1106"/>
      <c r="AX412" s="1106"/>
      <c r="AY412" s="1106"/>
      <c r="AZ412" s="1106"/>
      <c r="BA412" s="1106"/>
      <c r="BB412" s="1106"/>
      <c r="BC412" s="1106"/>
      <c r="BD412" s="1106"/>
      <c r="BE412" s="1106"/>
      <c r="BF412" s="1106"/>
      <c r="BG412" s="1106"/>
      <c r="BH412" s="1106"/>
      <c r="BI412" s="1106"/>
      <c r="BJ412" s="1106"/>
      <c r="BK412" s="1106"/>
      <c r="BL412" s="1106"/>
      <c r="BM412" s="1106"/>
      <c r="BN412" s="1106"/>
      <c r="BO412" s="1106"/>
      <c r="BP412" s="1106"/>
      <c r="BQ412" s="1106"/>
      <c r="BR412" s="1106"/>
      <c r="BS412" s="1106"/>
      <c r="BT412" s="1106"/>
      <c r="BU412" s="1106"/>
      <c r="BV412" s="1106"/>
      <c r="BW412" s="1106"/>
      <c r="BX412" s="1106"/>
      <c r="BY412" s="1106"/>
      <c r="BZ412" s="1106"/>
      <c r="CA412" s="1106"/>
    </row>
    <row r="413" spans="3:79" ht="9" customHeight="1" x14ac:dyDescent="0.2">
      <c r="C413" s="1106"/>
      <c r="D413" s="1106"/>
      <c r="E413" s="1106"/>
      <c r="F413" s="1106"/>
      <c r="G413" s="1106"/>
      <c r="H413" s="1106"/>
      <c r="I413" s="1106"/>
      <c r="J413" s="1106"/>
      <c r="K413" s="1106"/>
      <c r="L413" s="1106"/>
      <c r="M413" s="1106"/>
      <c r="N413" s="1106"/>
      <c r="O413" s="1106"/>
      <c r="U413" s="1106"/>
      <c r="AB413" s="1106"/>
      <c r="AC413" s="1106"/>
      <c r="AD413" s="1106"/>
      <c r="AE413" s="1106"/>
      <c r="AF413" s="1106"/>
      <c r="AG413" s="1106"/>
      <c r="AH413" s="1106"/>
      <c r="AL413" s="1106"/>
      <c r="AO413" s="1106"/>
      <c r="AP413" s="1106"/>
      <c r="AT413" s="1106"/>
      <c r="AU413" s="1106"/>
      <c r="AV413" s="1106"/>
      <c r="AW413" s="1106"/>
      <c r="AX413" s="1106"/>
      <c r="AY413" s="1106"/>
      <c r="AZ413" s="1106"/>
      <c r="BA413" s="1106"/>
      <c r="BB413" s="1106"/>
      <c r="BC413" s="1106"/>
      <c r="BD413" s="1106"/>
      <c r="BE413" s="1106"/>
      <c r="BF413" s="1106"/>
      <c r="BG413" s="1106"/>
      <c r="BH413" s="1106"/>
      <c r="BI413" s="1106"/>
      <c r="BJ413" s="1106"/>
      <c r="BK413" s="1106"/>
      <c r="BL413" s="1106"/>
      <c r="BM413" s="1106"/>
      <c r="BN413" s="1106"/>
      <c r="BO413" s="1106"/>
      <c r="BP413" s="1106"/>
      <c r="BQ413" s="1106"/>
      <c r="BR413" s="1106"/>
      <c r="BS413" s="1106"/>
      <c r="BT413" s="1106"/>
      <c r="BU413" s="1106"/>
      <c r="BV413" s="1106"/>
      <c r="BW413" s="1106"/>
      <c r="BX413" s="1106"/>
      <c r="BY413" s="1106"/>
      <c r="BZ413" s="1106"/>
      <c r="CA413" s="1106"/>
    </row>
    <row r="414" spans="3:79" ht="9" customHeight="1" x14ac:dyDescent="0.2">
      <c r="C414" s="1106"/>
      <c r="D414" s="1106"/>
      <c r="E414" s="1106"/>
      <c r="F414" s="1106"/>
      <c r="G414" s="1106"/>
      <c r="H414" s="1106"/>
      <c r="I414" s="1106"/>
      <c r="J414" s="1106"/>
      <c r="K414" s="1106"/>
      <c r="L414" s="1106"/>
      <c r="M414" s="1106"/>
      <c r="N414" s="1106"/>
      <c r="O414" s="1106"/>
      <c r="U414" s="1106"/>
      <c r="AB414" s="1106"/>
      <c r="AC414" s="1106"/>
      <c r="AD414" s="1106"/>
      <c r="AE414" s="1106"/>
      <c r="AF414" s="1106"/>
      <c r="AG414" s="1106"/>
      <c r="AH414" s="1106"/>
      <c r="AL414" s="1106"/>
      <c r="AT414" s="1106"/>
      <c r="AU414" s="1106"/>
      <c r="AV414" s="1106"/>
      <c r="AW414" s="1106"/>
      <c r="AX414" s="1106"/>
      <c r="AY414" s="1106"/>
      <c r="AZ414" s="1106"/>
      <c r="BA414" s="1106"/>
      <c r="BB414" s="1106"/>
      <c r="BC414" s="1106"/>
      <c r="BD414" s="1106"/>
      <c r="BE414" s="1106"/>
      <c r="BF414" s="1106"/>
      <c r="BG414" s="1106"/>
      <c r="BH414" s="1106"/>
      <c r="BI414" s="1106"/>
      <c r="BJ414" s="1106"/>
      <c r="BK414" s="1106"/>
      <c r="BL414" s="1106"/>
      <c r="BM414" s="1106"/>
      <c r="BN414" s="1106"/>
      <c r="BO414" s="1106"/>
      <c r="BP414" s="1106"/>
      <c r="BQ414" s="1106"/>
      <c r="BR414" s="1106"/>
      <c r="BS414" s="1106"/>
      <c r="BT414" s="1106"/>
      <c r="BU414" s="1106"/>
      <c r="BV414" s="1106"/>
      <c r="BW414" s="1106"/>
      <c r="BX414" s="1106"/>
      <c r="BY414" s="1106"/>
      <c r="BZ414" s="1106"/>
      <c r="CA414" s="1106"/>
    </row>
    <row r="415" spans="3:79" ht="9" customHeight="1" x14ac:dyDescent="0.2">
      <c r="C415" s="1106"/>
      <c r="D415" s="1106"/>
      <c r="E415" s="1106"/>
      <c r="F415" s="1106"/>
      <c r="G415" s="1106"/>
      <c r="H415" s="1106"/>
      <c r="I415" s="1106"/>
      <c r="J415" s="1106"/>
      <c r="K415" s="1106"/>
      <c r="L415" s="1106"/>
      <c r="M415" s="1106"/>
      <c r="N415" s="1106"/>
      <c r="O415" s="1106"/>
      <c r="AB415" s="1106"/>
      <c r="AC415" s="1106"/>
      <c r="AD415" s="1106"/>
      <c r="AE415" s="1106"/>
      <c r="AF415" s="1106"/>
      <c r="AG415" s="1106"/>
      <c r="AH415" s="1106"/>
      <c r="AL415" s="1106"/>
      <c r="AZ415" s="1106"/>
      <c r="BA415" s="1106"/>
      <c r="BB415" s="1106"/>
      <c r="BC415" s="1106"/>
      <c r="BD415" s="1106"/>
      <c r="BE415" s="1106"/>
      <c r="BF415" s="1106"/>
      <c r="BG415" s="1106"/>
      <c r="BH415" s="1106"/>
      <c r="BI415" s="1106"/>
      <c r="BJ415" s="1106"/>
      <c r="BK415" s="1106"/>
      <c r="BL415" s="1106"/>
      <c r="BM415" s="1106"/>
      <c r="BN415" s="1106"/>
      <c r="BO415" s="1106"/>
      <c r="BP415" s="1106"/>
      <c r="BQ415" s="1106"/>
      <c r="BR415" s="1106"/>
      <c r="BS415" s="1106"/>
      <c r="BT415" s="1106"/>
      <c r="BU415" s="1106"/>
      <c r="BV415" s="1106"/>
      <c r="BW415" s="1106"/>
      <c r="BX415" s="1106"/>
      <c r="BY415" s="1106"/>
      <c r="BZ415" s="1106"/>
      <c r="CA415" s="1106"/>
    </row>
    <row r="416" spans="3:79" ht="9" customHeight="1" x14ac:dyDescent="0.2">
      <c r="C416" s="1106"/>
      <c r="D416" s="1106"/>
      <c r="E416" s="1106"/>
      <c r="F416" s="1106"/>
      <c r="G416" s="1106"/>
      <c r="H416" s="1106"/>
      <c r="I416" s="1106"/>
      <c r="J416" s="1106"/>
      <c r="K416" s="1106"/>
      <c r="L416" s="1106"/>
      <c r="M416" s="1106"/>
      <c r="N416" s="1106"/>
      <c r="O416" s="1106"/>
      <c r="AB416" s="1106"/>
      <c r="AC416" s="1106"/>
      <c r="AD416" s="1106"/>
      <c r="AE416" s="1106"/>
      <c r="AF416" s="1106"/>
      <c r="AG416" s="1106"/>
      <c r="AH416" s="1106"/>
      <c r="AL416" s="1106"/>
      <c r="AZ416" s="1106"/>
      <c r="BA416" s="1106"/>
      <c r="BB416" s="1106"/>
      <c r="BC416" s="1106"/>
      <c r="BD416" s="1106"/>
      <c r="BE416" s="1106"/>
      <c r="BF416" s="1106"/>
      <c r="BG416" s="1106"/>
      <c r="BH416" s="1106"/>
      <c r="BI416" s="1106"/>
      <c r="BJ416" s="1106"/>
      <c r="BK416" s="1106"/>
      <c r="BL416" s="1106"/>
      <c r="BM416" s="1106"/>
      <c r="BN416" s="1106"/>
      <c r="BO416" s="1106"/>
      <c r="BP416" s="1106"/>
      <c r="BQ416" s="1106"/>
      <c r="BR416" s="1106"/>
      <c r="BS416" s="1106"/>
      <c r="BT416" s="1106"/>
      <c r="BU416" s="1106"/>
      <c r="BV416" s="1106"/>
      <c r="BW416" s="1106"/>
      <c r="BX416" s="1106"/>
      <c r="BY416" s="1106"/>
      <c r="BZ416" s="1106"/>
      <c r="CA416" s="1106"/>
    </row>
    <row r="417" spans="3:79" ht="9" customHeight="1" x14ac:dyDescent="0.2">
      <c r="C417" s="1106"/>
      <c r="D417" s="1106"/>
      <c r="E417" s="1106"/>
      <c r="F417" s="1106"/>
      <c r="G417" s="1106"/>
      <c r="H417" s="1106"/>
      <c r="I417" s="1106"/>
      <c r="J417" s="1106"/>
      <c r="K417" s="1106"/>
      <c r="L417" s="1106"/>
      <c r="M417" s="1106"/>
      <c r="N417" s="1106"/>
      <c r="O417" s="1106"/>
      <c r="AB417" s="1106"/>
      <c r="AC417" s="1106"/>
      <c r="AD417" s="1106"/>
      <c r="AE417" s="1106"/>
      <c r="AF417" s="1106"/>
      <c r="AG417" s="1106"/>
      <c r="AH417" s="1106"/>
      <c r="AL417" s="1106"/>
      <c r="AZ417" s="1106"/>
      <c r="BA417" s="1106"/>
      <c r="BB417" s="1106"/>
      <c r="BC417" s="1106"/>
      <c r="BD417" s="1106"/>
      <c r="BE417" s="1106"/>
      <c r="BF417" s="1106"/>
      <c r="BG417" s="1106"/>
      <c r="BH417" s="1106"/>
      <c r="BI417" s="1106"/>
      <c r="BJ417" s="1106"/>
      <c r="BK417" s="1106"/>
      <c r="BL417" s="1106"/>
      <c r="BM417" s="1106"/>
      <c r="BN417" s="1106"/>
      <c r="BO417" s="1106"/>
      <c r="BP417" s="1106"/>
      <c r="BQ417" s="1106"/>
      <c r="BR417" s="1106"/>
      <c r="BS417" s="1106"/>
      <c r="BT417" s="1106"/>
      <c r="BU417" s="1106"/>
      <c r="BV417" s="1106"/>
      <c r="BW417" s="1106"/>
      <c r="BX417" s="1106"/>
      <c r="BY417" s="1106"/>
      <c r="BZ417" s="1106"/>
      <c r="CA417" s="1106"/>
    </row>
    <row r="418" spans="3:79" ht="9" customHeight="1" x14ac:dyDescent="0.2">
      <c r="C418" s="1106"/>
      <c r="D418" s="1106"/>
      <c r="E418" s="1106"/>
      <c r="F418" s="1106"/>
      <c r="G418" s="1106"/>
      <c r="H418" s="1106"/>
      <c r="I418" s="1106"/>
      <c r="J418" s="1106"/>
      <c r="K418" s="1106"/>
      <c r="L418" s="1106"/>
      <c r="M418" s="1106"/>
      <c r="N418" s="1106"/>
      <c r="O418" s="1106"/>
      <c r="U418" s="1106"/>
      <c r="AB418" s="1106"/>
      <c r="AC418" s="1106"/>
      <c r="AD418" s="1106"/>
      <c r="AE418" s="1106"/>
      <c r="AF418" s="1106"/>
      <c r="AG418" s="1106"/>
      <c r="AH418" s="1106"/>
      <c r="AL418" s="1106"/>
      <c r="AT418" s="1106"/>
      <c r="AU418" s="1106"/>
      <c r="AV418" s="1106"/>
      <c r="AW418" s="1106"/>
      <c r="AX418" s="1106"/>
      <c r="AY418" s="1106"/>
      <c r="AZ418" s="1106"/>
      <c r="BA418" s="1106"/>
      <c r="BB418" s="1106"/>
      <c r="BC418" s="1106"/>
      <c r="BD418" s="1106"/>
      <c r="BE418" s="1106"/>
      <c r="BF418" s="1106"/>
      <c r="BG418" s="1106"/>
      <c r="BH418" s="1106"/>
      <c r="BI418" s="1106"/>
      <c r="BJ418" s="1106"/>
      <c r="BK418" s="1106"/>
      <c r="BL418" s="1106"/>
      <c r="BM418" s="1106"/>
      <c r="BN418" s="1106"/>
      <c r="BO418" s="1106"/>
      <c r="BP418" s="1106"/>
      <c r="BQ418" s="1106"/>
      <c r="BR418" s="1106"/>
      <c r="BS418" s="1106"/>
      <c r="BT418" s="1106"/>
      <c r="BU418" s="1106"/>
      <c r="BV418" s="1106"/>
      <c r="BW418" s="1106"/>
      <c r="BX418" s="1106"/>
      <c r="BY418" s="1106"/>
      <c r="BZ418" s="1106"/>
      <c r="CA418" s="1106"/>
    </row>
    <row r="419" spans="3:79" ht="9" customHeight="1" x14ac:dyDescent="0.2">
      <c r="C419" s="1106"/>
      <c r="D419" s="1106"/>
      <c r="E419" s="1106"/>
      <c r="F419" s="1106"/>
      <c r="G419" s="1106"/>
      <c r="H419" s="1106"/>
      <c r="I419" s="1106"/>
      <c r="J419" s="1106"/>
      <c r="K419" s="1106"/>
      <c r="L419" s="1106"/>
      <c r="M419" s="1106"/>
      <c r="N419" s="1106"/>
      <c r="O419" s="1106"/>
      <c r="U419" s="1106"/>
      <c r="AB419" s="1106"/>
      <c r="AC419" s="1106"/>
      <c r="AD419" s="1106"/>
      <c r="AE419" s="1106"/>
      <c r="AF419" s="1106"/>
      <c r="AG419" s="1106"/>
      <c r="AH419" s="1106"/>
      <c r="AL419" s="1106"/>
      <c r="AO419" s="1106"/>
      <c r="AP419" s="1106"/>
      <c r="AT419" s="1106"/>
      <c r="AU419" s="1106"/>
      <c r="AV419" s="1106"/>
      <c r="AW419" s="1106"/>
      <c r="AX419" s="1106"/>
      <c r="AY419" s="1106"/>
      <c r="AZ419" s="1106"/>
      <c r="BA419" s="1106"/>
      <c r="BB419" s="1106"/>
      <c r="BC419" s="1106"/>
      <c r="BD419" s="1106"/>
      <c r="BE419" s="1106"/>
      <c r="BF419" s="1106"/>
      <c r="BG419" s="1106"/>
      <c r="BH419" s="1106"/>
      <c r="BI419" s="1106"/>
      <c r="BJ419" s="1106"/>
      <c r="BK419" s="1106"/>
      <c r="BL419" s="1106"/>
      <c r="BM419" s="1106"/>
      <c r="BN419" s="1106"/>
      <c r="BO419" s="1106"/>
      <c r="BP419" s="1106"/>
      <c r="BQ419" s="1106"/>
      <c r="BR419" s="1106"/>
      <c r="BS419" s="1106"/>
      <c r="BT419" s="1106"/>
      <c r="BU419" s="1106"/>
      <c r="BV419" s="1106"/>
      <c r="BW419" s="1106"/>
      <c r="BX419" s="1106"/>
      <c r="BY419" s="1106"/>
      <c r="BZ419" s="1106"/>
      <c r="CA419" s="1106"/>
    </row>
    <row r="420" spans="3:79" ht="9" customHeight="1" x14ac:dyDescent="0.2">
      <c r="C420" s="1106"/>
      <c r="D420" s="1106"/>
      <c r="E420" s="1106"/>
      <c r="F420" s="1106"/>
      <c r="G420" s="1106"/>
      <c r="H420" s="1106"/>
      <c r="I420" s="1106"/>
      <c r="J420" s="1106"/>
      <c r="K420" s="1106"/>
      <c r="L420" s="1106"/>
      <c r="M420" s="1106"/>
      <c r="N420" s="1106"/>
      <c r="O420" s="1106"/>
      <c r="U420" s="1106"/>
      <c r="AB420" s="1106"/>
      <c r="AC420" s="1106"/>
      <c r="AD420" s="1106"/>
      <c r="AE420" s="1106"/>
      <c r="AF420" s="1106"/>
      <c r="AG420" s="1106"/>
      <c r="AH420" s="1106"/>
      <c r="AL420" s="1106"/>
      <c r="AT420" s="1106"/>
      <c r="AU420" s="1106"/>
      <c r="AV420" s="1106"/>
      <c r="AW420" s="1106"/>
      <c r="AX420" s="1106"/>
      <c r="AY420" s="1106"/>
      <c r="AZ420" s="1106"/>
      <c r="BA420" s="1106"/>
      <c r="BB420" s="1106"/>
      <c r="BC420" s="1106"/>
      <c r="BD420" s="1106"/>
      <c r="BE420" s="1106"/>
      <c r="BF420" s="1106"/>
      <c r="BG420" s="1106"/>
      <c r="BH420" s="1106"/>
      <c r="BI420" s="1106"/>
      <c r="BJ420" s="1106"/>
      <c r="BK420" s="1106"/>
      <c r="BL420" s="1106"/>
      <c r="BM420" s="1106"/>
      <c r="BN420" s="1106"/>
      <c r="BO420" s="1106"/>
      <c r="BP420" s="1106"/>
      <c r="BQ420" s="1106"/>
      <c r="BR420" s="1106"/>
      <c r="BS420" s="1106"/>
      <c r="BT420" s="1106"/>
      <c r="BU420" s="1106"/>
      <c r="BV420" s="1106"/>
      <c r="BW420" s="1106"/>
      <c r="BX420" s="1106"/>
      <c r="BY420" s="1106"/>
      <c r="BZ420" s="1106"/>
      <c r="CA420" s="1106"/>
    </row>
    <row r="421" spans="3:79" ht="9" customHeight="1" x14ac:dyDescent="0.2">
      <c r="C421" s="1106"/>
      <c r="D421" s="1106"/>
      <c r="E421" s="1106"/>
      <c r="F421" s="1106"/>
      <c r="G421" s="1106"/>
      <c r="H421" s="1106"/>
      <c r="I421" s="1106"/>
      <c r="J421" s="1106"/>
      <c r="K421" s="1106"/>
      <c r="L421" s="1106"/>
      <c r="M421" s="1106"/>
      <c r="N421" s="1106"/>
      <c r="O421" s="1106"/>
      <c r="AB421" s="1106"/>
      <c r="AC421" s="1106"/>
      <c r="AD421" s="1106"/>
      <c r="AE421" s="1106"/>
      <c r="AF421" s="1106"/>
      <c r="AG421" s="1106"/>
      <c r="AH421" s="1106"/>
      <c r="AL421" s="1106"/>
      <c r="AZ421" s="1106"/>
      <c r="BA421" s="1106"/>
      <c r="BB421" s="1106"/>
      <c r="BC421" s="1106"/>
      <c r="BD421" s="1106"/>
      <c r="BE421" s="1106"/>
      <c r="BF421" s="1106"/>
      <c r="BG421" s="1106"/>
      <c r="BH421" s="1106"/>
      <c r="BI421" s="1106"/>
      <c r="BJ421" s="1106"/>
      <c r="BK421" s="1106"/>
      <c r="BL421" s="1106"/>
      <c r="BM421" s="1106"/>
      <c r="BN421" s="1106"/>
      <c r="BO421" s="1106"/>
      <c r="BP421" s="1106"/>
      <c r="BQ421" s="1106"/>
      <c r="BR421" s="1106"/>
      <c r="BS421" s="1106"/>
      <c r="BT421" s="1106"/>
      <c r="BU421" s="1106"/>
      <c r="BV421" s="1106"/>
      <c r="BW421" s="1106"/>
      <c r="BX421" s="1106"/>
      <c r="BY421" s="1106"/>
      <c r="BZ421" s="1106"/>
      <c r="CA421" s="1106"/>
    </row>
    <row r="422" spans="3:79" ht="9" customHeight="1" x14ac:dyDescent="0.2">
      <c r="C422" s="1106"/>
      <c r="D422" s="1106"/>
      <c r="E422" s="1106"/>
      <c r="F422" s="1106"/>
      <c r="G422" s="1106"/>
      <c r="H422" s="1106"/>
      <c r="I422" s="1106"/>
      <c r="J422" s="1106"/>
      <c r="K422" s="1106"/>
      <c r="L422" s="1106"/>
      <c r="M422" s="1106"/>
      <c r="N422" s="1106"/>
      <c r="O422" s="1106"/>
      <c r="AB422" s="1106"/>
      <c r="AC422" s="1106"/>
      <c r="AD422" s="1106"/>
      <c r="AE422" s="1106"/>
      <c r="AF422" s="1106"/>
      <c r="AG422" s="1106"/>
      <c r="AH422" s="1106"/>
      <c r="AL422" s="1106"/>
      <c r="AZ422" s="1106"/>
      <c r="BA422" s="1106"/>
      <c r="BB422" s="1106"/>
      <c r="BC422" s="1106"/>
      <c r="BD422" s="1106"/>
      <c r="BE422" s="1106"/>
      <c r="BF422" s="1106"/>
      <c r="BG422" s="1106"/>
      <c r="BH422" s="1106"/>
      <c r="BI422" s="1106"/>
      <c r="BJ422" s="1106"/>
      <c r="BK422" s="1106"/>
      <c r="BL422" s="1106"/>
      <c r="BM422" s="1106"/>
      <c r="BN422" s="1106"/>
      <c r="BO422" s="1106"/>
      <c r="BP422" s="1106"/>
      <c r="BQ422" s="1106"/>
      <c r="BR422" s="1106"/>
      <c r="BS422" s="1106"/>
      <c r="BT422" s="1106"/>
      <c r="BU422" s="1106"/>
      <c r="BV422" s="1106"/>
      <c r="BW422" s="1106"/>
      <c r="BX422" s="1106"/>
      <c r="BY422" s="1106"/>
      <c r="BZ422" s="1106"/>
      <c r="CA422" s="1106"/>
    </row>
    <row r="423" spans="3:79" ht="9" customHeight="1" x14ac:dyDescent="0.2">
      <c r="C423" s="1106"/>
      <c r="D423" s="1106"/>
      <c r="E423" s="1106"/>
      <c r="F423" s="1106"/>
      <c r="G423" s="1106"/>
      <c r="H423" s="1106"/>
      <c r="I423" s="1106"/>
      <c r="J423" s="1106"/>
      <c r="K423" s="1106"/>
      <c r="L423" s="1106"/>
      <c r="M423" s="1106"/>
      <c r="N423" s="1106"/>
      <c r="O423" s="1106"/>
      <c r="AB423" s="1106"/>
      <c r="AC423" s="1106"/>
      <c r="AD423" s="1106"/>
      <c r="AE423" s="1106"/>
      <c r="AF423" s="1106"/>
      <c r="AG423" s="1106"/>
      <c r="AH423" s="1106"/>
      <c r="AL423" s="1106"/>
      <c r="AZ423" s="1106"/>
      <c r="BA423" s="1106"/>
      <c r="BB423" s="1106"/>
      <c r="BC423" s="1106"/>
      <c r="BD423" s="1106"/>
      <c r="BE423" s="1106"/>
      <c r="BF423" s="1106"/>
      <c r="BG423" s="1106"/>
      <c r="BH423" s="1106"/>
      <c r="BI423" s="1106"/>
      <c r="BJ423" s="1106"/>
      <c r="BK423" s="1106"/>
      <c r="BL423" s="1106"/>
      <c r="BM423" s="1106"/>
      <c r="BN423" s="1106"/>
      <c r="BO423" s="1106"/>
      <c r="BP423" s="1106"/>
      <c r="BQ423" s="1106"/>
      <c r="BR423" s="1106"/>
      <c r="BS423" s="1106"/>
      <c r="BT423" s="1106"/>
      <c r="BU423" s="1106"/>
      <c r="BV423" s="1106"/>
      <c r="BW423" s="1106"/>
      <c r="BX423" s="1106"/>
      <c r="BY423" s="1106"/>
      <c r="BZ423" s="1106"/>
      <c r="CA423" s="1106"/>
    </row>
    <row r="424" spans="3:79" ht="9" customHeight="1" x14ac:dyDescent="0.2">
      <c r="C424" s="1106"/>
      <c r="D424" s="1106"/>
      <c r="E424" s="1106"/>
      <c r="F424" s="1106"/>
      <c r="G424" s="1106"/>
      <c r="H424" s="1106"/>
      <c r="I424" s="1106"/>
      <c r="J424" s="1106"/>
      <c r="K424" s="1106"/>
      <c r="L424" s="1106"/>
      <c r="M424" s="1106"/>
      <c r="N424" s="1106"/>
      <c r="O424" s="1106"/>
      <c r="U424" s="1106"/>
      <c r="AB424" s="1106"/>
      <c r="AC424" s="1106"/>
      <c r="AD424" s="1106"/>
      <c r="AE424" s="1106"/>
      <c r="AF424" s="1106"/>
      <c r="AG424" s="1106"/>
      <c r="AH424" s="1106"/>
      <c r="AL424" s="1106"/>
      <c r="AT424" s="1106"/>
      <c r="AU424" s="1106"/>
      <c r="AV424" s="1106"/>
      <c r="AW424" s="1106"/>
      <c r="AX424" s="1106"/>
      <c r="AY424" s="1106"/>
      <c r="AZ424" s="1106"/>
      <c r="BA424" s="1106"/>
      <c r="BB424" s="1106"/>
      <c r="BC424" s="1106"/>
      <c r="BD424" s="1106"/>
      <c r="BE424" s="1106"/>
      <c r="BF424" s="1106"/>
      <c r="BG424" s="1106"/>
      <c r="BH424" s="1106"/>
      <c r="BI424" s="1106"/>
      <c r="BJ424" s="1106"/>
      <c r="BK424" s="1106"/>
      <c r="BL424" s="1106"/>
      <c r="BM424" s="1106"/>
      <c r="BN424" s="1106"/>
      <c r="BO424" s="1106"/>
      <c r="BP424" s="1106"/>
      <c r="BQ424" s="1106"/>
      <c r="BR424" s="1106"/>
      <c r="BS424" s="1106"/>
      <c r="BT424" s="1106"/>
      <c r="BU424" s="1106"/>
      <c r="BV424" s="1106"/>
      <c r="BW424" s="1106"/>
      <c r="BX424" s="1106"/>
      <c r="BY424" s="1106"/>
      <c r="BZ424" s="1106"/>
      <c r="CA424" s="1106"/>
    </row>
    <row r="425" spans="3:79" ht="9" customHeight="1" x14ac:dyDescent="0.2">
      <c r="C425" s="1106"/>
      <c r="D425" s="1106"/>
      <c r="E425" s="1106"/>
      <c r="F425" s="1106"/>
      <c r="G425" s="1106"/>
      <c r="H425" s="1106"/>
      <c r="I425" s="1106"/>
      <c r="J425" s="1106"/>
      <c r="K425" s="1106"/>
      <c r="L425" s="1106"/>
      <c r="M425" s="1106"/>
      <c r="N425" s="1106"/>
      <c r="O425" s="1106"/>
      <c r="U425" s="1106"/>
      <c r="AB425" s="1106"/>
      <c r="AC425" s="1106"/>
      <c r="AD425" s="1106"/>
      <c r="AE425" s="1106"/>
      <c r="AF425" s="1106"/>
      <c r="AG425" s="1106"/>
      <c r="AH425" s="1106"/>
      <c r="AL425" s="1106"/>
      <c r="AO425" s="1106"/>
      <c r="AP425" s="1106"/>
      <c r="AT425" s="1106"/>
      <c r="AU425" s="1106"/>
      <c r="AV425" s="1106"/>
      <c r="AW425" s="1106"/>
      <c r="AX425" s="1106"/>
      <c r="AY425" s="1106"/>
      <c r="AZ425" s="1106"/>
      <c r="BA425" s="1106"/>
      <c r="BB425" s="1106"/>
      <c r="BC425" s="1106"/>
      <c r="BD425" s="1106"/>
      <c r="BE425" s="1106"/>
      <c r="BF425" s="1106"/>
      <c r="BG425" s="1106"/>
      <c r="BH425" s="1106"/>
      <c r="BI425" s="1106"/>
      <c r="BJ425" s="1106"/>
      <c r="BK425" s="1106"/>
      <c r="BL425" s="1106"/>
      <c r="BM425" s="1106"/>
      <c r="BN425" s="1106"/>
      <c r="BO425" s="1106"/>
      <c r="BP425" s="1106"/>
      <c r="BQ425" s="1106"/>
      <c r="BR425" s="1106"/>
      <c r="BS425" s="1106"/>
      <c r="BT425" s="1106"/>
      <c r="BU425" s="1106"/>
      <c r="BV425" s="1106"/>
      <c r="BW425" s="1106"/>
      <c r="BX425" s="1106"/>
      <c r="BY425" s="1106"/>
      <c r="BZ425" s="1106"/>
      <c r="CA425" s="1106"/>
    </row>
    <row r="426" spans="3:79" ht="9" customHeight="1" x14ac:dyDescent="0.2">
      <c r="C426" s="1106"/>
      <c r="D426" s="1106"/>
      <c r="E426" s="1106"/>
      <c r="F426" s="1106"/>
      <c r="G426" s="1106"/>
      <c r="H426" s="1106"/>
      <c r="I426" s="1106"/>
      <c r="J426" s="1106"/>
      <c r="K426" s="1106"/>
      <c r="L426" s="1106"/>
      <c r="M426" s="1106"/>
      <c r="N426" s="1106"/>
      <c r="O426" s="1106"/>
      <c r="U426" s="1106"/>
      <c r="AB426" s="1106"/>
      <c r="AC426" s="1106"/>
      <c r="AD426" s="1106"/>
      <c r="AE426" s="1106"/>
      <c r="AF426" s="1106"/>
      <c r="AG426" s="1106"/>
      <c r="AH426" s="1106"/>
      <c r="AL426" s="1106"/>
      <c r="AT426" s="1106"/>
      <c r="AU426" s="1106"/>
      <c r="AV426" s="1106"/>
      <c r="AW426" s="1106"/>
      <c r="AX426" s="1106"/>
      <c r="AY426" s="1106"/>
      <c r="AZ426" s="1106"/>
      <c r="BA426" s="1106"/>
      <c r="BB426" s="1106"/>
      <c r="BC426" s="1106"/>
      <c r="BD426" s="1106"/>
      <c r="BE426" s="1106"/>
      <c r="BF426" s="1106"/>
      <c r="BG426" s="1106"/>
      <c r="BH426" s="1106"/>
      <c r="BI426" s="1106"/>
      <c r="BJ426" s="1106"/>
      <c r="BK426" s="1106"/>
      <c r="BL426" s="1106"/>
      <c r="BM426" s="1106"/>
      <c r="BN426" s="1106"/>
      <c r="BO426" s="1106"/>
      <c r="BP426" s="1106"/>
      <c r="BQ426" s="1106"/>
      <c r="BR426" s="1106"/>
      <c r="BS426" s="1106"/>
      <c r="BT426" s="1106"/>
      <c r="BU426" s="1106"/>
      <c r="BV426" s="1106"/>
      <c r="BW426" s="1106"/>
      <c r="BX426" s="1106"/>
      <c r="BY426" s="1106"/>
      <c r="BZ426" s="1106"/>
      <c r="CA426" s="1106"/>
    </row>
    <row r="427" spans="3:79" ht="9" customHeight="1" x14ac:dyDescent="0.2">
      <c r="C427" s="1106"/>
      <c r="D427" s="1106"/>
      <c r="E427" s="1106"/>
      <c r="F427" s="1106"/>
      <c r="G427" s="1106"/>
      <c r="H427" s="1106"/>
      <c r="I427" s="1106"/>
      <c r="J427" s="1106"/>
      <c r="K427" s="1106"/>
      <c r="L427" s="1106"/>
      <c r="M427" s="1106"/>
      <c r="N427" s="1106"/>
      <c r="O427" s="1106"/>
      <c r="AB427" s="1106"/>
      <c r="AC427" s="1106"/>
      <c r="AD427" s="1106"/>
      <c r="AE427" s="1106"/>
      <c r="AF427" s="1106"/>
      <c r="AG427" s="1106"/>
      <c r="AH427" s="1106"/>
      <c r="AL427" s="1106"/>
      <c r="AZ427" s="1106"/>
      <c r="BA427" s="1106"/>
      <c r="BB427" s="1106"/>
      <c r="BC427" s="1106"/>
      <c r="BD427" s="1106"/>
      <c r="BE427" s="1106"/>
      <c r="BF427" s="1106"/>
      <c r="BG427" s="1106"/>
      <c r="BH427" s="1106"/>
      <c r="BI427" s="1106"/>
      <c r="BJ427" s="1106"/>
      <c r="BK427" s="1106"/>
      <c r="BL427" s="1106"/>
      <c r="BM427" s="1106"/>
      <c r="BN427" s="1106"/>
      <c r="BO427" s="1106"/>
      <c r="BP427" s="1106"/>
      <c r="BQ427" s="1106"/>
      <c r="BR427" s="1106"/>
      <c r="BS427" s="1106"/>
      <c r="BT427" s="1106"/>
      <c r="BU427" s="1106"/>
      <c r="BV427" s="1106"/>
      <c r="BW427" s="1106"/>
      <c r="BX427" s="1106"/>
      <c r="BY427" s="1106"/>
      <c r="BZ427" s="1106"/>
      <c r="CA427" s="1106"/>
    </row>
    <row r="428" spans="3:79" ht="9" customHeight="1" x14ac:dyDescent="0.2">
      <c r="C428" s="1106"/>
      <c r="D428" s="1106"/>
      <c r="E428" s="1106"/>
      <c r="F428" s="1106"/>
      <c r="G428" s="1106"/>
      <c r="H428" s="1106"/>
      <c r="I428" s="1106"/>
      <c r="J428" s="1106"/>
      <c r="K428" s="1106"/>
      <c r="L428" s="1106"/>
      <c r="M428" s="1106"/>
      <c r="N428" s="1106"/>
      <c r="O428" s="1106"/>
      <c r="AB428" s="1106"/>
      <c r="AC428" s="1106"/>
      <c r="AD428" s="1106"/>
      <c r="AE428" s="1106"/>
      <c r="AF428" s="1106"/>
      <c r="AG428" s="1106"/>
      <c r="AH428" s="1106"/>
      <c r="AL428" s="1106"/>
      <c r="AZ428" s="1106"/>
      <c r="BA428" s="1106"/>
      <c r="BB428" s="1106"/>
      <c r="BC428" s="1106"/>
      <c r="BD428" s="1106"/>
      <c r="BE428" s="1106"/>
      <c r="BF428" s="1106"/>
      <c r="BG428" s="1106"/>
      <c r="BH428" s="1106"/>
      <c r="BI428" s="1106"/>
      <c r="BJ428" s="1106"/>
      <c r="BK428" s="1106"/>
      <c r="BL428" s="1106"/>
      <c r="BM428" s="1106"/>
      <c r="BN428" s="1106"/>
      <c r="BO428" s="1106"/>
      <c r="BP428" s="1106"/>
      <c r="BQ428" s="1106"/>
      <c r="BR428" s="1106"/>
      <c r="BS428" s="1106"/>
      <c r="BT428" s="1106"/>
      <c r="BU428" s="1106"/>
      <c r="BV428" s="1106"/>
      <c r="BW428" s="1106"/>
      <c r="BX428" s="1106"/>
      <c r="BY428" s="1106"/>
      <c r="BZ428" s="1106"/>
      <c r="CA428" s="1106"/>
    </row>
    <row r="429" spans="3:79" ht="9" customHeight="1" x14ac:dyDescent="0.2">
      <c r="C429" s="1106"/>
      <c r="D429" s="1106"/>
      <c r="E429" s="1106"/>
      <c r="F429" s="1106"/>
      <c r="G429" s="1106"/>
      <c r="H429" s="1106"/>
      <c r="I429" s="1106"/>
      <c r="J429" s="1106"/>
      <c r="K429" s="1106"/>
      <c r="L429" s="1106"/>
      <c r="M429" s="1106"/>
      <c r="N429" s="1106"/>
      <c r="O429" s="1106"/>
      <c r="AB429" s="1106"/>
      <c r="AC429" s="1106"/>
      <c r="AD429" s="1106"/>
      <c r="AE429" s="1106"/>
      <c r="AF429" s="1106"/>
      <c r="AG429" s="1106"/>
      <c r="AH429" s="1106"/>
      <c r="AL429" s="1106"/>
      <c r="AZ429" s="1106"/>
      <c r="BA429" s="1106"/>
      <c r="BB429" s="1106"/>
      <c r="BC429" s="1106"/>
      <c r="BD429" s="1106"/>
      <c r="BE429" s="1106"/>
      <c r="BF429" s="1106"/>
      <c r="BG429" s="1106"/>
      <c r="BH429" s="1106"/>
      <c r="BI429" s="1106"/>
      <c r="BJ429" s="1106"/>
      <c r="BK429" s="1106"/>
      <c r="BL429" s="1106"/>
      <c r="BM429" s="1106"/>
      <c r="BN429" s="1106"/>
      <c r="BO429" s="1106"/>
      <c r="BP429" s="1106"/>
      <c r="BQ429" s="1106"/>
      <c r="BR429" s="1106"/>
      <c r="BS429" s="1106"/>
      <c r="BT429" s="1106"/>
      <c r="BU429" s="1106"/>
      <c r="BV429" s="1106"/>
      <c r="BW429" s="1106"/>
      <c r="BX429" s="1106"/>
      <c r="BY429" s="1106"/>
      <c r="BZ429" s="1106"/>
      <c r="CA429" s="1106"/>
    </row>
    <row r="430" spans="3:79" ht="9" customHeight="1" x14ac:dyDescent="0.2">
      <c r="C430" s="1106"/>
      <c r="D430" s="1106"/>
      <c r="E430" s="1106"/>
      <c r="F430" s="1106"/>
      <c r="G430" s="1106"/>
      <c r="H430" s="1106"/>
      <c r="I430" s="1106"/>
      <c r="J430" s="1106"/>
      <c r="K430" s="1106"/>
      <c r="L430" s="1106"/>
      <c r="M430" s="1106"/>
      <c r="N430" s="1106"/>
      <c r="O430" s="1106"/>
      <c r="U430" s="1106"/>
      <c r="AB430" s="1106"/>
      <c r="AC430" s="1106"/>
      <c r="AD430" s="1106"/>
      <c r="AE430" s="1106"/>
      <c r="AF430" s="1106"/>
      <c r="AG430" s="1106"/>
      <c r="AH430" s="1106"/>
      <c r="AL430" s="1106"/>
      <c r="AT430" s="1106"/>
      <c r="AU430" s="1106"/>
      <c r="AV430" s="1106"/>
      <c r="AW430" s="1106"/>
      <c r="AX430" s="1106"/>
      <c r="AY430" s="1106"/>
      <c r="AZ430" s="1106"/>
      <c r="BA430" s="1106"/>
      <c r="BB430" s="1106"/>
      <c r="BC430" s="1106"/>
      <c r="BD430" s="1106"/>
      <c r="BE430" s="1106"/>
      <c r="BF430" s="1106"/>
      <c r="BG430" s="1106"/>
      <c r="BH430" s="1106"/>
      <c r="BI430" s="1106"/>
      <c r="BJ430" s="1106"/>
      <c r="BK430" s="1106"/>
      <c r="BL430" s="1106"/>
      <c r="BM430" s="1106"/>
      <c r="BN430" s="1106"/>
      <c r="BO430" s="1106"/>
      <c r="BP430" s="1106"/>
      <c r="BQ430" s="1106"/>
      <c r="BR430" s="1106"/>
      <c r="BS430" s="1106"/>
      <c r="BT430" s="1106"/>
      <c r="BU430" s="1106"/>
      <c r="BV430" s="1106"/>
      <c r="BW430" s="1106"/>
      <c r="BX430" s="1106"/>
      <c r="BY430" s="1106"/>
      <c r="BZ430" s="1106"/>
      <c r="CA430" s="1106"/>
    </row>
    <row r="431" spans="3:79" ht="9" customHeight="1" x14ac:dyDescent="0.2">
      <c r="C431" s="1106"/>
      <c r="D431" s="1106"/>
      <c r="E431" s="1106"/>
      <c r="F431" s="1106"/>
      <c r="G431" s="1106"/>
      <c r="H431" s="1106"/>
      <c r="I431" s="1106"/>
      <c r="J431" s="1106"/>
      <c r="K431" s="1106"/>
      <c r="L431" s="1106"/>
      <c r="M431" s="1106"/>
      <c r="N431" s="1106"/>
      <c r="O431" s="1106"/>
      <c r="U431" s="1106"/>
      <c r="AB431" s="1106"/>
      <c r="AC431" s="1106"/>
      <c r="AD431" s="1106"/>
      <c r="AE431" s="1106"/>
      <c r="AF431" s="1106"/>
      <c r="AG431" s="1106"/>
      <c r="AH431" s="1106"/>
      <c r="AL431" s="1106"/>
      <c r="AO431" s="1106"/>
      <c r="AP431" s="1106"/>
      <c r="AT431" s="1106"/>
      <c r="AU431" s="1106"/>
      <c r="AV431" s="1106"/>
      <c r="AW431" s="1106"/>
      <c r="AX431" s="1106"/>
      <c r="AY431" s="1106"/>
      <c r="AZ431" s="1106"/>
      <c r="BA431" s="1106"/>
      <c r="BB431" s="1106"/>
      <c r="BC431" s="1106"/>
      <c r="BD431" s="1106"/>
      <c r="BE431" s="1106"/>
      <c r="BF431" s="1106"/>
      <c r="BG431" s="1106"/>
      <c r="BH431" s="1106"/>
      <c r="BI431" s="1106"/>
      <c r="BJ431" s="1106"/>
      <c r="BK431" s="1106"/>
      <c r="BL431" s="1106"/>
      <c r="BM431" s="1106"/>
      <c r="BN431" s="1106"/>
      <c r="BO431" s="1106"/>
      <c r="BP431" s="1106"/>
      <c r="BQ431" s="1106"/>
      <c r="BR431" s="1106"/>
      <c r="BS431" s="1106"/>
      <c r="BT431" s="1106"/>
      <c r="BU431" s="1106"/>
      <c r="BV431" s="1106"/>
      <c r="BW431" s="1106"/>
      <c r="BX431" s="1106"/>
      <c r="BY431" s="1106"/>
      <c r="BZ431" s="1106"/>
      <c r="CA431" s="1106"/>
    </row>
    <row r="432" spans="3:79" ht="9" customHeight="1" x14ac:dyDescent="0.2">
      <c r="C432" s="1106"/>
      <c r="D432" s="1106"/>
      <c r="E432" s="1106"/>
      <c r="F432" s="1106"/>
      <c r="G432" s="1106"/>
      <c r="H432" s="1106"/>
      <c r="I432" s="1106"/>
      <c r="J432" s="1106"/>
      <c r="K432" s="1106"/>
      <c r="L432" s="1106"/>
      <c r="M432" s="1106"/>
      <c r="N432" s="1106"/>
      <c r="O432" s="1106"/>
      <c r="U432" s="1106"/>
      <c r="AB432" s="1106"/>
      <c r="AC432" s="1106"/>
      <c r="AD432" s="1106"/>
      <c r="AE432" s="1106"/>
      <c r="AF432" s="1106"/>
      <c r="AG432" s="1106"/>
      <c r="AH432" s="1106"/>
      <c r="AL432" s="1106"/>
      <c r="AT432" s="1106"/>
      <c r="AU432" s="1106"/>
      <c r="AV432" s="1106"/>
      <c r="AW432" s="1106"/>
      <c r="AX432" s="1106"/>
      <c r="AY432" s="1106"/>
      <c r="AZ432" s="1106"/>
      <c r="BA432" s="1106"/>
      <c r="BB432" s="1106"/>
      <c r="BC432" s="1106"/>
      <c r="BD432" s="1106"/>
      <c r="BE432" s="1106"/>
      <c r="BF432" s="1106"/>
      <c r="BG432" s="1106"/>
      <c r="BH432" s="1106"/>
      <c r="BI432" s="1106"/>
      <c r="BJ432" s="1106"/>
      <c r="BK432" s="1106"/>
      <c r="BL432" s="1106"/>
      <c r="BM432" s="1106"/>
      <c r="BN432" s="1106"/>
      <c r="BO432" s="1106"/>
      <c r="BP432" s="1106"/>
      <c r="BQ432" s="1106"/>
      <c r="BR432" s="1106"/>
      <c r="BS432" s="1106"/>
      <c r="BT432" s="1106"/>
      <c r="BU432" s="1106"/>
      <c r="BV432" s="1106"/>
      <c r="BW432" s="1106"/>
      <c r="BX432" s="1106"/>
      <c r="BY432" s="1106"/>
      <c r="BZ432" s="1106"/>
      <c r="CA432" s="1106"/>
    </row>
    <row r="433" spans="3:79" ht="9" customHeight="1" x14ac:dyDescent="0.2">
      <c r="C433" s="1106"/>
      <c r="D433" s="1106"/>
      <c r="E433" s="1106"/>
      <c r="F433" s="1106"/>
      <c r="G433" s="1106"/>
      <c r="H433" s="1106"/>
      <c r="I433" s="1106"/>
      <c r="J433" s="1106"/>
      <c r="K433" s="1106"/>
      <c r="L433" s="1106"/>
      <c r="M433" s="1106"/>
      <c r="N433" s="1106"/>
      <c r="O433" s="1106"/>
      <c r="AB433" s="1106"/>
      <c r="AC433" s="1106"/>
      <c r="AD433" s="1106"/>
      <c r="AE433" s="1106"/>
      <c r="AF433" s="1106"/>
      <c r="AG433" s="1106"/>
      <c r="AH433" s="1106"/>
      <c r="AL433" s="1106"/>
      <c r="AZ433" s="1106"/>
      <c r="BA433" s="1106"/>
      <c r="BB433" s="1106"/>
      <c r="BC433" s="1106"/>
      <c r="BD433" s="1106"/>
      <c r="BE433" s="1106"/>
      <c r="BF433" s="1106"/>
      <c r="BG433" s="1106"/>
      <c r="BH433" s="1106"/>
      <c r="BI433" s="1106"/>
      <c r="BJ433" s="1106"/>
      <c r="BK433" s="1106"/>
      <c r="BL433" s="1106"/>
      <c r="BM433" s="1106"/>
      <c r="BN433" s="1106"/>
      <c r="BO433" s="1106"/>
      <c r="BP433" s="1106"/>
      <c r="BQ433" s="1106"/>
      <c r="BR433" s="1106"/>
      <c r="BS433" s="1106"/>
      <c r="BT433" s="1106"/>
      <c r="BU433" s="1106"/>
      <c r="BV433" s="1106"/>
      <c r="BW433" s="1106"/>
      <c r="BX433" s="1106"/>
      <c r="BY433" s="1106"/>
      <c r="BZ433" s="1106"/>
      <c r="CA433" s="1106"/>
    </row>
    <row r="434" spans="3:79" ht="9" customHeight="1" x14ac:dyDescent="0.2">
      <c r="C434" s="1106"/>
      <c r="D434" s="1106"/>
      <c r="E434" s="1106"/>
      <c r="F434" s="1106"/>
      <c r="G434" s="1106"/>
      <c r="H434" s="1106"/>
      <c r="I434" s="1106"/>
      <c r="J434" s="1106"/>
      <c r="K434" s="1106"/>
      <c r="L434" s="1106"/>
      <c r="M434" s="1106"/>
      <c r="N434" s="1106"/>
      <c r="O434" s="1106"/>
      <c r="AB434" s="1106"/>
      <c r="AC434" s="1106"/>
      <c r="AD434" s="1106"/>
      <c r="AE434" s="1106"/>
      <c r="AF434" s="1106"/>
      <c r="AG434" s="1106"/>
      <c r="AH434" s="1106"/>
      <c r="AL434" s="1106"/>
      <c r="AZ434" s="1106"/>
      <c r="BA434" s="1106"/>
      <c r="BB434" s="1106"/>
      <c r="BC434" s="1106"/>
      <c r="BD434" s="1106"/>
      <c r="BE434" s="1106"/>
      <c r="BF434" s="1106"/>
      <c r="BG434" s="1106"/>
      <c r="BH434" s="1106"/>
      <c r="BI434" s="1106"/>
      <c r="BJ434" s="1106"/>
      <c r="BK434" s="1106"/>
      <c r="BL434" s="1106"/>
      <c r="BM434" s="1106"/>
      <c r="BN434" s="1106"/>
      <c r="BO434" s="1106"/>
      <c r="BP434" s="1106"/>
      <c r="BQ434" s="1106"/>
      <c r="BR434" s="1106"/>
      <c r="BS434" s="1106"/>
      <c r="BT434" s="1106"/>
      <c r="BU434" s="1106"/>
      <c r="BV434" s="1106"/>
      <c r="BW434" s="1106"/>
      <c r="BX434" s="1106"/>
      <c r="BY434" s="1106"/>
      <c r="BZ434" s="1106"/>
      <c r="CA434" s="1106"/>
    </row>
    <row r="435" spans="3:79" ht="9" customHeight="1" x14ac:dyDescent="0.2">
      <c r="C435" s="1106"/>
      <c r="D435" s="1106"/>
      <c r="E435" s="1106"/>
      <c r="F435" s="1106"/>
      <c r="G435" s="1106"/>
      <c r="H435" s="1106"/>
      <c r="I435" s="1106"/>
      <c r="J435" s="1106"/>
      <c r="K435" s="1106"/>
      <c r="L435" s="1106"/>
      <c r="M435" s="1106"/>
      <c r="N435" s="1106"/>
      <c r="O435" s="1106"/>
      <c r="AB435" s="1106"/>
      <c r="AC435" s="1106"/>
      <c r="AD435" s="1106"/>
      <c r="AE435" s="1106"/>
      <c r="AF435" s="1106"/>
      <c r="AG435" s="1106"/>
      <c r="AH435" s="1106"/>
      <c r="AL435" s="1106"/>
      <c r="AZ435" s="1106"/>
      <c r="BA435" s="1106"/>
      <c r="BB435" s="1106"/>
      <c r="BC435" s="1106"/>
      <c r="BD435" s="1106"/>
      <c r="BE435" s="1106"/>
      <c r="BF435" s="1106"/>
      <c r="BG435" s="1106"/>
      <c r="BH435" s="1106"/>
      <c r="BI435" s="1106"/>
      <c r="BJ435" s="1106"/>
      <c r="BK435" s="1106"/>
      <c r="BL435" s="1106"/>
      <c r="BM435" s="1106"/>
      <c r="BN435" s="1106"/>
      <c r="BO435" s="1106"/>
      <c r="BP435" s="1106"/>
      <c r="BQ435" s="1106"/>
      <c r="BR435" s="1106"/>
      <c r="BS435" s="1106"/>
      <c r="BT435" s="1106"/>
      <c r="BU435" s="1106"/>
      <c r="BV435" s="1106"/>
      <c r="BW435" s="1106"/>
      <c r="BX435" s="1106"/>
      <c r="BY435" s="1106"/>
      <c r="BZ435" s="1106"/>
      <c r="CA435" s="1106"/>
    </row>
    <row r="436" spans="3:79" ht="9" customHeight="1" x14ac:dyDescent="0.2">
      <c r="C436" s="1106"/>
      <c r="D436" s="1106"/>
      <c r="E436" s="1106"/>
      <c r="F436" s="1106"/>
      <c r="G436" s="1106"/>
      <c r="H436" s="1106"/>
      <c r="I436" s="1106"/>
      <c r="J436" s="1106"/>
      <c r="K436" s="1106"/>
      <c r="L436" s="1106"/>
      <c r="M436" s="1106"/>
      <c r="N436" s="1106"/>
      <c r="O436" s="1106"/>
      <c r="U436" s="1106"/>
      <c r="AB436" s="1106"/>
      <c r="AC436" s="1106"/>
      <c r="AD436" s="1106"/>
      <c r="AE436" s="1106"/>
      <c r="AF436" s="1106"/>
      <c r="AG436" s="1106"/>
      <c r="AH436" s="1106"/>
      <c r="AL436" s="1106"/>
      <c r="AT436" s="1106"/>
      <c r="AU436" s="1106"/>
      <c r="AV436" s="1106"/>
      <c r="AW436" s="1106"/>
      <c r="AX436" s="1106"/>
      <c r="AY436" s="1106"/>
      <c r="AZ436" s="1106"/>
      <c r="BA436" s="1106"/>
      <c r="BB436" s="1106"/>
      <c r="BC436" s="1106"/>
      <c r="BD436" s="1106"/>
      <c r="BE436" s="1106"/>
      <c r="BF436" s="1106"/>
      <c r="BG436" s="1106"/>
      <c r="BH436" s="1106"/>
      <c r="BI436" s="1106"/>
      <c r="BJ436" s="1106"/>
      <c r="BK436" s="1106"/>
      <c r="BL436" s="1106"/>
      <c r="BM436" s="1106"/>
      <c r="BN436" s="1106"/>
      <c r="BO436" s="1106"/>
      <c r="BP436" s="1106"/>
      <c r="BQ436" s="1106"/>
      <c r="BR436" s="1106"/>
      <c r="BS436" s="1106"/>
      <c r="BT436" s="1106"/>
      <c r="BU436" s="1106"/>
      <c r="BV436" s="1106"/>
      <c r="BW436" s="1106"/>
      <c r="BX436" s="1106"/>
      <c r="BY436" s="1106"/>
      <c r="BZ436" s="1106"/>
      <c r="CA436" s="1106"/>
    </row>
    <row r="437" spans="3:79" ht="9" customHeight="1" x14ac:dyDescent="0.2">
      <c r="C437" s="1106"/>
      <c r="D437" s="1106"/>
      <c r="E437" s="1106"/>
      <c r="F437" s="1106"/>
      <c r="G437" s="1106"/>
      <c r="H437" s="1106"/>
      <c r="I437" s="1106"/>
      <c r="J437" s="1106"/>
      <c r="K437" s="1106"/>
      <c r="L437" s="1106"/>
      <c r="M437" s="1106"/>
      <c r="N437" s="1106"/>
      <c r="O437" s="1106"/>
      <c r="U437" s="1106"/>
      <c r="AB437" s="1106"/>
      <c r="AC437" s="1106"/>
      <c r="AD437" s="1106"/>
      <c r="AE437" s="1106"/>
      <c r="AF437" s="1106"/>
      <c r="AG437" s="1106"/>
      <c r="AH437" s="1106"/>
      <c r="AL437" s="1106"/>
      <c r="AO437" s="1106"/>
      <c r="AP437" s="1106"/>
      <c r="AT437" s="1106"/>
      <c r="AU437" s="1106"/>
      <c r="AV437" s="1106"/>
      <c r="AW437" s="1106"/>
      <c r="AX437" s="1106"/>
      <c r="AY437" s="1106"/>
      <c r="AZ437" s="1106"/>
      <c r="BA437" s="1106"/>
      <c r="BB437" s="1106"/>
      <c r="BC437" s="1106"/>
      <c r="BD437" s="1106"/>
      <c r="BE437" s="1106"/>
      <c r="BF437" s="1106"/>
      <c r="BG437" s="1106"/>
      <c r="BH437" s="1106"/>
      <c r="BI437" s="1106"/>
      <c r="BJ437" s="1106"/>
      <c r="BK437" s="1106"/>
      <c r="BL437" s="1106"/>
      <c r="BM437" s="1106"/>
      <c r="BN437" s="1106"/>
      <c r="BO437" s="1106"/>
      <c r="BP437" s="1106"/>
      <c r="BQ437" s="1106"/>
      <c r="BR437" s="1106"/>
      <c r="BS437" s="1106"/>
      <c r="BT437" s="1106"/>
      <c r="BU437" s="1106"/>
      <c r="BV437" s="1106"/>
      <c r="BW437" s="1106"/>
      <c r="BX437" s="1106"/>
      <c r="BY437" s="1106"/>
      <c r="BZ437" s="1106"/>
      <c r="CA437" s="1106"/>
    </row>
    <row r="438" spans="3:79" ht="9" customHeight="1" x14ac:dyDescent="0.2">
      <c r="C438" s="1106"/>
      <c r="D438" s="1106"/>
      <c r="E438" s="1106"/>
      <c r="F438" s="1106"/>
      <c r="G438" s="1106"/>
      <c r="H438" s="1106"/>
      <c r="I438" s="1106"/>
      <c r="J438" s="1106"/>
      <c r="K438" s="1106"/>
      <c r="L438" s="1106"/>
      <c r="M438" s="1106"/>
      <c r="N438" s="1106"/>
      <c r="O438" s="1106"/>
      <c r="U438" s="1106"/>
      <c r="AB438" s="1106"/>
      <c r="AC438" s="1106"/>
      <c r="AD438" s="1106"/>
      <c r="AE438" s="1106"/>
      <c r="AF438" s="1106"/>
      <c r="AG438" s="1106"/>
      <c r="AH438" s="1106"/>
      <c r="AL438" s="1106"/>
      <c r="AT438" s="1106"/>
      <c r="AU438" s="1106"/>
      <c r="AV438" s="1106"/>
      <c r="AW438" s="1106"/>
      <c r="AX438" s="1106"/>
      <c r="AY438" s="1106"/>
      <c r="AZ438" s="1106"/>
      <c r="BA438" s="1106"/>
      <c r="BB438" s="1106"/>
      <c r="BC438" s="1106"/>
      <c r="BD438" s="1106"/>
      <c r="BE438" s="1106"/>
      <c r="BF438" s="1106"/>
      <c r="BG438" s="1106"/>
      <c r="BH438" s="1106"/>
      <c r="BI438" s="1106"/>
      <c r="BJ438" s="1106"/>
      <c r="BK438" s="1106"/>
      <c r="BL438" s="1106"/>
      <c r="BM438" s="1106"/>
      <c r="BN438" s="1106"/>
      <c r="BO438" s="1106"/>
      <c r="BP438" s="1106"/>
      <c r="BQ438" s="1106"/>
      <c r="BR438" s="1106"/>
      <c r="BS438" s="1106"/>
      <c r="BT438" s="1106"/>
      <c r="BU438" s="1106"/>
      <c r="BV438" s="1106"/>
      <c r="BW438" s="1106"/>
      <c r="BX438" s="1106"/>
      <c r="BY438" s="1106"/>
      <c r="BZ438" s="1106"/>
      <c r="CA438" s="1106"/>
    </row>
    <row r="439" spans="3:79" ht="9" customHeight="1" x14ac:dyDescent="0.2">
      <c r="C439" s="1106"/>
      <c r="D439" s="1106"/>
      <c r="E439" s="1106"/>
      <c r="F439" s="1106"/>
      <c r="G439" s="1106"/>
      <c r="H439" s="1106"/>
      <c r="I439" s="1106"/>
      <c r="J439" s="1106"/>
      <c r="K439" s="1106"/>
      <c r="L439" s="1106"/>
      <c r="M439" s="1106"/>
      <c r="N439" s="1106"/>
      <c r="O439" s="1106"/>
      <c r="AB439" s="1106"/>
      <c r="AC439" s="1106"/>
      <c r="AD439" s="1106"/>
      <c r="AE439" s="1106"/>
      <c r="AF439" s="1106"/>
      <c r="AG439" s="1106"/>
      <c r="AH439" s="1106"/>
      <c r="AL439" s="1106"/>
      <c r="AZ439" s="1106"/>
      <c r="BA439" s="1106"/>
      <c r="BB439" s="1106"/>
      <c r="BC439" s="1106"/>
      <c r="BD439" s="1106"/>
      <c r="BE439" s="1106"/>
      <c r="BF439" s="1106"/>
      <c r="BG439" s="1106"/>
      <c r="BH439" s="1106"/>
      <c r="BI439" s="1106"/>
      <c r="BJ439" s="1106"/>
      <c r="BK439" s="1106"/>
      <c r="BL439" s="1106"/>
      <c r="BM439" s="1106"/>
      <c r="BN439" s="1106"/>
      <c r="BO439" s="1106"/>
      <c r="BP439" s="1106"/>
      <c r="BQ439" s="1106"/>
      <c r="BR439" s="1106"/>
      <c r="BS439" s="1106"/>
      <c r="BT439" s="1106"/>
      <c r="BU439" s="1106"/>
      <c r="BV439" s="1106"/>
      <c r="BW439" s="1106"/>
      <c r="BX439" s="1106"/>
      <c r="BY439" s="1106"/>
      <c r="BZ439" s="1106"/>
      <c r="CA439" s="1106"/>
    </row>
    <row r="440" spans="3:79" ht="9" customHeight="1" x14ac:dyDescent="0.2">
      <c r="C440" s="1106"/>
      <c r="D440" s="1106"/>
      <c r="E440" s="1106"/>
      <c r="F440" s="1106"/>
      <c r="G440" s="1106"/>
      <c r="H440" s="1106"/>
      <c r="I440" s="1106"/>
      <c r="J440" s="1106"/>
      <c r="K440" s="1106"/>
      <c r="L440" s="1106"/>
      <c r="M440" s="1106"/>
      <c r="N440" s="1106"/>
      <c r="O440" s="1106"/>
      <c r="AB440" s="1106"/>
      <c r="AC440" s="1106"/>
      <c r="AD440" s="1106"/>
      <c r="AE440" s="1106"/>
      <c r="AF440" s="1106"/>
      <c r="AG440" s="1106"/>
      <c r="AH440" s="1106"/>
      <c r="AL440" s="1106"/>
      <c r="AZ440" s="1106"/>
      <c r="BA440" s="1106"/>
      <c r="BB440" s="1106"/>
      <c r="BC440" s="1106"/>
      <c r="BD440" s="1106"/>
      <c r="BE440" s="1106"/>
      <c r="BF440" s="1106"/>
      <c r="BG440" s="1106"/>
      <c r="BH440" s="1106"/>
      <c r="BI440" s="1106"/>
      <c r="BJ440" s="1106"/>
      <c r="BK440" s="1106"/>
      <c r="BL440" s="1106"/>
      <c r="BM440" s="1106"/>
      <c r="BN440" s="1106"/>
      <c r="BO440" s="1106"/>
      <c r="BP440" s="1106"/>
      <c r="BQ440" s="1106"/>
      <c r="BR440" s="1106"/>
      <c r="BS440" s="1106"/>
      <c r="BT440" s="1106"/>
      <c r="BU440" s="1106"/>
      <c r="BV440" s="1106"/>
      <c r="BW440" s="1106"/>
      <c r="BX440" s="1106"/>
      <c r="BY440" s="1106"/>
      <c r="BZ440" s="1106"/>
      <c r="CA440" s="1106"/>
    </row>
    <row r="441" spans="3:79" ht="9" customHeight="1" x14ac:dyDescent="0.2">
      <c r="C441" s="1106"/>
      <c r="D441" s="1106"/>
      <c r="E441" s="1106"/>
      <c r="F441" s="1106"/>
      <c r="G441" s="1106"/>
      <c r="H441" s="1106"/>
      <c r="I441" s="1106"/>
      <c r="J441" s="1106"/>
      <c r="K441" s="1106"/>
      <c r="L441" s="1106"/>
      <c r="M441" s="1106"/>
      <c r="N441" s="1106"/>
      <c r="O441" s="1106"/>
      <c r="AB441" s="1106"/>
      <c r="AC441" s="1106"/>
      <c r="AD441" s="1106"/>
      <c r="AE441" s="1106"/>
      <c r="AF441" s="1106"/>
      <c r="AG441" s="1106"/>
      <c r="AH441" s="1106"/>
      <c r="AL441" s="1106"/>
      <c r="AZ441" s="1106"/>
      <c r="BA441" s="1106"/>
      <c r="BB441" s="1106"/>
      <c r="BC441" s="1106"/>
      <c r="BD441" s="1106"/>
      <c r="BE441" s="1106"/>
      <c r="BF441" s="1106"/>
      <c r="BG441" s="1106"/>
      <c r="BH441" s="1106"/>
      <c r="BI441" s="1106"/>
      <c r="BJ441" s="1106"/>
      <c r="BK441" s="1106"/>
      <c r="BL441" s="1106"/>
      <c r="BM441" s="1106"/>
      <c r="BN441" s="1106"/>
      <c r="BO441" s="1106"/>
      <c r="BP441" s="1106"/>
      <c r="BQ441" s="1106"/>
      <c r="BR441" s="1106"/>
      <c r="BS441" s="1106"/>
      <c r="BT441" s="1106"/>
      <c r="BU441" s="1106"/>
      <c r="BV441" s="1106"/>
      <c r="BW441" s="1106"/>
      <c r="BX441" s="1106"/>
      <c r="BY441" s="1106"/>
      <c r="BZ441" s="1106"/>
      <c r="CA441" s="1106"/>
    </row>
    <row r="442" spans="3:79" ht="9" customHeight="1" x14ac:dyDescent="0.2">
      <c r="C442" s="1106"/>
      <c r="D442" s="1106"/>
      <c r="E442" s="1106"/>
      <c r="F442" s="1106"/>
      <c r="G442" s="1106"/>
      <c r="H442" s="1106"/>
      <c r="I442" s="1106"/>
      <c r="J442" s="1106"/>
      <c r="K442" s="1106"/>
      <c r="L442" s="1106"/>
      <c r="M442" s="1106"/>
      <c r="N442" s="1106"/>
      <c r="O442" s="1106"/>
      <c r="U442" s="1106"/>
      <c r="AB442" s="1106"/>
      <c r="AC442" s="1106"/>
      <c r="AD442" s="1106"/>
      <c r="AE442" s="1106"/>
      <c r="AF442" s="1106"/>
      <c r="AG442" s="1106"/>
      <c r="AH442" s="1106"/>
      <c r="AL442" s="1106"/>
      <c r="AT442" s="1106"/>
      <c r="AU442" s="1106"/>
      <c r="AV442" s="1106"/>
      <c r="AW442" s="1106"/>
      <c r="AX442" s="1106"/>
      <c r="AY442" s="1106"/>
      <c r="AZ442" s="1106"/>
      <c r="BA442" s="1106"/>
      <c r="BB442" s="1106"/>
      <c r="BC442" s="1106"/>
      <c r="BD442" s="1106"/>
      <c r="BE442" s="1106"/>
      <c r="BF442" s="1106"/>
      <c r="BG442" s="1106"/>
      <c r="BH442" s="1106"/>
      <c r="BI442" s="1106"/>
      <c r="BJ442" s="1106"/>
      <c r="BK442" s="1106"/>
      <c r="BL442" s="1106"/>
      <c r="BM442" s="1106"/>
      <c r="BN442" s="1106"/>
      <c r="BO442" s="1106"/>
      <c r="BP442" s="1106"/>
      <c r="BQ442" s="1106"/>
      <c r="BR442" s="1106"/>
      <c r="BS442" s="1106"/>
      <c r="BT442" s="1106"/>
      <c r="BU442" s="1106"/>
      <c r="BV442" s="1106"/>
      <c r="BW442" s="1106"/>
      <c r="BX442" s="1106"/>
      <c r="BY442" s="1106"/>
      <c r="BZ442" s="1106"/>
      <c r="CA442" s="1106"/>
    </row>
    <row r="443" spans="3:79" ht="9" customHeight="1" x14ac:dyDescent="0.2">
      <c r="C443" s="1106"/>
      <c r="D443" s="1106"/>
      <c r="E443" s="1106"/>
      <c r="F443" s="1106"/>
      <c r="G443" s="1106"/>
      <c r="H443" s="1106"/>
      <c r="I443" s="1106"/>
      <c r="J443" s="1106"/>
      <c r="K443" s="1106"/>
      <c r="L443" s="1106"/>
      <c r="M443" s="1106"/>
      <c r="N443" s="1106"/>
      <c r="O443" s="1106"/>
      <c r="U443" s="1106"/>
      <c r="AB443" s="1106"/>
      <c r="AC443" s="1106"/>
      <c r="AD443" s="1106"/>
      <c r="AE443" s="1106"/>
      <c r="AF443" s="1106"/>
      <c r="AG443" s="1106"/>
      <c r="AH443" s="1106"/>
      <c r="AL443" s="1106"/>
      <c r="AO443" s="1106"/>
      <c r="AP443" s="1106"/>
      <c r="AT443" s="1106"/>
      <c r="AU443" s="1106"/>
      <c r="AV443" s="1106"/>
      <c r="AW443" s="1106"/>
      <c r="AX443" s="1106"/>
      <c r="AY443" s="1106"/>
      <c r="AZ443" s="1106"/>
      <c r="BA443" s="1106"/>
      <c r="BB443" s="1106"/>
      <c r="BC443" s="1106"/>
      <c r="BD443" s="1106"/>
      <c r="BE443" s="1106"/>
      <c r="BF443" s="1106"/>
      <c r="BG443" s="1106"/>
      <c r="BH443" s="1106"/>
      <c r="BI443" s="1106"/>
      <c r="BJ443" s="1106"/>
      <c r="BK443" s="1106"/>
      <c r="BL443" s="1106"/>
      <c r="BM443" s="1106"/>
      <c r="BN443" s="1106"/>
      <c r="BO443" s="1106"/>
      <c r="BP443" s="1106"/>
      <c r="BQ443" s="1106"/>
      <c r="BR443" s="1106"/>
      <c r="BS443" s="1106"/>
      <c r="BT443" s="1106"/>
      <c r="BU443" s="1106"/>
      <c r="BV443" s="1106"/>
      <c r="BW443" s="1106"/>
      <c r="BX443" s="1106"/>
      <c r="BY443" s="1106"/>
      <c r="BZ443" s="1106"/>
      <c r="CA443" s="1106"/>
    </row>
    <row r="444" spans="3:79" ht="9" customHeight="1" x14ac:dyDescent="0.2">
      <c r="C444" s="1106"/>
      <c r="D444" s="1106"/>
      <c r="E444" s="1106"/>
      <c r="F444" s="1106"/>
      <c r="G444" s="1106"/>
      <c r="H444" s="1106"/>
      <c r="I444" s="1106"/>
      <c r="J444" s="1106"/>
      <c r="K444" s="1106"/>
      <c r="L444" s="1106"/>
      <c r="M444" s="1106"/>
      <c r="N444" s="1106"/>
      <c r="O444" s="1106"/>
      <c r="U444" s="1106"/>
      <c r="AB444" s="1106"/>
      <c r="AC444" s="1106"/>
      <c r="AD444" s="1106"/>
      <c r="AE444" s="1106"/>
      <c r="AF444" s="1106"/>
      <c r="AG444" s="1106"/>
      <c r="AH444" s="1106"/>
      <c r="AL444" s="1106"/>
      <c r="AT444" s="1106"/>
      <c r="AU444" s="1106"/>
      <c r="AV444" s="1106"/>
      <c r="AW444" s="1106"/>
      <c r="AX444" s="1106"/>
      <c r="AY444" s="1106"/>
      <c r="AZ444" s="1106"/>
      <c r="BA444" s="1106"/>
      <c r="BB444" s="1106"/>
      <c r="BC444" s="1106"/>
      <c r="BD444" s="1106"/>
      <c r="BE444" s="1106"/>
      <c r="BF444" s="1106"/>
      <c r="BG444" s="1106"/>
      <c r="BH444" s="1106"/>
      <c r="BI444" s="1106"/>
      <c r="BJ444" s="1106"/>
      <c r="BK444" s="1106"/>
      <c r="BL444" s="1106"/>
      <c r="BM444" s="1106"/>
      <c r="BN444" s="1106"/>
      <c r="BO444" s="1106"/>
      <c r="BP444" s="1106"/>
      <c r="BQ444" s="1106"/>
      <c r="BR444" s="1106"/>
      <c r="BS444" s="1106"/>
      <c r="BT444" s="1106"/>
      <c r="BU444" s="1106"/>
      <c r="BV444" s="1106"/>
      <c r="BW444" s="1106"/>
      <c r="BX444" s="1106"/>
      <c r="BY444" s="1106"/>
      <c r="BZ444" s="1106"/>
      <c r="CA444" s="1106"/>
    </row>
    <row r="445" spans="3:79" ht="9" customHeight="1" x14ac:dyDescent="0.2">
      <c r="C445" s="1106"/>
      <c r="D445" s="1106"/>
      <c r="E445" s="1106"/>
      <c r="F445" s="1106"/>
      <c r="G445" s="1106"/>
      <c r="H445" s="1106"/>
      <c r="I445" s="1106"/>
      <c r="J445" s="1106"/>
      <c r="K445" s="1106"/>
      <c r="L445" s="1106"/>
      <c r="M445" s="1106"/>
      <c r="N445" s="1106"/>
      <c r="O445" s="1106"/>
      <c r="AB445" s="1106"/>
      <c r="AC445" s="1106"/>
      <c r="AD445" s="1106"/>
      <c r="AE445" s="1106"/>
      <c r="AF445" s="1106"/>
      <c r="AG445" s="1106"/>
      <c r="AH445" s="1106"/>
      <c r="AL445" s="1106"/>
      <c r="AZ445" s="1106"/>
      <c r="BA445" s="1106"/>
      <c r="BB445" s="1106"/>
      <c r="BC445" s="1106"/>
      <c r="BD445" s="1106"/>
      <c r="BE445" s="1106"/>
      <c r="BF445" s="1106"/>
      <c r="BG445" s="1106"/>
      <c r="BH445" s="1106"/>
      <c r="BI445" s="1106"/>
      <c r="BJ445" s="1106"/>
      <c r="BK445" s="1106"/>
      <c r="BL445" s="1106"/>
      <c r="BM445" s="1106"/>
      <c r="BN445" s="1106"/>
      <c r="BO445" s="1106"/>
      <c r="BP445" s="1106"/>
      <c r="BQ445" s="1106"/>
      <c r="BR445" s="1106"/>
      <c r="BS445" s="1106"/>
      <c r="BT445" s="1106"/>
      <c r="BU445" s="1106"/>
      <c r="BV445" s="1106"/>
      <c r="BW445" s="1106"/>
      <c r="BX445" s="1106"/>
      <c r="BY445" s="1106"/>
      <c r="BZ445" s="1106"/>
      <c r="CA445" s="1106"/>
    </row>
    <row r="446" spans="3:79" ht="9" customHeight="1" x14ac:dyDescent="0.2">
      <c r="C446" s="1106"/>
      <c r="D446" s="1106"/>
      <c r="E446" s="1106"/>
      <c r="F446" s="1106"/>
      <c r="G446" s="1106"/>
      <c r="H446" s="1106"/>
      <c r="I446" s="1106"/>
      <c r="J446" s="1106"/>
      <c r="K446" s="1106"/>
      <c r="L446" s="1106"/>
      <c r="M446" s="1106"/>
      <c r="N446" s="1106"/>
      <c r="O446" s="1106"/>
      <c r="AB446" s="1106"/>
      <c r="AC446" s="1106"/>
      <c r="AD446" s="1106"/>
      <c r="AE446" s="1106"/>
      <c r="AF446" s="1106"/>
      <c r="AG446" s="1106"/>
      <c r="AH446" s="1106"/>
      <c r="AL446" s="1106"/>
      <c r="AZ446" s="1106"/>
      <c r="BA446" s="1106"/>
      <c r="BB446" s="1106"/>
      <c r="BC446" s="1106"/>
      <c r="BD446" s="1106"/>
      <c r="BE446" s="1106"/>
      <c r="BF446" s="1106"/>
      <c r="BG446" s="1106"/>
      <c r="BH446" s="1106"/>
      <c r="BI446" s="1106"/>
      <c r="BJ446" s="1106"/>
      <c r="BK446" s="1106"/>
      <c r="BL446" s="1106"/>
      <c r="BM446" s="1106"/>
      <c r="BN446" s="1106"/>
      <c r="BO446" s="1106"/>
      <c r="BP446" s="1106"/>
      <c r="BQ446" s="1106"/>
      <c r="BR446" s="1106"/>
      <c r="BS446" s="1106"/>
      <c r="BT446" s="1106"/>
      <c r="BU446" s="1106"/>
      <c r="BV446" s="1106"/>
      <c r="BW446" s="1106"/>
      <c r="BX446" s="1106"/>
      <c r="BY446" s="1106"/>
      <c r="BZ446" s="1106"/>
      <c r="CA446" s="1106"/>
    </row>
    <row r="447" spans="3:79" ht="9" customHeight="1" x14ac:dyDescent="0.2">
      <c r="C447" s="1106"/>
      <c r="D447" s="1106"/>
      <c r="E447" s="1106"/>
      <c r="F447" s="1106"/>
      <c r="G447" s="1106"/>
      <c r="H447" s="1106"/>
      <c r="I447" s="1106"/>
      <c r="J447" s="1106"/>
      <c r="K447" s="1106"/>
      <c r="L447" s="1106"/>
      <c r="M447" s="1106"/>
      <c r="N447" s="1106"/>
      <c r="O447" s="1106"/>
      <c r="AB447" s="1106"/>
      <c r="AC447" s="1106"/>
      <c r="AD447" s="1106"/>
      <c r="AE447" s="1106"/>
      <c r="AF447" s="1106"/>
      <c r="AG447" s="1106"/>
      <c r="AH447" s="1106"/>
      <c r="AL447" s="1106"/>
      <c r="AZ447" s="1106"/>
      <c r="BA447" s="1106"/>
      <c r="BB447" s="1106"/>
      <c r="BC447" s="1106"/>
      <c r="BD447" s="1106"/>
      <c r="BE447" s="1106"/>
      <c r="BF447" s="1106"/>
      <c r="BG447" s="1106"/>
      <c r="BH447" s="1106"/>
      <c r="BI447" s="1106"/>
      <c r="BJ447" s="1106"/>
      <c r="BK447" s="1106"/>
      <c r="BL447" s="1106"/>
      <c r="BM447" s="1106"/>
      <c r="BN447" s="1106"/>
      <c r="BO447" s="1106"/>
      <c r="BP447" s="1106"/>
      <c r="BQ447" s="1106"/>
      <c r="BR447" s="1106"/>
      <c r="BS447" s="1106"/>
      <c r="BT447" s="1106"/>
      <c r="BU447" s="1106"/>
      <c r="BV447" s="1106"/>
      <c r="BW447" s="1106"/>
      <c r="BX447" s="1106"/>
      <c r="BY447" s="1106"/>
      <c r="BZ447" s="1106"/>
      <c r="CA447" s="1106"/>
    </row>
    <row r="448" spans="3:79" ht="9" customHeight="1" x14ac:dyDescent="0.2">
      <c r="C448" s="1106"/>
      <c r="D448" s="1106"/>
      <c r="E448" s="1106"/>
      <c r="F448" s="1106"/>
      <c r="G448" s="1106"/>
      <c r="H448" s="1106"/>
      <c r="I448" s="1106"/>
      <c r="J448" s="1106"/>
      <c r="K448" s="1106"/>
      <c r="L448" s="1106"/>
      <c r="M448" s="1106"/>
      <c r="N448" s="1106"/>
      <c r="O448" s="1106"/>
      <c r="U448" s="1106"/>
      <c r="AB448" s="1106"/>
      <c r="AC448" s="1106"/>
      <c r="AD448" s="1106"/>
      <c r="AE448" s="1106"/>
      <c r="AF448" s="1106"/>
      <c r="AG448" s="1106"/>
      <c r="AH448" s="1106"/>
      <c r="AL448" s="1106"/>
      <c r="AT448" s="1106"/>
      <c r="AU448" s="1106"/>
      <c r="AV448" s="1106"/>
      <c r="AW448" s="1106"/>
      <c r="AX448" s="1106"/>
      <c r="AY448" s="1106"/>
      <c r="AZ448" s="1106"/>
      <c r="BA448" s="1106"/>
      <c r="BB448" s="1106"/>
      <c r="BC448" s="1106"/>
      <c r="BD448" s="1106"/>
      <c r="BE448" s="1106"/>
      <c r="BF448" s="1106"/>
      <c r="BG448" s="1106"/>
      <c r="BH448" s="1106"/>
      <c r="BI448" s="1106"/>
      <c r="BJ448" s="1106"/>
      <c r="BK448" s="1106"/>
      <c r="BL448" s="1106"/>
      <c r="BM448" s="1106"/>
      <c r="BN448" s="1106"/>
      <c r="BO448" s="1106"/>
      <c r="BP448" s="1106"/>
      <c r="BQ448" s="1106"/>
      <c r="BR448" s="1106"/>
      <c r="BS448" s="1106"/>
      <c r="BT448" s="1106"/>
      <c r="BU448" s="1106"/>
      <c r="BV448" s="1106"/>
      <c r="BW448" s="1106"/>
      <c r="BX448" s="1106"/>
      <c r="BY448" s="1106"/>
      <c r="BZ448" s="1106"/>
      <c r="CA448" s="1106"/>
    </row>
    <row r="449" spans="3:79" ht="9" customHeight="1" x14ac:dyDescent="0.2">
      <c r="C449" s="1106"/>
      <c r="D449" s="1106"/>
      <c r="E449" s="1106"/>
      <c r="F449" s="1106"/>
      <c r="G449" s="1106"/>
      <c r="H449" s="1106"/>
      <c r="I449" s="1106"/>
      <c r="J449" s="1106"/>
      <c r="K449" s="1106"/>
      <c r="L449" s="1106"/>
      <c r="M449" s="1106"/>
      <c r="N449" s="1106"/>
      <c r="O449" s="1106"/>
      <c r="U449" s="1106"/>
      <c r="AB449" s="1106"/>
      <c r="AC449" s="1106"/>
      <c r="AD449" s="1106"/>
      <c r="AE449" s="1106"/>
      <c r="AF449" s="1106"/>
      <c r="AG449" s="1106"/>
      <c r="AH449" s="1106"/>
      <c r="AL449" s="1106"/>
      <c r="AO449" s="1106"/>
      <c r="AP449" s="1106"/>
      <c r="AT449" s="1106"/>
      <c r="AU449" s="1106"/>
      <c r="AV449" s="1106"/>
      <c r="AW449" s="1106"/>
      <c r="AX449" s="1106"/>
      <c r="AY449" s="1106"/>
      <c r="AZ449" s="1106"/>
      <c r="BA449" s="1106"/>
      <c r="BB449" s="1106"/>
      <c r="BC449" s="1106"/>
      <c r="BD449" s="1106"/>
      <c r="BE449" s="1106"/>
      <c r="BF449" s="1106"/>
      <c r="BG449" s="1106"/>
      <c r="BH449" s="1106"/>
      <c r="BI449" s="1106"/>
      <c r="BJ449" s="1106"/>
      <c r="BK449" s="1106"/>
      <c r="BL449" s="1106"/>
      <c r="BM449" s="1106"/>
      <c r="BN449" s="1106"/>
      <c r="BO449" s="1106"/>
      <c r="BP449" s="1106"/>
      <c r="BQ449" s="1106"/>
      <c r="BR449" s="1106"/>
      <c r="BS449" s="1106"/>
      <c r="BT449" s="1106"/>
      <c r="BU449" s="1106"/>
      <c r="BV449" s="1106"/>
      <c r="BW449" s="1106"/>
      <c r="BX449" s="1106"/>
      <c r="BY449" s="1106"/>
      <c r="BZ449" s="1106"/>
      <c r="CA449" s="1106"/>
    </row>
    <row r="450" spans="3:79" ht="9" customHeight="1" x14ac:dyDescent="0.2">
      <c r="C450" s="1106"/>
      <c r="D450" s="1106"/>
      <c r="E450" s="1106"/>
      <c r="F450" s="1106"/>
      <c r="G450" s="1106"/>
      <c r="H450" s="1106"/>
      <c r="I450" s="1106"/>
      <c r="J450" s="1106"/>
      <c r="K450" s="1106"/>
      <c r="L450" s="1106"/>
      <c r="M450" s="1106"/>
      <c r="N450" s="1106"/>
      <c r="O450" s="1106"/>
      <c r="U450" s="1106"/>
      <c r="AB450" s="1106"/>
      <c r="AC450" s="1106"/>
      <c r="AD450" s="1106"/>
      <c r="AE450" s="1106"/>
      <c r="AF450" s="1106"/>
      <c r="AG450" s="1106"/>
      <c r="AH450" s="1106"/>
      <c r="AL450" s="1106"/>
      <c r="AT450" s="1106"/>
      <c r="AU450" s="1106"/>
      <c r="AV450" s="1106"/>
      <c r="AW450" s="1106"/>
      <c r="AX450" s="1106"/>
      <c r="AY450" s="1106"/>
      <c r="AZ450" s="1106"/>
      <c r="BA450" s="1106"/>
      <c r="BB450" s="1106"/>
      <c r="BC450" s="1106"/>
      <c r="BD450" s="1106"/>
      <c r="BE450" s="1106"/>
      <c r="BF450" s="1106"/>
      <c r="BG450" s="1106"/>
      <c r="BH450" s="1106"/>
      <c r="BI450" s="1106"/>
      <c r="BJ450" s="1106"/>
      <c r="BK450" s="1106"/>
      <c r="BL450" s="1106"/>
      <c r="BM450" s="1106"/>
      <c r="BN450" s="1106"/>
      <c r="BO450" s="1106"/>
      <c r="BP450" s="1106"/>
      <c r="BQ450" s="1106"/>
      <c r="BR450" s="1106"/>
      <c r="BS450" s="1106"/>
      <c r="BT450" s="1106"/>
      <c r="BU450" s="1106"/>
      <c r="BV450" s="1106"/>
      <c r="BW450" s="1106"/>
      <c r="BX450" s="1106"/>
      <c r="BY450" s="1106"/>
      <c r="BZ450" s="1106"/>
      <c r="CA450" s="1106"/>
    </row>
    <row r="451" spans="3:79" ht="9" customHeight="1" x14ac:dyDescent="0.2">
      <c r="C451" s="1106"/>
      <c r="D451" s="1106"/>
      <c r="E451" s="1106"/>
      <c r="F451" s="1106"/>
      <c r="G451" s="1106"/>
      <c r="H451" s="1106"/>
      <c r="I451" s="1106"/>
      <c r="J451" s="1106"/>
      <c r="K451" s="1106"/>
      <c r="L451" s="1106"/>
      <c r="M451" s="1106"/>
      <c r="N451" s="1106"/>
      <c r="O451" s="1106"/>
      <c r="AB451" s="1106"/>
      <c r="AC451" s="1106"/>
      <c r="AD451" s="1106"/>
      <c r="AE451" s="1106"/>
      <c r="AF451" s="1106"/>
      <c r="AG451" s="1106"/>
      <c r="AH451" s="1106"/>
      <c r="AL451" s="1106"/>
      <c r="AZ451" s="1106"/>
      <c r="BA451" s="1106"/>
      <c r="BB451" s="1106"/>
      <c r="BC451" s="1106"/>
      <c r="BD451" s="1106"/>
      <c r="BE451" s="1106"/>
      <c r="BF451" s="1106"/>
      <c r="BG451" s="1106"/>
      <c r="BH451" s="1106"/>
      <c r="BI451" s="1106"/>
      <c r="BJ451" s="1106"/>
      <c r="BK451" s="1106"/>
      <c r="BL451" s="1106"/>
      <c r="BM451" s="1106"/>
      <c r="BN451" s="1106"/>
      <c r="BO451" s="1106"/>
      <c r="BP451" s="1106"/>
      <c r="BQ451" s="1106"/>
      <c r="BR451" s="1106"/>
      <c r="BS451" s="1106"/>
      <c r="BT451" s="1106"/>
      <c r="BU451" s="1106"/>
      <c r="BV451" s="1106"/>
      <c r="BW451" s="1106"/>
      <c r="BX451" s="1106"/>
      <c r="BY451" s="1106"/>
      <c r="BZ451" s="1106"/>
      <c r="CA451" s="1106"/>
    </row>
    <row r="452" spans="3:79" ht="9" customHeight="1" x14ac:dyDescent="0.2">
      <c r="C452" s="1106"/>
      <c r="D452" s="1106"/>
      <c r="E452" s="1106"/>
      <c r="F452" s="1106"/>
      <c r="G452" s="1106"/>
      <c r="H452" s="1106"/>
      <c r="I452" s="1106"/>
      <c r="J452" s="1106"/>
      <c r="K452" s="1106"/>
      <c r="L452" s="1106"/>
      <c r="M452" s="1106"/>
      <c r="N452" s="1106"/>
      <c r="O452" s="1106"/>
      <c r="AB452" s="1106"/>
      <c r="AC452" s="1106"/>
      <c r="AD452" s="1106"/>
      <c r="AE452" s="1106"/>
      <c r="AF452" s="1106"/>
      <c r="AG452" s="1106"/>
      <c r="AH452" s="1106"/>
      <c r="AL452" s="1106"/>
      <c r="AZ452" s="1106"/>
      <c r="BA452" s="1106"/>
      <c r="BB452" s="1106"/>
      <c r="BC452" s="1106"/>
      <c r="BD452" s="1106"/>
      <c r="BE452" s="1106"/>
      <c r="BF452" s="1106"/>
      <c r="BG452" s="1106"/>
      <c r="BH452" s="1106"/>
      <c r="BI452" s="1106"/>
      <c r="BJ452" s="1106"/>
      <c r="BK452" s="1106"/>
      <c r="BL452" s="1106"/>
      <c r="BM452" s="1106"/>
      <c r="BN452" s="1106"/>
      <c r="BO452" s="1106"/>
      <c r="BP452" s="1106"/>
      <c r="BQ452" s="1106"/>
      <c r="BR452" s="1106"/>
      <c r="BS452" s="1106"/>
      <c r="BT452" s="1106"/>
      <c r="BU452" s="1106"/>
      <c r="BV452" s="1106"/>
      <c r="BW452" s="1106"/>
      <c r="BX452" s="1106"/>
      <c r="BY452" s="1106"/>
      <c r="BZ452" s="1106"/>
      <c r="CA452" s="1106"/>
    </row>
    <row r="453" spans="3:79" ht="9" customHeight="1" x14ac:dyDescent="0.2">
      <c r="C453" s="1106"/>
      <c r="D453" s="1106"/>
      <c r="E453" s="1106"/>
      <c r="F453" s="1106"/>
      <c r="G453" s="1106"/>
      <c r="H453" s="1106"/>
      <c r="I453" s="1106"/>
      <c r="J453" s="1106"/>
      <c r="K453" s="1106"/>
      <c r="L453" s="1106"/>
      <c r="M453" s="1106"/>
      <c r="N453" s="1106"/>
      <c r="O453" s="1106"/>
      <c r="AB453" s="1106"/>
      <c r="AC453" s="1106"/>
      <c r="AD453" s="1106"/>
      <c r="AE453" s="1106"/>
      <c r="AF453" s="1106"/>
      <c r="AG453" s="1106"/>
      <c r="AH453" s="1106"/>
      <c r="AL453" s="1106"/>
      <c r="AZ453" s="1106"/>
      <c r="BA453" s="1106"/>
      <c r="BB453" s="1106"/>
      <c r="BC453" s="1106"/>
      <c r="BD453" s="1106"/>
      <c r="BE453" s="1106"/>
      <c r="BF453" s="1106"/>
      <c r="BG453" s="1106"/>
      <c r="BH453" s="1106"/>
      <c r="BI453" s="1106"/>
      <c r="BJ453" s="1106"/>
      <c r="BK453" s="1106"/>
      <c r="BL453" s="1106"/>
      <c r="BM453" s="1106"/>
      <c r="BN453" s="1106"/>
      <c r="BO453" s="1106"/>
      <c r="BP453" s="1106"/>
      <c r="BQ453" s="1106"/>
      <c r="BR453" s="1106"/>
      <c r="BS453" s="1106"/>
      <c r="BT453" s="1106"/>
      <c r="BU453" s="1106"/>
      <c r="BV453" s="1106"/>
      <c r="BW453" s="1106"/>
      <c r="BX453" s="1106"/>
      <c r="BY453" s="1106"/>
      <c r="BZ453" s="1106"/>
      <c r="CA453" s="1106"/>
    </row>
    <row r="454" spans="3:79" ht="9" customHeight="1" x14ac:dyDescent="0.2">
      <c r="C454" s="1106"/>
      <c r="D454" s="1106"/>
      <c r="E454" s="1106"/>
      <c r="F454" s="1106"/>
      <c r="G454" s="1106"/>
      <c r="H454" s="1106"/>
      <c r="I454" s="1106"/>
      <c r="J454" s="1106"/>
      <c r="K454" s="1106"/>
      <c r="L454" s="1106"/>
      <c r="M454" s="1106"/>
      <c r="N454" s="1106"/>
      <c r="O454" s="1106"/>
      <c r="U454" s="1106"/>
      <c r="AB454" s="1106"/>
      <c r="AC454" s="1106"/>
      <c r="AD454" s="1106"/>
      <c r="AE454" s="1106"/>
      <c r="AF454" s="1106"/>
      <c r="AG454" s="1106"/>
      <c r="AH454" s="1106"/>
      <c r="AL454" s="1106"/>
      <c r="AT454" s="1106"/>
      <c r="AU454" s="1106"/>
      <c r="AV454" s="1106"/>
      <c r="AW454" s="1106"/>
      <c r="AX454" s="1106"/>
      <c r="AY454" s="1106"/>
      <c r="AZ454" s="1106"/>
      <c r="BA454" s="1106"/>
      <c r="BB454" s="1106"/>
      <c r="BC454" s="1106"/>
      <c r="BD454" s="1106"/>
      <c r="BE454" s="1106"/>
      <c r="BF454" s="1106"/>
      <c r="BG454" s="1106"/>
      <c r="BH454" s="1106"/>
      <c r="BI454" s="1106"/>
      <c r="BJ454" s="1106"/>
      <c r="BK454" s="1106"/>
      <c r="BL454" s="1106"/>
      <c r="BM454" s="1106"/>
      <c r="BN454" s="1106"/>
      <c r="BO454" s="1106"/>
      <c r="BP454" s="1106"/>
      <c r="BQ454" s="1106"/>
      <c r="BR454" s="1106"/>
      <c r="BS454" s="1106"/>
      <c r="BT454" s="1106"/>
      <c r="BU454" s="1106"/>
      <c r="BV454" s="1106"/>
      <c r="BW454" s="1106"/>
      <c r="BX454" s="1106"/>
      <c r="BY454" s="1106"/>
      <c r="BZ454" s="1106"/>
      <c r="CA454" s="1106"/>
    </row>
    <row r="455" spans="3:79" ht="9" customHeight="1" x14ac:dyDescent="0.2">
      <c r="C455" s="1106"/>
      <c r="D455" s="1106"/>
      <c r="E455" s="1106"/>
      <c r="F455" s="1106"/>
      <c r="G455" s="1106"/>
      <c r="H455" s="1106"/>
      <c r="I455" s="1106"/>
      <c r="J455" s="1106"/>
      <c r="K455" s="1106"/>
      <c r="L455" s="1106"/>
      <c r="M455" s="1106"/>
      <c r="N455" s="1106"/>
      <c r="O455" s="1106"/>
      <c r="U455" s="1106"/>
      <c r="AB455" s="1106"/>
      <c r="AC455" s="1106"/>
      <c r="AD455" s="1106"/>
      <c r="AE455" s="1106"/>
      <c r="AF455" s="1106"/>
      <c r="AG455" s="1106"/>
      <c r="AH455" s="1106"/>
      <c r="AL455" s="1106"/>
      <c r="AO455" s="1106"/>
      <c r="AP455" s="1106"/>
      <c r="AT455" s="1106"/>
      <c r="AU455" s="1106"/>
      <c r="AV455" s="1106"/>
      <c r="AW455" s="1106"/>
      <c r="AX455" s="1106"/>
      <c r="AY455" s="1106"/>
      <c r="AZ455" s="1106"/>
      <c r="BA455" s="1106"/>
      <c r="BB455" s="1106"/>
      <c r="BC455" s="1106"/>
      <c r="BD455" s="1106"/>
      <c r="BE455" s="1106"/>
      <c r="BF455" s="1106"/>
      <c r="BG455" s="1106"/>
      <c r="BH455" s="1106"/>
      <c r="BI455" s="1106"/>
      <c r="BJ455" s="1106"/>
      <c r="BK455" s="1106"/>
      <c r="BL455" s="1106"/>
      <c r="BM455" s="1106"/>
      <c r="BN455" s="1106"/>
      <c r="BO455" s="1106"/>
      <c r="BP455" s="1106"/>
      <c r="BQ455" s="1106"/>
      <c r="BR455" s="1106"/>
      <c r="BS455" s="1106"/>
      <c r="BT455" s="1106"/>
      <c r="BU455" s="1106"/>
      <c r="BV455" s="1106"/>
      <c r="BW455" s="1106"/>
      <c r="BX455" s="1106"/>
      <c r="BY455" s="1106"/>
      <c r="BZ455" s="1106"/>
      <c r="CA455" s="1106"/>
    </row>
    <row r="456" spans="3:79" ht="9" customHeight="1" x14ac:dyDescent="0.2">
      <c r="C456" s="1106"/>
      <c r="D456" s="1106"/>
      <c r="E456" s="1106"/>
      <c r="F456" s="1106"/>
      <c r="G456" s="1106"/>
      <c r="H456" s="1106"/>
      <c r="I456" s="1106"/>
      <c r="J456" s="1106"/>
      <c r="K456" s="1106"/>
      <c r="L456" s="1106"/>
      <c r="M456" s="1106"/>
      <c r="N456" s="1106"/>
      <c r="O456" s="1106"/>
      <c r="U456" s="1106"/>
      <c r="AB456" s="1106"/>
      <c r="AC456" s="1106"/>
      <c r="AD456" s="1106"/>
      <c r="AE456" s="1106"/>
      <c r="AF456" s="1106"/>
      <c r="AG456" s="1106"/>
      <c r="AH456" s="1106"/>
      <c r="AL456" s="1106"/>
      <c r="AT456" s="1106"/>
      <c r="AU456" s="1106"/>
      <c r="AV456" s="1106"/>
      <c r="AW456" s="1106"/>
      <c r="AX456" s="1106"/>
      <c r="AY456" s="1106"/>
      <c r="AZ456" s="1106"/>
      <c r="BA456" s="1106"/>
      <c r="BB456" s="1106"/>
      <c r="BC456" s="1106"/>
      <c r="BD456" s="1106"/>
      <c r="BE456" s="1106"/>
      <c r="BF456" s="1106"/>
      <c r="BG456" s="1106"/>
      <c r="BH456" s="1106"/>
      <c r="BI456" s="1106"/>
      <c r="BJ456" s="1106"/>
      <c r="BK456" s="1106"/>
      <c r="BL456" s="1106"/>
      <c r="BM456" s="1106"/>
      <c r="BN456" s="1106"/>
      <c r="BO456" s="1106"/>
      <c r="BP456" s="1106"/>
      <c r="BQ456" s="1106"/>
      <c r="BR456" s="1106"/>
      <c r="BS456" s="1106"/>
      <c r="BT456" s="1106"/>
      <c r="BU456" s="1106"/>
      <c r="BV456" s="1106"/>
      <c r="BW456" s="1106"/>
      <c r="BX456" s="1106"/>
      <c r="BY456" s="1106"/>
      <c r="BZ456" s="1106"/>
      <c r="CA456" s="1106"/>
    </row>
    <row r="457" spans="3:79" ht="9" customHeight="1" x14ac:dyDescent="0.2">
      <c r="C457" s="1106"/>
      <c r="D457" s="1106"/>
      <c r="E457" s="1106"/>
      <c r="F457" s="1106"/>
      <c r="G457" s="1106"/>
      <c r="H457" s="1106"/>
      <c r="I457" s="1106"/>
      <c r="J457" s="1106"/>
      <c r="K457" s="1106"/>
      <c r="L457" s="1106"/>
      <c r="M457" s="1106"/>
      <c r="N457" s="1106"/>
      <c r="O457" s="1106"/>
      <c r="AB457" s="1106"/>
      <c r="AC457" s="1106"/>
      <c r="AD457" s="1106"/>
      <c r="AE457" s="1106"/>
      <c r="AF457" s="1106"/>
      <c r="AG457" s="1106"/>
      <c r="AH457" s="1106"/>
      <c r="AL457" s="1106"/>
      <c r="AZ457" s="1106"/>
      <c r="BA457" s="1106"/>
      <c r="BB457" s="1106"/>
      <c r="BC457" s="1106"/>
      <c r="BD457" s="1106"/>
      <c r="BE457" s="1106"/>
      <c r="BF457" s="1106"/>
      <c r="BG457" s="1106"/>
      <c r="BH457" s="1106"/>
      <c r="BI457" s="1106"/>
      <c r="BJ457" s="1106"/>
      <c r="BK457" s="1106"/>
      <c r="BL457" s="1106"/>
      <c r="BM457" s="1106"/>
      <c r="BN457" s="1106"/>
      <c r="BO457" s="1106"/>
      <c r="BP457" s="1106"/>
      <c r="BQ457" s="1106"/>
      <c r="BR457" s="1106"/>
      <c r="BS457" s="1106"/>
      <c r="BT457" s="1106"/>
      <c r="BU457" s="1106"/>
      <c r="BV457" s="1106"/>
      <c r="BW457" s="1106"/>
      <c r="BX457" s="1106"/>
      <c r="BY457" s="1106"/>
      <c r="BZ457" s="1106"/>
      <c r="CA457" s="1106"/>
    </row>
    <row r="458" spans="3:79" ht="9" customHeight="1" x14ac:dyDescent="0.2">
      <c r="C458" s="1106"/>
      <c r="D458" s="1106"/>
      <c r="E458" s="1106"/>
      <c r="F458" s="1106"/>
      <c r="G458" s="1106"/>
      <c r="H458" s="1106"/>
      <c r="I458" s="1106"/>
      <c r="J458" s="1106"/>
      <c r="K458" s="1106"/>
      <c r="L458" s="1106"/>
      <c r="M458" s="1106"/>
      <c r="N458" s="1106"/>
      <c r="O458" s="1106"/>
      <c r="AB458" s="1106"/>
      <c r="AC458" s="1106"/>
      <c r="AD458" s="1106"/>
      <c r="AE458" s="1106"/>
      <c r="AF458" s="1106"/>
      <c r="AG458" s="1106"/>
      <c r="AH458" s="1106"/>
      <c r="AL458" s="1106"/>
      <c r="AZ458" s="1106"/>
      <c r="BA458" s="1106"/>
      <c r="BB458" s="1106"/>
      <c r="BC458" s="1106"/>
      <c r="BD458" s="1106"/>
      <c r="BE458" s="1106"/>
      <c r="BF458" s="1106"/>
      <c r="BG458" s="1106"/>
      <c r="BH458" s="1106"/>
      <c r="BI458" s="1106"/>
      <c r="BJ458" s="1106"/>
      <c r="BK458" s="1106"/>
      <c r="BL458" s="1106"/>
      <c r="BM458" s="1106"/>
      <c r="BN458" s="1106"/>
      <c r="BO458" s="1106"/>
      <c r="BP458" s="1106"/>
      <c r="BQ458" s="1106"/>
      <c r="BR458" s="1106"/>
      <c r="BS458" s="1106"/>
      <c r="BT458" s="1106"/>
      <c r="BU458" s="1106"/>
      <c r="BV458" s="1106"/>
      <c r="BW458" s="1106"/>
      <c r="BX458" s="1106"/>
      <c r="BY458" s="1106"/>
      <c r="BZ458" s="1106"/>
      <c r="CA458" s="1106"/>
    </row>
    <row r="459" spans="3:79" ht="9" customHeight="1" x14ac:dyDescent="0.2">
      <c r="C459" s="1106"/>
      <c r="D459" s="1106"/>
      <c r="E459" s="1106"/>
      <c r="F459" s="1106"/>
      <c r="G459" s="1106"/>
      <c r="H459" s="1106"/>
      <c r="I459" s="1106"/>
      <c r="J459" s="1106"/>
      <c r="K459" s="1106"/>
      <c r="L459" s="1106"/>
      <c r="M459" s="1106"/>
      <c r="N459" s="1106"/>
      <c r="O459" s="1106"/>
      <c r="AB459" s="1106"/>
      <c r="AC459" s="1106"/>
      <c r="AD459" s="1106"/>
      <c r="AE459" s="1106"/>
      <c r="AF459" s="1106"/>
      <c r="AG459" s="1106"/>
      <c r="AH459" s="1106"/>
      <c r="AL459" s="1106"/>
      <c r="AZ459" s="1106"/>
      <c r="BA459" s="1106"/>
      <c r="BB459" s="1106"/>
      <c r="BC459" s="1106"/>
      <c r="BD459" s="1106"/>
      <c r="BE459" s="1106"/>
      <c r="BF459" s="1106"/>
      <c r="BG459" s="1106"/>
      <c r="BH459" s="1106"/>
      <c r="BI459" s="1106"/>
      <c r="BJ459" s="1106"/>
      <c r="BK459" s="1106"/>
      <c r="BL459" s="1106"/>
      <c r="BM459" s="1106"/>
      <c r="BN459" s="1106"/>
      <c r="BO459" s="1106"/>
      <c r="BP459" s="1106"/>
      <c r="BQ459" s="1106"/>
      <c r="BR459" s="1106"/>
      <c r="BS459" s="1106"/>
      <c r="BT459" s="1106"/>
      <c r="BU459" s="1106"/>
      <c r="BV459" s="1106"/>
      <c r="BW459" s="1106"/>
      <c r="BX459" s="1106"/>
      <c r="BY459" s="1106"/>
      <c r="BZ459" s="1106"/>
      <c r="CA459" s="1106"/>
    </row>
    <row r="460" spans="3:79" ht="9" customHeight="1" x14ac:dyDescent="0.2">
      <c r="C460" s="1106"/>
      <c r="D460" s="1106"/>
      <c r="E460" s="1106"/>
      <c r="F460" s="1106"/>
      <c r="G460" s="1106"/>
      <c r="H460" s="1106"/>
      <c r="I460" s="1106"/>
      <c r="J460" s="1106"/>
      <c r="K460" s="1106"/>
      <c r="L460" s="1106"/>
      <c r="M460" s="1106"/>
      <c r="N460" s="1106"/>
      <c r="O460" s="1106"/>
      <c r="U460" s="1106"/>
      <c r="AB460" s="1106"/>
      <c r="AC460" s="1106"/>
      <c r="AD460" s="1106"/>
      <c r="AE460" s="1106"/>
      <c r="AF460" s="1106"/>
      <c r="AG460" s="1106"/>
      <c r="AH460" s="1106"/>
      <c r="AL460" s="1106"/>
      <c r="AT460" s="1106"/>
      <c r="AU460" s="1106"/>
      <c r="AV460" s="1106"/>
      <c r="AW460" s="1106"/>
      <c r="AX460" s="1106"/>
      <c r="AY460" s="1106"/>
      <c r="AZ460" s="1106"/>
      <c r="BA460" s="1106"/>
      <c r="BB460" s="1106"/>
      <c r="BC460" s="1106"/>
      <c r="BD460" s="1106"/>
      <c r="BE460" s="1106"/>
      <c r="BF460" s="1106"/>
      <c r="BG460" s="1106"/>
      <c r="BH460" s="1106"/>
      <c r="BI460" s="1106"/>
      <c r="BJ460" s="1106"/>
      <c r="BK460" s="1106"/>
      <c r="BL460" s="1106"/>
      <c r="BM460" s="1106"/>
      <c r="BN460" s="1106"/>
      <c r="BO460" s="1106"/>
      <c r="BP460" s="1106"/>
      <c r="BQ460" s="1106"/>
      <c r="BR460" s="1106"/>
      <c r="BS460" s="1106"/>
      <c r="BT460" s="1106"/>
      <c r="BU460" s="1106"/>
      <c r="BV460" s="1106"/>
      <c r="BW460" s="1106"/>
      <c r="BX460" s="1106"/>
      <c r="BY460" s="1106"/>
      <c r="BZ460" s="1106"/>
      <c r="CA460" s="1106"/>
    </row>
    <row r="461" spans="3:79" ht="9" customHeight="1" x14ac:dyDescent="0.2">
      <c r="C461" s="1106"/>
      <c r="D461" s="1106"/>
      <c r="E461" s="1106"/>
      <c r="F461" s="1106"/>
      <c r="G461" s="1106"/>
      <c r="H461" s="1106"/>
      <c r="I461" s="1106"/>
      <c r="J461" s="1106"/>
      <c r="K461" s="1106"/>
      <c r="L461" s="1106"/>
      <c r="M461" s="1106"/>
      <c r="N461" s="1106"/>
      <c r="O461" s="1106"/>
      <c r="U461" s="1106"/>
      <c r="AB461" s="1106"/>
      <c r="AC461" s="1106"/>
      <c r="AD461" s="1106"/>
      <c r="AE461" s="1106"/>
      <c r="AF461" s="1106"/>
      <c r="AG461" s="1106"/>
      <c r="AH461" s="1106"/>
      <c r="AL461" s="1106"/>
      <c r="AO461" s="1106"/>
      <c r="AP461" s="1106"/>
      <c r="AT461" s="1106"/>
      <c r="AU461" s="1106"/>
      <c r="AV461" s="1106"/>
      <c r="AW461" s="1106"/>
      <c r="AX461" s="1106"/>
      <c r="AY461" s="1106"/>
      <c r="AZ461" s="1106"/>
      <c r="BA461" s="1106"/>
      <c r="BB461" s="1106"/>
      <c r="BC461" s="1106"/>
      <c r="BD461" s="1106"/>
      <c r="BE461" s="1106"/>
      <c r="BF461" s="1106"/>
      <c r="BG461" s="1106"/>
      <c r="BH461" s="1106"/>
      <c r="BI461" s="1106"/>
      <c r="BJ461" s="1106"/>
      <c r="BK461" s="1106"/>
      <c r="BL461" s="1106"/>
      <c r="BM461" s="1106"/>
      <c r="BN461" s="1106"/>
      <c r="BO461" s="1106"/>
      <c r="BP461" s="1106"/>
      <c r="BQ461" s="1106"/>
      <c r="BR461" s="1106"/>
      <c r="BS461" s="1106"/>
      <c r="BT461" s="1106"/>
      <c r="BU461" s="1106"/>
      <c r="BV461" s="1106"/>
      <c r="BW461" s="1106"/>
      <c r="BX461" s="1106"/>
      <c r="BY461" s="1106"/>
      <c r="BZ461" s="1106"/>
      <c r="CA461" s="1106"/>
    </row>
    <row r="462" spans="3:79" ht="9" customHeight="1" x14ac:dyDescent="0.2">
      <c r="C462" s="1106"/>
      <c r="D462" s="1106"/>
      <c r="E462" s="1106"/>
      <c r="F462" s="1106"/>
      <c r="G462" s="1106"/>
      <c r="H462" s="1106"/>
      <c r="I462" s="1106"/>
      <c r="J462" s="1106"/>
      <c r="K462" s="1106"/>
      <c r="L462" s="1106"/>
      <c r="M462" s="1106"/>
      <c r="N462" s="1106"/>
      <c r="O462" s="1106"/>
      <c r="U462" s="1106"/>
      <c r="AB462" s="1106"/>
      <c r="AC462" s="1106"/>
      <c r="AD462" s="1106"/>
      <c r="AE462" s="1106"/>
      <c r="AF462" s="1106"/>
      <c r="AG462" s="1106"/>
      <c r="AH462" s="1106"/>
      <c r="AL462" s="1106"/>
      <c r="AT462" s="1106"/>
      <c r="AU462" s="1106"/>
      <c r="AV462" s="1106"/>
      <c r="AW462" s="1106"/>
      <c r="AX462" s="1106"/>
      <c r="AY462" s="1106"/>
      <c r="AZ462" s="1106"/>
      <c r="BA462" s="1106"/>
      <c r="BB462" s="1106"/>
      <c r="BC462" s="1106"/>
      <c r="BD462" s="1106"/>
      <c r="BE462" s="1106"/>
      <c r="BF462" s="1106"/>
      <c r="BG462" s="1106"/>
      <c r="BH462" s="1106"/>
      <c r="BI462" s="1106"/>
      <c r="BJ462" s="1106"/>
      <c r="BK462" s="1106"/>
      <c r="BL462" s="1106"/>
      <c r="BM462" s="1106"/>
      <c r="BN462" s="1106"/>
      <c r="BO462" s="1106"/>
      <c r="BP462" s="1106"/>
      <c r="BQ462" s="1106"/>
      <c r="BR462" s="1106"/>
      <c r="BS462" s="1106"/>
      <c r="BT462" s="1106"/>
      <c r="BU462" s="1106"/>
      <c r="BV462" s="1106"/>
      <c r="BW462" s="1106"/>
      <c r="BX462" s="1106"/>
      <c r="BY462" s="1106"/>
      <c r="BZ462" s="1106"/>
      <c r="CA462" s="1106"/>
    </row>
    <row r="463" spans="3:79" ht="9" customHeight="1" x14ac:dyDescent="0.2">
      <c r="C463" s="1106"/>
      <c r="D463" s="1106"/>
      <c r="E463" s="1106"/>
      <c r="F463" s="1106"/>
      <c r="G463" s="1106"/>
      <c r="H463" s="1106"/>
      <c r="I463" s="1106"/>
      <c r="J463" s="1106"/>
      <c r="K463" s="1106"/>
      <c r="L463" s="1106"/>
      <c r="M463" s="1106"/>
      <c r="N463" s="1106"/>
      <c r="O463" s="1106"/>
      <c r="AB463" s="1106"/>
      <c r="AC463" s="1106"/>
      <c r="AD463" s="1106"/>
      <c r="AE463" s="1106"/>
      <c r="AF463" s="1106"/>
      <c r="AG463" s="1106"/>
      <c r="AH463" s="1106"/>
      <c r="AL463" s="1106"/>
      <c r="AZ463" s="1106"/>
      <c r="BA463" s="1106"/>
      <c r="BB463" s="1106"/>
      <c r="BC463" s="1106"/>
      <c r="BD463" s="1106"/>
      <c r="BE463" s="1106"/>
      <c r="BF463" s="1106"/>
      <c r="BG463" s="1106"/>
      <c r="BH463" s="1106"/>
      <c r="BI463" s="1106"/>
      <c r="BJ463" s="1106"/>
      <c r="BK463" s="1106"/>
      <c r="BL463" s="1106"/>
      <c r="BM463" s="1106"/>
      <c r="BN463" s="1106"/>
      <c r="BO463" s="1106"/>
      <c r="BP463" s="1106"/>
      <c r="BQ463" s="1106"/>
      <c r="BR463" s="1106"/>
      <c r="BS463" s="1106"/>
      <c r="BT463" s="1106"/>
      <c r="BU463" s="1106"/>
      <c r="BV463" s="1106"/>
      <c r="BW463" s="1106"/>
      <c r="BX463" s="1106"/>
      <c r="BY463" s="1106"/>
      <c r="BZ463" s="1106"/>
      <c r="CA463" s="1106"/>
    </row>
    <row r="464" spans="3:79" ht="9" customHeight="1" x14ac:dyDescent="0.2">
      <c r="C464" s="1106"/>
      <c r="D464" s="1106"/>
      <c r="E464" s="1106"/>
      <c r="F464" s="1106"/>
      <c r="G464" s="1106"/>
      <c r="H464" s="1106"/>
      <c r="I464" s="1106"/>
      <c r="J464" s="1106"/>
      <c r="K464" s="1106"/>
      <c r="L464" s="1106"/>
      <c r="M464" s="1106"/>
      <c r="N464" s="1106"/>
      <c r="O464" s="1106"/>
      <c r="AB464" s="1106"/>
      <c r="AC464" s="1106"/>
      <c r="AD464" s="1106"/>
      <c r="AE464" s="1106"/>
      <c r="AF464" s="1106"/>
      <c r="AG464" s="1106"/>
      <c r="AH464" s="1106"/>
      <c r="AL464" s="1106"/>
      <c r="AZ464" s="1106"/>
      <c r="BA464" s="1106"/>
      <c r="BB464" s="1106"/>
      <c r="BC464" s="1106"/>
      <c r="BD464" s="1106"/>
      <c r="BE464" s="1106"/>
      <c r="BF464" s="1106"/>
      <c r="BG464" s="1106"/>
      <c r="BH464" s="1106"/>
      <c r="BI464" s="1106"/>
      <c r="BJ464" s="1106"/>
      <c r="BK464" s="1106"/>
      <c r="BL464" s="1106"/>
      <c r="BM464" s="1106"/>
      <c r="BN464" s="1106"/>
      <c r="BO464" s="1106"/>
      <c r="BP464" s="1106"/>
      <c r="BQ464" s="1106"/>
      <c r="BR464" s="1106"/>
      <c r="BS464" s="1106"/>
      <c r="BT464" s="1106"/>
      <c r="BU464" s="1106"/>
      <c r="BV464" s="1106"/>
      <c r="BW464" s="1106"/>
      <c r="BX464" s="1106"/>
      <c r="BY464" s="1106"/>
      <c r="BZ464" s="1106"/>
      <c r="CA464" s="1106"/>
    </row>
    <row r="465" spans="3:79" ht="9" customHeight="1" x14ac:dyDescent="0.2">
      <c r="C465" s="1106"/>
      <c r="D465" s="1106"/>
      <c r="E465" s="1106"/>
      <c r="F465" s="1106"/>
      <c r="G465" s="1106"/>
      <c r="H465" s="1106"/>
      <c r="I465" s="1106"/>
      <c r="J465" s="1106"/>
      <c r="K465" s="1106"/>
      <c r="L465" s="1106"/>
      <c r="M465" s="1106"/>
      <c r="N465" s="1106"/>
      <c r="O465" s="1106"/>
      <c r="AB465" s="1106"/>
      <c r="AC465" s="1106"/>
      <c r="AD465" s="1106"/>
      <c r="AE465" s="1106"/>
      <c r="AF465" s="1106"/>
      <c r="AG465" s="1106"/>
      <c r="AH465" s="1106"/>
      <c r="AL465" s="1106"/>
      <c r="AZ465" s="1106"/>
      <c r="BA465" s="1106"/>
      <c r="BB465" s="1106"/>
      <c r="BC465" s="1106"/>
      <c r="BD465" s="1106"/>
      <c r="BE465" s="1106"/>
      <c r="BF465" s="1106"/>
      <c r="BG465" s="1106"/>
      <c r="BH465" s="1106"/>
      <c r="BI465" s="1106"/>
      <c r="BJ465" s="1106"/>
      <c r="BK465" s="1106"/>
      <c r="BL465" s="1106"/>
      <c r="BM465" s="1106"/>
      <c r="BN465" s="1106"/>
      <c r="BO465" s="1106"/>
      <c r="BP465" s="1106"/>
      <c r="BQ465" s="1106"/>
      <c r="BR465" s="1106"/>
      <c r="BS465" s="1106"/>
      <c r="BT465" s="1106"/>
      <c r="BU465" s="1106"/>
      <c r="BV465" s="1106"/>
      <c r="BW465" s="1106"/>
      <c r="BX465" s="1106"/>
      <c r="BY465" s="1106"/>
      <c r="BZ465" s="1106"/>
      <c r="CA465" s="1106"/>
    </row>
    <row r="466" spans="3:79" ht="9" customHeight="1" x14ac:dyDescent="0.2">
      <c r="C466" s="1106"/>
      <c r="D466" s="1106"/>
      <c r="E466" s="1106"/>
      <c r="F466" s="1106"/>
      <c r="G466" s="1106"/>
      <c r="H466" s="1106"/>
      <c r="I466" s="1106"/>
      <c r="J466" s="1106"/>
      <c r="K466" s="1106"/>
      <c r="L466" s="1106"/>
      <c r="M466" s="1106"/>
      <c r="N466" s="1106"/>
      <c r="O466" s="1106"/>
      <c r="U466" s="1106"/>
      <c r="AB466" s="1106"/>
      <c r="AC466" s="1106"/>
      <c r="AD466" s="1106"/>
      <c r="AE466" s="1106"/>
      <c r="AF466" s="1106"/>
      <c r="AG466" s="1106"/>
      <c r="AH466" s="1106"/>
      <c r="AL466" s="1106"/>
      <c r="AT466" s="1106"/>
      <c r="AU466" s="1106"/>
      <c r="AV466" s="1106"/>
      <c r="AW466" s="1106"/>
      <c r="AX466" s="1106"/>
      <c r="AY466" s="1106"/>
      <c r="AZ466" s="1106"/>
      <c r="BA466" s="1106"/>
      <c r="BB466" s="1106"/>
      <c r="BC466" s="1106"/>
      <c r="BD466" s="1106"/>
      <c r="BE466" s="1106"/>
      <c r="BF466" s="1106"/>
      <c r="BG466" s="1106"/>
      <c r="BH466" s="1106"/>
      <c r="BI466" s="1106"/>
      <c r="BJ466" s="1106"/>
      <c r="BK466" s="1106"/>
      <c r="BL466" s="1106"/>
      <c r="BM466" s="1106"/>
      <c r="BN466" s="1106"/>
      <c r="BO466" s="1106"/>
      <c r="BP466" s="1106"/>
      <c r="BQ466" s="1106"/>
      <c r="BR466" s="1106"/>
      <c r="BS466" s="1106"/>
      <c r="BT466" s="1106"/>
      <c r="BU466" s="1106"/>
      <c r="BV466" s="1106"/>
      <c r="BW466" s="1106"/>
      <c r="BX466" s="1106"/>
      <c r="BY466" s="1106"/>
      <c r="BZ466" s="1106"/>
      <c r="CA466" s="1106"/>
    </row>
    <row r="467" spans="3:79" ht="9" customHeight="1" x14ac:dyDescent="0.2">
      <c r="C467" s="1106"/>
      <c r="D467" s="1106"/>
      <c r="E467" s="1106"/>
      <c r="F467" s="1106"/>
      <c r="G467" s="1106"/>
      <c r="H467" s="1106"/>
      <c r="I467" s="1106"/>
      <c r="J467" s="1106"/>
      <c r="K467" s="1106"/>
      <c r="L467" s="1106"/>
      <c r="M467" s="1106"/>
      <c r="N467" s="1106"/>
      <c r="O467" s="1106"/>
      <c r="U467" s="1106"/>
      <c r="AB467" s="1106"/>
      <c r="AC467" s="1106"/>
      <c r="AD467" s="1106"/>
      <c r="AE467" s="1106"/>
      <c r="AF467" s="1106"/>
      <c r="AG467" s="1106"/>
      <c r="AH467" s="1106"/>
      <c r="AL467" s="1106"/>
      <c r="AO467" s="1106"/>
      <c r="AP467" s="1106"/>
      <c r="AT467" s="1106"/>
      <c r="AU467" s="1106"/>
      <c r="AV467" s="1106"/>
      <c r="AW467" s="1106"/>
      <c r="AX467" s="1106"/>
      <c r="AY467" s="1106"/>
      <c r="AZ467" s="1106"/>
      <c r="BA467" s="1106"/>
      <c r="BB467" s="1106"/>
      <c r="BC467" s="1106"/>
      <c r="BD467" s="1106"/>
      <c r="BE467" s="1106"/>
      <c r="BF467" s="1106"/>
      <c r="BG467" s="1106"/>
      <c r="BH467" s="1106"/>
      <c r="BI467" s="1106"/>
      <c r="BJ467" s="1106"/>
      <c r="BK467" s="1106"/>
      <c r="BL467" s="1106"/>
      <c r="BM467" s="1106"/>
      <c r="BN467" s="1106"/>
      <c r="BO467" s="1106"/>
      <c r="BP467" s="1106"/>
      <c r="BQ467" s="1106"/>
      <c r="BR467" s="1106"/>
      <c r="BS467" s="1106"/>
      <c r="BT467" s="1106"/>
      <c r="BU467" s="1106"/>
      <c r="BV467" s="1106"/>
      <c r="BW467" s="1106"/>
      <c r="BX467" s="1106"/>
      <c r="BY467" s="1106"/>
      <c r="BZ467" s="1106"/>
      <c r="CA467" s="1106"/>
    </row>
    <row r="468" spans="3:79" ht="9" customHeight="1" x14ac:dyDescent="0.2">
      <c r="C468" s="1106"/>
      <c r="D468" s="1106"/>
      <c r="E468" s="1106"/>
      <c r="F468" s="1106"/>
      <c r="G468" s="1106"/>
      <c r="H468" s="1106"/>
      <c r="I468" s="1106"/>
      <c r="J468" s="1106"/>
      <c r="K468" s="1106"/>
      <c r="L468" s="1106"/>
      <c r="M468" s="1106"/>
      <c r="N468" s="1106"/>
      <c r="O468" s="1106"/>
      <c r="U468" s="1106"/>
      <c r="AB468" s="1106"/>
      <c r="AC468" s="1106"/>
      <c r="AD468" s="1106"/>
      <c r="AE468" s="1106"/>
      <c r="AF468" s="1106"/>
      <c r="AG468" s="1106"/>
      <c r="AH468" s="1106"/>
      <c r="AL468" s="1106"/>
      <c r="AT468" s="1106"/>
      <c r="AU468" s="1106"/>
      <c r="AV468" s="1106"/>
      <c r="AW468" s="1106"/>
      <c r="AX468" s="1106"/>
      <c r="AY468" s="1106"/>
      <c r="AZ468" s="1106"/>
      <c r="BA468" s="1106"/>
      <c r="BB468" s="1106"/>
      <c r="BC468" s="1106"/>
      <c r="BD468" s="1106"/>
      <c r="BE468" s="1106"/>
      <c r="BF468" s="1106"/>
      <c r="BG468" s="1106"/>
      <c r="BH468" s="1106"/>
      <c r="BI468" s="1106"/>
      <c r="BJ468" s="1106"/>
      <c r="BK468" s="1106"/>
      <c r="BL468" s="1106"/>
      <c r="BM468" s="1106"/>
      <c r="BN468" s="1106"/>
      <c r="BO468" s="1106"/>
      <c r="BP468" s="1106"/>
      <c r="BQ468" s="1106"/>
      <c r="BR468" s="1106"/>
      <c r="BS468" s="1106"/>
      <c r="BT468" s="1106"/>
      <c r="BU468" s="1106"/>
      <c r="BV468" s="1106"/>
      <c r="BW468" s="1106"/>
      <c r="BX468" s="1106"/>
      <c r="BY468" s="1106"/>
      <c r="BZ468" s="1106"/>
      <c r="CA468" s="1106"/>
    </row>
    <row r="469" spans="3:79" ht="9" customHeight="1" x14ac:dyDescent="0.2">
      <c r="C469" s="1106"/>
      <c r="D469" s="1106"/>
      <c r="E469" s="1106"/>
      <c r="F469" s="1106"/>
      <c r="G469" s="1106"/>
      <c r="H469" s="1106"/>
      <c r="I469" s="1106"/>
      <c r="J469" s="1106"/>
      <c r="K469" s="1106"/>
      <c r="L469" s="1106"/>
      <c r="M469" s="1106"/>
      <c r="N469" s="1106"/>
      <c r="O469" s="1106"/>
      <c r="AB469" s="1106"/>
      <c r="AC469" s="1106"/>
      <c r="AD469" s="1106"/>
      <c r="AE469" s="1106"/>
      <c r="AF469" s="1106"/>
      <c r="AG469" s="1106"/>
      <c r="AH469" s="1106"/>
      <c r="AL469" s="1106"/>
      <c r="AZ469" s="1106"/>
      <c r="BA469" s="1106"/>
      <c r="BB469" s="1106"/>
      <c r="BC469" s="1106"/>
      <c r="BD469" s="1106"/>
      <c r="BE469" s="1106"/>
      <c r="BF469" s="1106"/>
      <c r="BG469" s="1106"/>
      <c r="BH469" s="1106"/>
      <c r="BI469" s="1106"/>
      <c r="BJ469" s="1106"/>
      <c r="BK469" s="1106"/>
      <c r="BL469" s="1106"/>
      <c r="BM469" s="1106"/>
      <c r="BN469" s="1106"/>
      <c r="BO469" s="1106"/>
      <c r="BP469" s="1106"/>
      <c r="BQ469" s="1106"/>
      <c r="BR469" s="1106"/>
      <c r="BS469" s="1106"/>
      <c r="BT469" s="1106"/>
      <c r="BU469" s="1106"/>
      <c r="BV469" s="1106"/>
      <c r="BW469" s="1106"/>
      <c r="BX469" s="1106"/>
      <c r="BY469" s="1106"/>
      <c r="BZ469" s="1106"/>
      <c r="CA469" s="1106"/>
    </row>
    <row r="470" spans="3:79" ht="9" customHeight="1" x14ac:dyDescent="0.2">
      <c r="C470" s="1106"/>
      <c r="D470" s="1106"/>
      <c r="E470" s="1106"/>
      <c r="F470" s="1106"/>
      <c r="G470" s="1106"/>
      <c r="H470" s="1106"/>
      <c r="I470" s="1106"/>
      <c r="J470" s="1106"/>
      <c r="K470" s="1106"/>
      <c r="L470" s="1106"/>
      <c r="M470" s="1106"/>
      <c r="N470" s="1106"/>
      <c r="O470" s="1106"/>
      <c r="AB470" s="1106"/>
      <c r="AC470" s="1106"/>
      <c r="AD470" s="1106"/>
      <c r="AE470" s="1106"/>
      <c r="AF470" s="1106"/>
      <c r="AG470" s="1106"/>
      <c r="AH470" s="1106"/>
      <c r="AL470" s="1106"/>
      <c r="AZ470" s="1106"/>
      <c r="BA470" s="1106"/>
      <c r="BB470" s="1106"/>
      <c r="BC470" s="1106"/>
      <c r="BD470" s="1106"/>
      <c r="BE470" s="1106"/>
      <c r="BF470" s="1106"/>
      <c r="BG470" s="1106"/>
      <c r="BH470" s="1106"/>
      <c r="BI470" s="1106"/>
      <c r="BJ470" s="1106"/>
      <c r="BK470" s="1106"/>
      <c r="BL470" s="1106"/>
      <c r="BM470" s="1106"/>
      <c r="BN470" s="1106"/>
      <c r="BO470" s="1106"/>
      <c r="BP470" s="1106"/>
      <c r="BQ470" s="1106"/>
      <c r="BR470" s="1106"/>
      <c r="BS470" s="1106"/>
      <c r="BT470" s="1106"/>
      <c r="BU470" s="1106"/>
      <c r="BV470" s="1106"/>
      <c r="BW470" s="1106"/>
      <c r="BX470" s="1106"/>
      <c r="BY470" s="1106"/>
      <c r="BZ470" s="1106"/>
      <c r="CA470" s="1106"/>
    </row>
    <row r="471" spans="3:79" ht="9" customHeight="1" x14ac:dyDescent="0.2">
      <c r="C471" s="1106"/>
      <c r="D471" s="1106"/>
      <c r="E471" s="1106"/>
      <c r="F471" s="1106"/>
      <c r="G471" s="1106"/>
      <c r="H471" s="1106"/>
      <c r="I471" s="1106"/>
      <c r="J471" s="1106"/>
      <c r="K471" s="1106"/>
      <c r="L471" s="1106"/>
      <c r="M471" s="1106"/>
      <c r="N471" s="1106"/>
      <c r="O471" s="1106"/>
      <c r="AB471" s="1106"/>
      <c r="AC471" s="1106"/>
      <c r="AD471" s="1106"/>
      <c r="AE471" s="1106"/>
      <c r="AF471" s="1106"/>
      <c r="AG471" s="1106"/>
      <c r="AH471" s="1106"/>
      <c r="AL471" s="1106"/>
      <c r="AZ471" s="1106"/>
      <c r="BA471" s="1106"/>
      <c r="BB471" s="1106"/>
      <c r="BC471" s="1106"/>
      <c r="BD471" s="1106"/>
      <c r="BE471" s="1106"/>
      <c r="BF471" s="1106"/>
      <c r="BG471" s="1106"/>
      <c r="BH471" s="1106"/>
      <c r="BI471" s="1106"/>
      <c r="BJ471" s="1106"/>
      <c r="BK471" s="1106"/>
      <c r="BL471" s="1106"/>
      <c r="BM471" s="1106"/>
      <c r="BN471" s="1106"/>
      <c r="BO471" s="1106"/>
      <c r="BP471" s="1106"/>
      <c r="BQ471" s="1106"/>
      <c r="BR471" s="1106"/>
      <c r="BS471" s="1106"/>
      <c r="BT471" s="1106"/>
      <c r="BU471" s="1106"/>
      <c r="BV471" s="1106"/>
      <c r="BW471" s="1106"/>
      <c r="BX471" s="1106"/>
      <c r="BY471" s="1106"/>
      <c r="BZ471" s="1106"/>
      <c r="CA471" s="1106"/>
    </row>
    <row r="472" spans="3:79" ht="9" customHeight="1" x14ac:dyDescent="0.2">
      <c r="C472" s="1106"/>
      <c r="D472" s="1106"/>
      <c r="E472" s="1106"/>
      <c r="F472" s="1106"/>
      <c r="G472" s="1106"/>
      <c r="H472" s="1106"/>
      <c r="I472" s="1106"/>
      <c r="J472" s="1106"/>
      <c r="K472" s="1106"/>
      <c r="L472" s="1106"/>
      <c r="M472" s="1106"/>
      <c r="N472" s="1106"/>
      <c r="O472" s="1106"/>
      <c r="U472" s="1106"/>
      <c r="AB472" s="1106"/>
      <c r="AC472" s="1106"/>
      <c r="AD472" s="1106"/>
      <c r="AE472" s="1106"/>
      <c r="AF472" s="1106"/>
      <c r="AG472" s="1106"/>
      <c r="AH472" s="1106"/>
      <c r="AL472" s="1106"/>
      <c r="AT472" s="1106"/>
      <c r="AU472" s="1106"/>
      <c r="AV472" s="1106"/>
      <c r="AW472" s="1106"/>
      <c r="AX472" s="1106"/>
      <c r="AY472" s="1106"/>
      <c r="AZ472" s="1106"/>
      <c r="BA472" s="1106"/>
      <c r="BB472" s="1106"/>
      <c r="BC472" s="1106"/>
      <c r="BD472" s="1106"/>
      <c r="BE472" s="1106"/>
      <c r="BF472" s="1106"/>
      <c r="BG472" s="1106"/>
      <c r="BH472" s="1106"/>
      <c r="BI472" s="1106"/>
      <c r="BJ472" s="1106"/>
      <c r="BK472" s="1106"/>
      <c r="BL472" s="1106"/>
      <c r="BM472" s="1106"/>
      <c r="BN472" s="1106"/>
      <c r="BO472" s="1106"/>
      <c r="BP472" s="1106"/>
      <c r="BQ472" s="1106"/>
      <c r="BR472" s="1106"/>
      <c r="BS472" s="1106"/>
      <c r="BT472" s="1106"/>
      <c r="BU472" s="1106"/>
      <c r="BV472" s="1106"/>
      <c r="BW472" s="1106"/>
      <c r="BX472" s="1106"/>
      <c r="BY472" s="1106"/>
      <c r="BZ472" s="1106"/>
      <c r="CA472" s="1106"/>
    </row>
    <row r="473" spans="3:79" ht="9" customHeight="1" x14ac:dyDescent="0.2">
      <c r="C473" s="1106"/>
      <c r="D473" s="1106"/>
      <c r="E473" s="1106"/>
      <c r="F473" s="1106"/>
      <c r="G473" s="1106"/>
      <c r="H473" s="1106"/>
      <c r="I473" s="1106"/>
      <c r="J473" s="1106"/>
      <c r="K473" s="1106"/>
      <c r="L473" s="1106"/>
      <c r="M473" s="1106"/>
      <c r="N473" s="1106"/>
      <c r="O473" s="1106"/>
      <c r="U473" s="1106"/>
      <c r="AB473" s="1106"/>
      <c r="AC473" s="1106"/>
      <c r="AD473" s="1106"/>
      <c r="AE473" s="1106"/>
      <c r="AF473" s="1106"/>
      <c r="AG473" s="1106"/>
      <c r="AH473" s="1106"/>
      <c r="AL473" s="1106"/>
      <c r="AO473" s="1106"/>
      <c r="AP473" s="1106"/>
      <c r="AT473" s="1106"/>
      <c r="AU473" s="1106"/>
      <c r="AV473" s="1106"/>
      <c r="AW473" s="1106"/>
      <c r="AX473" s="1106"/>
      <c r="AY473" s="1106"/>
      <c r="AZ473" s="1106"/>
      <c r="BA473" s="1106"/>
      <c r="BB473" s="1106"/>
      <c r="BC473" s="1106"/>
      <c r="BD473" s="1106"/>
      <c r="BE473" s="1106"/>
      <c r="BF473" s="1106"/>
      <c r="BG473" s="1106"/>
      <c r="BH473" s="1106"/>
      <c r="BI473" s="1106"/>
      <c r="BJ473" s="1106"/>
      <c r="BK473" s="1106"/>
      <c r="BL473" s="1106"/>
      <c r="BM473" s="1106"/>
      <c r="BN473" s="1106"/>
      <c r="BO473" s="1106"/>
      <c r="BP473" s="1106"/>
      <c r="BQ473" s="1106"/>
      <c r="BR473" s="1106"/>
      <c r="BS473" s="1106"/>
      <c r="BT473" s="1106"/>
      <c r="BU473" s="1106"/>
      <c r="BV473" s="1106"/>
      <c r="BW473" s="1106"/>
      <c r="BX473" s="1106"/>
      <c r="BY473" s="1106"/>
      <c r="BZ473" s="1106"/>
      <c r="CA473" s="1106"/>
    </row>
    <row r="474" spans="3:79" ht="9" customHeight="1" x14ac:dyDescent="0.2">
      <c r="C474" s="1106"/>
      <c r="D474" s="1106"/>
      <c r="E474" s="1106"/>
      <c r="F474" s="1106"/>
      <c r="G474" s="1106"/>
      <c r="H474" s="1106"/>
      <c r="I474" s="1106"/>
      <c r="J474" s="1106"/>
      <c r="K474" s="1106"/>
      <c r="L474" s="1106"/>
      <c r="M474" s="1106"/>
      <c r="N474" s="1106"/>
      <c r="O474" s="1106"/>
      <c r="U474" s="1106"/>
      <c r="AB474" s="1106"/>
      <c r="AC474" s="1106"/>
      <c r="AD474" s="1106"/>
      <c r="AE474" s="1106"/>
      <c r="AF474" s="1106"/>
      <c r="AG474" s="1106"/>
      <c r="AH474" s="1106"/>
      <c r="AL474" s="1106"/>
      <c r="AT474" s="1106"/>
      <c r="AU474" s="1106"/>
      <c r="AV474" s="1106"/>
      <c r="AW474" s="1106"/>
      <c r="AX474" s="1106"/>
      <c r="AY474" s="1106"/>
      <c r="AZ474" s="1106"/>
      <c r="BA474" s="1106"/>
      <c r="BB474" s="1106"/>
      <c r="BC474" s="1106"/>
      <c r="BD474" s="1106"/>
      <c r="BE474" s="1106"/>
      <c r="BF474" s="1106"/>
      <c r="BG474" s="1106"/>
      <c r="BH474" s="1106"/>
      <c r="BI474" s="1106"/>
      <c r="BJ474" s="1106"/>
      <c r="BK474" s="1106"/>
      <c r="BL474" s="1106"/>
      <c r="BM474" s="1106"/>
      <c r="BN474" s="1106"/>
      <c r="BO474" s="1106"/>
      <c r="BP474" s="1106"/>
      <c r="BQ474" s="1106"/>
      <c r="BR474" s="1106"/>
      <c r="BS474" s="1106"/>
      <c r="BT474" s="1106"/>
      <c r="BU474" s="1106"/>
      <c r="BV474" s="1106"/>
      <c r="BW474" s="1106"/>
      <c r="BX474" s="1106"/>
      <c r="BY474" s="1106"/>
      <c r="BZ474" s="1106"/>
      <c r="CA474" s="1106"/>
    </row>
    <row r="475" spans="3:79" ht="9" customHeight="1" x14ac:dyDescent="0.2">
      <c r="C475" s="1106"/>
      <c r="D475" s="1106"/>
      <c r="E475" s="1106"/>
      <c r="F475" s="1106"/>
      <c r="G475" s="1106"/>
      <c r="H475" s="1106"/>
      <c r="I475" s="1106"/>
      <c r="J475" s="1106"/>
      <c r="K475" s="1106"/>
      <c r="L475" s="1106"/>
      <c r="M475" s="1106"/>
      <c r="N475" s="1106"/>
      <c r="O475" s="1106"/>
      <c r="AB475" s="1106"/>
      <c r="AC475" s="1106"/>
      <c r="AD475" s="1106"/>
      <c r="AE475" s="1106"/>
      <c r="AF475" s="1106"/>
      <c r="AG475" s="1106"/>
      <c r="AH475" s="1106"/>
      <c r="AL475" s="1106"/>
      <c r="AZ475" s="1106"/>
      <c r="BA475" s="1106"/>
      <c r="BB475" s="1106"/>
      <c r="BC475" s="1106"/>
      <c r="BD475" s="1106"/>
      <c r="BE475" s="1106"/>
      <c r="BF475" s="1106"/>
      <c r="BG475" s="1106"/>
      <c r="BH475" s="1106"/>
      <c r="BI475" s="1106"/>
      <c r="BJ475" s="1106"/>
      <c r="BK475" s="1106"/>
      <c r="BL475" s="1106"/>
      <c r="BM475" s="1106"/>
      <c r="BN475" s="1106"/>
      <c r="BO475" s="1106"/>
      <c r="BP475" s="1106"/>
      <c r="BQ475" s="1106"/>
      <c r="BR475" s="1106"/>
      <c r="BS475" s="1106"/>
      <c r="BT475" s="1106"/>
      <c r="BU475" s="1106"/>
      <c r="BV475" s="1106"/>
      <c r="BW475" s="1106"/>
      <c r="BX475" s="1106"/>
      <c r="BY475" s="1106"/>
      <c r="BZ475" s="1106"/>
      <c r="CA475" s="1106"/>
    </row>
    <row r="476" spans="3:79" ht="9" customHeight="1" x14ac:dyDescent="0.2">
      <c r="C476" s="1106"/>
      <c r="D476" s="1106"/>
      <c r="E476" s="1106"/>
      <c r="F476" s="1106"/>
      <c r="G476" s="1106"/>
      <c r="H476" s="1106"/>
      <c r="I476" s="1106"/>
      <c r="J476" s="1106"/>
      <c r="K476" s="1106"/>
      <c r="L476" s="1106"/>
      <c r="M476" s="1106"/>
      <c r="N476" s="1106"/>
      <c r="O476" s="1106"/>
      <c r="AB476" s="1106"/>
      <c r="AC476" s="1106"/>
      <c r="AD476" s="1106"/>
      <c r="AE476" s="1106"/>
      <c r="AF476" s="1106"/>
      <c r="AG476" s="1106"/>
      <c r="AH476" s="1106"/>
      <c r="AL476" s="1106"/>
      <c r="AZ476" s="1106"/>
      <c r="BA476" s="1106"/>
      <c r="BB476" s="1106"/>
      <c r="BC476" s="1106"/>
      <c r="BD476" s="1106"/>
      <c r="BE476" s="1106"/>
      <c r="BF476" s="1106"/>
      <c r="BG476" s="1106"/>
      <c r="BH476" s="1106"/>
      <c r="BI476" s="1106"/>
      <c r="BJ476" s="1106"/>
      <c r="BK476" s="1106"/>
      <c r="BL476" s="1106"/>
      <c r="BM476" s="1106"/>
      <c r="BN476" s="1106"/>
      <c r="BO476" s="1106"/>
      <c r="BP476" s="1106"/>
      <c r="BQ476" s="1106"/>
      <c r="BR476" s="1106"/>
      <c r="BS476" s="1106"/>
      <c r="BT476" s="1106"/>
      <c r="BU476" s="1106"/>
      <c r="BV476" s="1106"/>
      <c r="BW476" s="1106"/>
      <c r="BX476" s="1106"/>
      <c r="BY476" s="1106"/>
      <c r="BZ476" s="1106"/>
      <c r="CA476" s="1106"/>
    </row>
    <row r="477" spans="3:79" ht="9" customHeight="1" x14ac:dyDescent="0.2">
      <c r="C477" s="1106"/>
      <c r="D477" s="1106"/>
      <c r="E477" s="1106"/>
      <c r="F477" s="1106"/>
      <c r="G477" s="1106"/>
      <c r="H477" s="1106"/>
      <c r="I477" s="1106"/>
      <c r="J477" s="1106"/>
      <c r="K477" s="1106"/>
      <c r="L477" s="1106"/>
      <c r="M477" s="1106"/>
      <c r="N477" s="1106"/>
      <c r="O477" s="1106"/>
      <c r="AB477" s="1106"/>
      <c r="AC477" s="1106"/>
      <c r="AD477" s="1106"/>
      <c r="AE477" s="1106"/>
      <c r="AF477" s="1106"/>
      <c r="AG477" s="1106"/>
      <c r="AH477" s="1106"/>
      <c r="AL477" s="1106"/>
      <c r="AZ477" s="1106"/>
      <c r="BA477" s="1106"/>
      <c r="BB477" s="1106"/>
      <c r="BC477" s="1106"/>
      <c r="BD477" s="1106"/>
      <c r="BE477" s="1106"/>
      <c r="BF477" s="1106"/>
      <c r="BG477" s="1106"/>
      <c r="BH477" s="1106"/>
      <c r="BI477" s="1106"/>
      <c r="BJ477" s="1106"/>
      <c r="BK477" s="1106"/>
      <c r="BL477" s="1106"/>
      <c r="BM477" s="1106"/>
      <c r="BN477" s="1106"/>
      <c r="BO477" s="1106"/>
      <c r="BP477" s="1106"/>
      <c r="BQ477" s="1106"/>
      <c r="BR477" s="1106"/>
      <c r="BS477" s="1106"/>
      <c r="BT477" s="1106"/>
      <c r="BU477" s="1106"/>
      <c r="BV477" s="1106"/>
      <c r="BW477" s="1106"/>
      <c r="BX477" s="1106"/>
      <c r="BY477" s="1106"/>
      <c r="BZ477" s="1106"/>
      <c r="CA477" s="1106"/>
    </row>
    <row r="478" spans="3:79" ht="9" customHeight="1" x14ac:dyDescent="0.2">
      <c r="C478" s="1106"/>
      <c r="D478" s="1106"/>
      <c r="E478" s="1106"/>
      <c r="F478" s="1106"/>
      <c r="G478" s="1106"/>
      <c r="H478" s="1106"/>
      <c r="I478" s="1106"/>
      <c r="J478" s="1106"/>
      <c r="K478" s="1106"/>
      <c r="L478" s="1106"/>
      <c r="M478" s="1106"/>
      <c r="N478" s="1106"/>
      <c r="O478" s="1106"/>
      <c r="U478" s="1106"/>
      <c r="AB478" s="1106"/>
      <c r="AC478" s="1106"/>
      <c r="AD478" s="1106"/>
      <c r="AE478" s="1106"/>
      <c r="AF478" s="1106"/>
      <c r="AG478" s="1106"/>
      <c r="AH478" s="1106"/>
      <c r="AL478" s="1106"/>
      <c r="AT478" s="1106"/>
      <c r="AU478" s="1106"/>
      <c r="AV478" s="1106"/>
      <c r="AW478" s="1106"/>
      <c r="AX478" s="1106"/>
      <c r="AY478" s="1106"/>
      <c r="AZ478" s="1106"/>
      <c r="BA478" s="1106"/>
      <c r="BB478" s="1106"/>
      <c r="BC478" s="1106"/>
      <c r="BD478" s="1106"/>
      <c r="BE478" s="1106"/>
      <c r="BF478" s="1106"/>
      <c r="BG478" s="1106"/>
      <c r="BH478" s="1106"/>
      <c r="BI478" s="1106"/>
      <c r="BJ478" s="1106"/>
      <c r="BK478" s="1106"/>
      <c r="BL478" s="1106"/>
      <c r="BM478" s="1106"/>
      <c r="BN478" s="1106"/>
      <c r="BO478" s="1106"/>
      <c r="BP478" s="1106"/>
      <c r="BQ478" s="1106"/>
      <c r="BR478" s="1106"/>
      <c r="BS478" s="1106"/>
      <c r="BT478" s="1106"/>
      <c r="BU478" s="1106"/>
      <c r="BV478" s="1106"/>
      <c r="BW478" s="1106"/>
      <c r="BX478" s="1106"/>
      <c r="BY478" s="1106"/>
      <c r="BZ478" s="1106"/>
      <c r="CA478" s="1106"/>
    </row>
    <row r="479" spans="3:79" ht="9" customHeight="1" x14ac:dyDescent="0.2">
      <c r="C479" s="1106"/>
      <c r="D479" s="1106"/>
      <c r="E479" s="1106"/>
      <c r="F479" s="1106"/>
      <c r="G479" s="1106"/>
      <c r="H479" s="1106"/>
      <c r="I479" s="1106"/>
      <c r="J479" s="1106"/>
      <c r="K479" s="1106"/>
      <c r="L479" s="1106"/>
      <c r="M479" s="1106"/>
      <c r="N479" s="1106"/>
      <c r="O479" s="1106"/>
      <c r="U479" s="1106"/>
      <c r="AB479" s="1106"/>
      <c r="AC479" s="1106"/>
      <c r="AD479" s="1106"/>
      <c r="AE479" s="1106"/>
      <c r="AF479" s="1106"/>
      <c r="AG479" s="1106"/>
      <c r="AH479" s="1106"/>
      <c r="AL479" s="1106"/>
      <c r="AO479" s="1106"/>
      <c r="AP479" s="1106"/>
      <c r="AT479" s="1106"/>
      <c r="AU479" s="1106"/>
      <c r="AV479" s="1106"/>
      <c r="AW479" s="1106"/>
      <c r="AX479" s="1106"/>
      <c r="AY479" s="1106"/>
      <c r="AZ479" s="1106"/>
      <c r="BA479" s="1106"/>
      <c r="BB479" s="1106"/>
      <c r="BC479" s="1106"/>
      <c r="BD479" s="1106"/>
      <c r="BE479" s="1106"/>
      <c r="BF479" s="1106"/>
      <c r="BG479" s="1106"/>
      <c r="BH479" s="1106"/>
      <c r="BI479" s="1106"/>
      <c r="BJ479" s="1106"/>
      <c r="BK479" s="1106"/>
      <c r="BL479" s="1106"/>
      <c r="BM479" s="1106"/>
      <c r="BN479" s="1106"/>
      <c r="BO479" s="1106"/>
      <c r="BP479" s="1106"/>
      <c r="BQ479" s="1106"/>
      <c r="BR479" s="1106"/>
      <c r="BS479" s="1106"/>
      <c r="BT479" s="1106"/>
      <c r="BU479" s="1106"/>
      <c r="BV479" s="1106"/>
      <c r="BW479" s="1106"/>
      <c r="BX479" s="1106"/>
      <c r="BY479" s="1106"/>
      <c r="BZ479" s="1106"/>
      <c r="CA479" s="1106"/>
    </row>
    <row r="480" spans="3:79" ht="9" customHeight="1" x14ac:dyDescent="0.2">
      <c r="C480" s="1106"/>
      <c r="D480" s="1106"/>
      <c r="E480" s="1106"/>
      <c r="F480" s="1106"/>
      <c r="G480" s="1106"/>
      <c r="H480" s="1106"/>
      <c r="I480" s="1106"/>
      <c r="J480" s="1106"/>
      <c r="K480" s="1106"/>
      <c r="L480" s="1106"/>
      <c r="M480" s="1106"/>
      <c r="N480" s="1106"/>
      <c r="O480" s="1106"/>
      <c r="U480" s="1106"/>
      <c r="AB480" s="1106"/>
      <c r="AC480" s="1106"/>
      <c r="AD480" s="1106"/>
      <c r="AE480" s="1106"/>
      <c r="AF480" s="1106"/>
      <c r="AG480" s="1106"/>
      <c r="AH480" s="1106"/>
      <c r="AL480" s="1106"/>
      <c r="AT480" s="1106"/>
      <c r="AU480" s="1106"/>
      <c r="AV480" s="1106"/>
      <c r="AW480" s="1106"/>
      <c r="AX480" s="1106"/>
      <c r="AY480" s="1106"/>
      <c r="AZ480" s="1106"/>
      <c r="BA480" s="1106"/>
      <c r="BB480" s="1106"/>
      <c r="BC480" s="1106"/>
      <c r="BD480" s="1106"/>
      <c r="BE480" s="1106"/>
      <c r="BF480" s="1106"/>
      <c r="BG480" s="1106"/>
      <c r="BH480" s="1106"/>
      <c r="BI480" s="1106"/>
      <c r="BJ480" s="1106"/>
      <c r="BK480" s="1106"/>
      <c r="BL480" s="1106"/>
      <c r="BM480" s="1106"/>
      <c r="BN480" s="1106"/>
      <c r="BO480" s="1106"/>
      <c r="BP480" s="1106"/>
      <c r="BQ480" s="1106"/>
      <c r="BR480" s="1106"/>
      <c r="BS480" s="1106"/>
      <c r="BT480" s="1106"/>
      <c r="BU480" s="1106"/>
      <c r="BV480" s="1106"/>
      <c r="BW480" s="1106"/>
      <c r="BX480" s="1106"/>
      <c r="BY480" s="1106"/>
      <c r="BZ480" s="1106"/>
      <c r="CA480" s="1106"/>
    </row>
    <row r="481" spans="3:79" ht="9" customHeight="1" x14ac:dyDescent="0.2">
      <c r="C481" s="1106"/>
      <c r="D481" s="1106"/>
      <c r="E481" s="1106"/>
      <c r="F481" s="1106"/>
      <c r="G481" s="1106"/>
      <c r="H481" s="1106"/>
      <c r="I481" s="1106"/>
      <c r="J481" s="1106"/>
      <c r="K481" s="1106"/>
      <c r="L481" s="1106"/>
      <c r="M481" s="1106"/>
      <c r="N481" s="1106"/>
      <c r="O481" s="1106"/>
      <c r="AB481" s="1106"/>
      <c r="AC481" s="1106"/>
      <c r="AD481" s="1106"/>
      <c r="AE481" s="1106"/>
      <c r="AF481" s="1106"/>
      <c r="AG481" s="1106"/>
      <c r="AH481" s="1106"/>
      <c r="AL481" s="1106"/>
      <c r="AZ481" s="1106"/>
      <c r="BA481" s="1106"/>
      <c r="BB481" s="1106"/>
      <c r="BC481" s="1106"/>
      <c r="BD481" s="1106"/>
      <c r="BE481" s="1106"/>
      <c r="BF481" s="1106"/>
      <c r="BG481" s="1106"/>
      <c r="BH481" s="1106"/>
      <c r="BI481" s="1106"/>
      <c r="BJ481" s="1106"/>
      <c r="BK481" s="1106"/>
      <c r="BL481" s="1106"/>
      <c r="BM481" s="1106"/>
      <c r="BN481" s="1106"/>
      <c r="BO481" s="1106"/>
      <c r="BP481" s="1106"/>
      <c r="BQ481" s="1106"/>
      <c r="BR481" s="1106"/>
      <c r="BS481" s="1106"/>
      <c r="BT481" s="1106"/>
      <c r="BU481" s="1106"/>
      <c r="BV481" s="1106"/>
      <c r="BW481" s="1106"/>
      <c r="BX481" s="1106"/>
      <c r="BY481" s="1106"/>
      <c r="BZ481" s="1106"/>
      <c r="CA481" s="1106"/>
    </row>
    <row r="482" spans="3:79" ht="9" customHeight="1" x14ac:dyDescent="0.2">
      <c r="C482" s="1106"/>
      <c r="D482" s="1106"/>
      <c r="E482" s="1106"/>
      <c r="F482" s="1106"/>
      <c r="G482" s="1106"/>
      <c r="H482" s="1106"/>
      <c r="I482" s="1106"/>
      <c r="J482" s="1106"/>
      <c r="K482" s="1106"/>
      <c r="L482" s="1106"/>
      <c r="M482" s="1106"/>
      <c r="N482" s="1106"/>
      <c r="O482" s="1106"/>
      <c r="AB482" s="1106"/>
      <c r="AC482" s="1106"/>
      <c r="AD482" s="1106"/>
      <c r="AE482" s="1106"/>
      <c r="AF482" s="1106"/>
      <c r="AG482" s="1106"/>
      <c r="AH482" s="1106"/>
      <c r="AL482" s="1106"/>
      <c r="AZ482" s="1106"/>
      <c r="BA482" s="1106"/>
      <c r="BB482" s="1106"/>
      <c r="BC482" s="1106"/>
      <c r="BD482" s="1106"/>
      <c r="BE482" s="1106"/>
      <c r="BF482" s="1106"/>
      <c r="BG482" s="1106"/>
      <c r="BH482" s="1106"/>
      <c r="BI482" s="1106"/>
      <c r="BJ482" s="1106"/>
      <c r="BK482" s="1106"/>
      <c r="BL482" s="1106"/>
      <c r="BM482" s="1106"/>
      <c r="BN482" s="1106"/>
      <c r="BO482" s="1106"/>
      <c r="BP482" s="1106"/>
      <c r="BQ482" s="1106"/>
      <c r="BR482" s="1106"/>
      <c r="BS482" s="1106"/>
      <c r="BT482" s="1106"/>
      <c r="BU482" s="1106"/>
      <c r="BV482" s="1106"/>
      <c r="BW482" s="1106"/>
      <c r="BX482" s="1106"/>
      <c r="BY482" s="1106"/>
      <c r="BZ482" s="1106"/>
      <c r="CA482" s="1106"/>
    </row>
    <row r="483" spans="3:79" ht="9" customHeight="1" x14ac:dyDescent="0.2">
      <c r="C483" s="1106"/>
      <c r="D483" s="1106"/>
      <c r="E483" s="1106"/>
      <c r="F483" s="1106"/>
      <c r="G483" s="1106"/>
      <c r="H483" s="1106"/>
      <c r="I483" s="1106"/>
      <c r="J483" s="1106"/>
      <c r="K483" s="1106"/>
      <c r="L483" s="1106"/>
      <c r="M483" s="1106"/>
      <c r="N483" s="1106"/>
      <c r="O483" s="1106"/>
      <c r="AB483" s="1106"/>
      <c r="AC483" s="1106"/>
      <c r="AD483" s="1106"/>
      <c r="AE483" s="1106"/>
      <c r="AF483" s="1106"/>
      <c r="AG483" s="1106"/>
      <c r="AH483" s="1106"/>
      <c r="AL483" s="1106"/>
      <c r="AZ483" s="1106"/>
      <c r="BA483" s="1106"/>
      <c r="BB483" s="1106"/>
      <c r="BC483" s="1106"/>
      <c r="BD483" s="1106"/>
      <c r="BE483" s="1106"/>
      <c r="BF483" s="1106"/>
      <c r="BG483" s="1106"/>
      <c r="BH483" s="1106"/>
      <c r="BI483" s="1106"/>
      <c r="BJ483" s="1106"/>
      <c r="BK483" s="1106"/>
      <c r="BL483" s="1106"/>
      <c r="BM483" s="1106"/>
      <c r="BN483" s="1106"/>
      <c r="BO483" s="1106"/>
      <c r="BP483" s="1106"/>
      <c r="BQ483" s="1106"/>
      <c r="BR483" s="1106"/>
      <c r="BS483" s="1106"/>
      <c r="BT483" s="1106"/>
      <c r="BU483" s="1106"/>
      <c r="BV483" s="1106"/>
      <c r="BW483" s="1106"/>
      <c r="BX483" s="1106"/>
      <c r="BY483" s="1106"/>
      <c r="BZ483" s="1106"/>
      <c r="CA483" s="1106"/>
    </row>
    <row r="484" spans="3:79" ht="9" customHeight="1" x14ac:dyDescent="0.2">
      <c r="C484" s="1106"/>
      <c r="D484" s="1106"/>
      <c r="E484" s="1106"/>
      <c r="F484" s="1106"/>
      <c r="G484" s="1106"/>
      <c r="H484" s="1106"/>
      <c r="I484" s="1106"/>
      <c r="J484" s="1106"/>
      <c r="K484" s="1106"/>
      <c r="L484" s="1106"/>
      <c r="M484" s="1106"/>
      <c r="N484" s="1106"/>
      <c r="O484" s="1106"/>
      <c r="U484" s="1106"/>
      <c r="AB484" s="1106"/>
      <c r="AC484" s="1106"/>
      <c r="AD484" s="1106"/>
      <c r="AE484" s="1106"/>
      <c r="AF484" s="1106"/>
      <c r="AG484" s="1106"/>
      <c r="AH484" s="1106"/>
      <c r="AL484" s="1106"/>
      <c r="AT484" s="1106"/>
      <c r="AU484" s="1106"/>
      <c r="AV484" s="1106"/>
      <c r="AW484" s="1106"/>
      <c r="AX484" s="1106"/>
      <c r="AY484" s="1106"/>
      <c r="AZ484" s="1106"/>
      <c r="BA484" s="1106"/>
      <c r="BB484" s="1106"/>
      <c r="BC484" s="1106"/>
      <c r="BD484" s="1106"/>
      <c r="BE484" s="1106"/>
      <c r="BF484" s="1106"/>
      <c r="BG484" s="1106"/>
      <c r="BH484" s="1106"/>
      <c r="BI484" s="1106"/>
      <c r="BJ484" s="1106"/>
      <c r="BK484" s="1106"/>
      <c r="BL484" s="1106"/>
      <c r="BM484" s="1106"/>
      <c r="BN484" s="1106"/>
      <c r="BO484" s="1106"/>
      <c r="BP484" s="1106"/>
      <c r="BQ484" s="1106"/>
      <c r="BR484" s="1106"/>
      <c r="BS484" s="1106"/>
      <c r="BT484" s="1106"/>
      <c r="BU484" s="1106"/>
      <c r="BV484" s="1106"/>
      <c r="BW484" s="1106"/>
      <c r="BX484" s="1106"/>
      <c r="BY484" s="1106"/>
      <c r="BZ484" s="1106"/>
      <c r="CA484" s="1106"/>
    </row>
    <row r="485" spans="3:79" ht="9" customHeight="1" x14ac:dyDescent="0.2">
      <c r="C485" s="1106"/>
      <c r="D485" s="1106"/>
      <c r="E485" s="1106"/>
      <c r="F485" s="1106"/>
      <c r="G485" s="1106"/>
      <c r="H485" s="1106"/>
      <c r="I485" s="1106"/>
      <c r="J485" s="1106"/>
      <c r="K485" s="1106"/>
      <c r="L485" s="1106"/>
      <c r="M485" s="1106"/>
      <c r="N485" s="1106"/>
      <c r="O485" s="1106"/>
      <c r="U485" s="1106"/>
      <c r="AB485" s="1106"/>
      <c r="AC485" s="1106"/>
      <c r="AD485" s="1106"/>
      <c r="AE485" s="1106"/>
      <c r="AF485" s="1106"/>
      <c r="AG485" s="1106"/>
      <c r="AH485" s="1106"/>
      <c r="AL485" s="1106"/>
      <c r="AO485" s="1106"/>
      <c r="AP485" s="1106"/>
      <c r="AT485" s="1106"/>
      <c r="AU485" s="1106"/>
      <c r="AV485" s="1106"/>
      <c r="AW485" s="1106"/>
      <c r="AX485" s="1106"/>
      <c r="AY485" s="1106"/>
      <c r="AZ485" s="1106"/>
      <c r="BA485" s="1106"/>
      <c r="BB485" s="1106"/>
      <c r="BC485" s="1106"/>
      <c r="BD485" s="1106"/>
      <c r="BE485" s="1106"/>
      <c r="BF485" s="1106"/>
      <c r="BG485" s="1106"/>
      <c r="BH485" s="1106"/>
      <c r="BI485" s="1106"/>
      <c r="BJ485" s="1106"/>
      <c r="BK485" s="1106"/>
      <c r="BL485" s="1106"/>
      <c r="BM485" s="1106"/>
      <c r="BN485" s="1106"/>
      <c r="BO485" s="1106"/>
      <c r="BP485" s="1106"/>
      <c r="BQ485" s="1106"/>
      <c r="BR485" s="1106"/>
      <c r="BS485" s="1106"/>
      <c r="BT485" s="1106"/>
      <c r="BU485" s="1106"/>
      <c r="BV485" s="1106"/>
      <c r="BW485" s="1106"/>
      <c r="BX485" s="1106"/>
      <c r="BY485" s="1106"/>
      <c r="BZ485" s="1106"/>
      <c r="CA485" s="1106"/>
    </row>
    <row r="486" spans="3:79" ht="9" customHeight="1" x14ac:dyDescent="0.2">
      <c r="C486" s="1106"/>
      <c r="D486" s="1106"/>
      <c r="E486" s="1106"/>
      <c r="F486" s="1106"/>
      <c r="G486" s="1106"/>
      <c r="H486" s="1106"/>
      <c r="I486" s="1106"/>
      <c r="J486" s="1106"/>
      <c r="K486" s="1106"/>
      <c r="L486" s="1106"/>
      <c r="M486" s="1106"/>
      <c r="N486" s="1106"/>
      <c r="O486" s="1106"/>
      <c r="U486" s="1106"/>
      <c r="AB486" s="1106"/>
      <c r="AC486" s="1106"/>
      <c r="AD486" s="1106"/>
      <c r="AE486" s="1106"/>
      <c r="AF486" s="1106"/>
      <c r="AG486" s="1106"/>
      <c r="AH486" s="1106"/>
      <c r="AL486" s="1106"/>
      <c r="AT486" s="1106"/>
      <c r="AU486" s="1106"/>
      <c r="AV486" s="1106"/>
      <c r="AW486" s="1106"/>
      <c r="AX486" s="1106"/>
      <c r="AY486" s="1106"/>
      <c r="AZ486" s="1106"/>
      <c r="BA486" s="1106"/>
      <c r="BB486" s="1106"/>
      <c r="BC486" s="1106"/>
      <c r="BD486" s="1106"/>
      <c r="BE486" s="1106"/>
      <c r="BF486" s="1106"/>
      <c r="BG486" s="1106"/>
      <c r="BH486" s="1106"/>
      <c r="BI486" s="1106"/>
      <c r="BJ486" s="1106"/>
      <c r="BK486" s="1106"/>
      <c r="BL486" s="1106"/>
      <c r="BM486" s="1106"/>
      <c r="BN486" s="1106"/>
      <c r="BO486" s="1106"/>
      <c r="BP486" s="1106"/>
      <c r="BQ486" s="1106"/>
      <c r="BR486" s="1106"/>
      <c r="BS486" s="1106"/>
      <c r="BT486" s="1106"/>
      <c r="BU486" s="1106"/>
      <c r="BV486" s="1106"/>
      <c r="BW486" s="1106"/>
      <c r="BX486" s="1106"/>
      <c r="BY486" s="1106"/>
      <c r="BZ486" s="1106"/>
      <c r="CA486" s="1106"/>
    </row>
    <row r="487" spans="3:79" ht="9" customHeight="1" x14ac:dyDescent="0.2">
      <c r="C487" s="1106"/>
      <c r="D487" s="1106"/>
      <c r="E487" s="1106"/>
      <c r="F487" s="1106"/>
      <c r="G487" s="1106"/>
      <c r="H487" s="1106"/>
      <c r="I487" s="1106"/>
      <c r="J487" s="1106"/>
      <c r="K487" s="1106"/>
      <c r="L487" s="1106"/>
      <c r="M487" s="1106"/>
      <c r="N487" s="1106"/>
      <c r="O487" s="1106"/>
      <c r="AB487" s="1106"/>
      <c r="AC487" s="1106"/>
      <c r="AD487" s="1106"/>
      <c r="AE487" s="1106"/>
      <c r="AF487" s="1106"/>
      <c r="AG487" s="1106"/>
      <c r="AH487" s="1106"/>
      <c r="AL487" s="1106"/>
      <c r="AZ487" s="1106"/>
      <c r="BA487" s="1106"/>
      <c r="BB487" s="1106"/>
      <c r="BC487" s="1106"/>
      <c r="BD487" s="1106"/>
      <c r="BE487" s="1106"/>
      <c r="BF487" s="1106"/>
      <c r="BG487" s="1106"/>
      <c r="BH487" s="1106"/>
      <c r="BI487" s="1106"/>
      <c r="BJ487" s="1106"/>
      <c r="BK487" s="1106"/>
      <c r="BL487" s="1106"/>
      <c r="BM487" s="1106"/>
      <c r="BN487" s="1106"/>
      <c r="BO487" s="1106"/>
      <c r="BP487" s="1106"/>
      <c r="BQ487" s="1106"/>
      <c r="BR487" s="1106"/>
      <c r="BS487" s="1106"/>
      <c r="BT487" s="1106"/>
      <c r="BU487" s="1106"/>
      <c r="BV487" s="1106"/>
      <c r="BW487" s="1106"/>
      <c r="BX487" s="1106"/>
      <c r="BY487" s="1106"/>
      <c r="BZ487" s="1106"/>
      <c r="CA487" s="1106"/>
    </row>
    <row r="488" spans="3:79" ht="9" customHeight="1" x14ac:dyDescent="0.2">
      <c r="C488" s="1106"/>
      <c r="D488" s="1106"/>
      <c r="E488" s="1106"/>
      <c r="F488" s="1106"/>
      <c r="G488" s="1106"/>
      <c r="H488" s="1106"/>
      <c r="I488" s="1106"/>
      <c r="J488" s="1106"/>
      <c r="K488" s="1106"/>
      <c r="L488" s="1106"/>
      <c r="M488" s="1106"/>
      <c r="N488" s="1106"/>
      <c r="O488" s="1106"/>
      <c r="AB488" s="1106"/>
      <c r="AC488" s="1106"/>
      <c r="AD488" s="1106"/>
      <c r="AE488" s="1106"/>
      <c r="AF488" s="1106"/>
      <c r="AG488" s="1106"/>
      <c r="AH488" s="1106"/>
      <c r="AL488" s="1106"/>
      <c r="AZ488" s="1106"/>
      <c r="BA488" s="1106"/>
      <c r="BB488" s="1106"/>
      <c r="BC488" s="1106"/>
      <c r="BD488" s="1106"/>
      <c r="BE488" s="1106"/>
      <c r="BF488" s="1106"/>
      <c r="BG488" s="1106"/>
      <c r="BH488" s="1106"/>
      <c r="BI488" s="1106"/>
      <c r="BJ488" s="1106"/>
      <c r="BK488" s="1106"/>
      <c r="BL488" s="1106"/>
      <c r="BM488" s="1106"/>
      <c r="BN488" s="1106"/>
      <c r="BO488" s="1106"/>
      <c r="BP488" s="1106"/>
      <c r="BQ488" s="1106"/>
      <c r="BR488" s="1106"/>
      <c r="BS488" s="1106"/>
      <c r="BT488" s="1106"/>
      <c r="BU488" s="1106"/>
      <c r="BV488" s="1106"/>
      <c r="BW488" s="1106"/>
      <c r="BX488" s="1106"/>
      <c r="BY488" s="1106"/>
      <c r="BZ488" s="1106"/>
      <c r="CA488" s="1106"/>
    </row>
    <row r="489" spans="3:79" ht="9" customHeight="1" x14ac:dyDescent="0.2">
      <c r="C489" s="1106"/>
      <c r="D489" s="1106"/>
      <c r="E489" s="1106"/>
      <c r="F489" s="1106"/>
      <c r="G489" s="1106"/>
      <c r="H489" s="1106"/>
      <c r="I489" s="1106"/>
      <c r="J489" s="1106"/>
      <c r="K489" s="1106"/>
      <c r="L489" s="1106"/>
      <c r="M489" s="1106"/>
      <c r="N489" s="1106"/>
      <c r="O489" s="1106"/>
      <c r="AB489" s="1106"/>
      <c r="AC489" s="1106"/>
      <c r="AD489" s="1106"/>
      <c r="AE489" s="1106"/>
      <c r="AF489" s="1106"/>
      <c r="AG489" s="1106"/>
      <c r="AH489" s="1106"/>
      <c r="AL489" s="1106"/>
      <c r="AZ489" s="1106"/>
      <c r="BA489" s="1106"/>
      <c r="BB489" s="1106"/>
      <c r="BC489" s="1106"/>
      <c r="BD489" s="1106"/>
      <c r="BE489" s="1106"/>
      <c r="BF489" s="1106"/>
      <c r="BG489" s="1106"/>
      <c r="BH489" s="1106"/>
      <c r="BI489" s="1106"/>
      <c r="BJ489" s="1106"/>
      <c r="BK489" s="1106"/>
      <c r="BL489" s="1106"/>
      <c r="BM489" s="1106"/>
      <c r="BN489" s="1106"/>
      <c r="BO489" s="1106"/>
      <c r="BP489" s="1106"/>
      <c r="BQ489" s="1106"/>
      <c r="BR489" s="1106"/>
      <c r="BS489" s="1106"/>
      <c r="BT489" s="1106"/>
      <c r="BU489" s="1106"/>
      <c r="BV489" s="1106"/>
      <c r="BW489" s="1106"/>
      <c r="BX489" s="1106"/>
      <c r="BY489" s="1106"/>
      <c r="BZ489" s="1106"/>
      <c r="CA489" s="1106"/>
    </row>
    <row r="490" spans="3:79" ht="9" customHeight="1" x14ac:dyDescent="0.2">
      <c r="C490" s="1106"/>
      <c r="D490" s="1106"/>
      <c r="E490" s="1106"/>
      <c r="F490" s="1106"/>
      <c r="G490" s="1106"/>
      <c r="H490" s="1106"/>
      <c r="I490" s="1106"/>
      <c r="J490" s="1106"/>
      <c r="K490" s="1106"/>
      <c r="L490" s="1106"/>
      <c r="M490" s="1106"/>
      <c r="N490" s="1106"/>
      <c r="O490" s="1106"/>
      <c r="U490" s="1106"/>
      <c r="AB490" s="1106"/>
      <c r="AC490" s="1106"/>
      <c r="AD490" s="1106"/>
      <c r="AE490" s="1106"/>
      <c r="AF490" s="1106"/>
      <c r="AG490" s="1106"/>
      <c r="AH490" s="1106"/>
      <c r="AL490" s="1106"/>
      <c r="AT490" s="1106"/>
      <c r="AU490" s="1106"/>
      <c r="AV490" s="1106"/>
      <c r="AW490" s="1106"/>
      <c r="AX490" s="1106"/>
      <c r="AY490" s="1106"/>
      <c r="AZ490" s="1106"/>
      <c r="BA490" s="1106"/>
      <c r="BB490" s="1106"/>
      <c r="BC490" s="1106"/>
      <c r="BD490" s="1106"/>
      <c r="BE490" s="1106"/>
      <c r="BF490" s="1106"/>
      <c r="BG490" s="1106"/>
      <c r="BH490" s="1106"/>
      <c r="BI490" s="1106"/>
      <c r="BJ490" s="1106"/>
      <c r="BK490" s="1106"/>
      <c r="BL490" s="1106"/>
      <c r="BM490" s="1106"/>
      <c r="BN490" s="1106"/>
      <c r="BO490" s="1106"/>
      <c r="BP490" s="1106"/>
      <c r="BQ490" s="1106"/>
      <c r="BR490" s="1106"/>
      <c r="BS490" s="1106"/>
      <c r="BT490" s="1106"/>
      <c r="BU490" s="1106"/>
      <c r="BV490" s="1106"/>
      <c r="BW490" s="1106"/>
      <c r="BX490" s="1106"/>
      <c r="BY490" s="1106"/>
      <c r="BZ490" s="1106"/>
      <c r="CA490" s="1106"/>
    </row>
    <row r="491" spans="3:79" ht="9" customHeight="1" x14ac:dyDescent="0.2">
      <c r="C491" s="1106"/>
      <c r="D491" s="1106"/>
      <c r="E491" s="1106"/>
      <c r="F491" s="1106"/>
      <c r="G491" s="1106"/>
      <c r="H491" s="1106"/>
      <c r="I491" s="1106"/>
      <c r="J491" s="1106"/>
      <c r="K491" s="1106"/>
      <c r="L491" s="1106"/>
      <c r="M491" s="1106"/>
      <c r="N491" s="1106"/>
      <c r="O491" s="1106"/>
      <c r="U491" s="1106"/>
      <c r="AB491" s="1106"/>
      <c r="AC491" s="1106"/>
      <c r="AD491" s="1106"/>
      <c r="AE491" s="1106"/>
      <c r="AF491" s="1106"/>
      <c r="AG491" s="1106"/>
      <c r="AH491" s="1106"/>
      <c r="AL491" s="1106"/>
      <c r="AO491" s="1106"/>
      <c r="AP491" s="1106"/>
      <c r="AT491" s="1106"/>
      <c r="AU491" s="1106"/>
      <c r="AV491" s="1106"/>
      <c r="AW491" s="1106"/>
      <c r="AX491" s="1106"/>
      <c r="AY491" s="1106"/>
      <c r="AZ491" s="1106"/>
      <c r="BA491" s="1106"/>
      <c r="BB491" s="1106"/>
      <c r="BC491" s="1106"/>
      <c r="BD491" s="1106"/>
      <c r="BE491" s="1106"/>
      <c r="BF491" s="1106"/>
      <c r="BG491" s="1106"/>
      <c r="BH491" s="1106"/>
      <c r="BI491" s="1106"/>
      <c r="BJ491" s="1106"/>
      <c r="BK491" s="1106"/>
      <c r="BL491" s="1106"/>
      <c r="BM491" s="1106"/>
      <c r="BN491" s="1106"/>
      <c r="BO491" s="1106"/>
      <c r="BP491" s="1106"/>
      <c r="BQ491" s="1106"/>
      <c r="BR491" s="1106"/>
      <c r="BS491" s="1106"/>
      <c r="BT491" s="1106"/>
      <c r="BU491" s="1106"/>
      <c r="BV491" s="1106"/>
      <c r="BW491" s="1106"/>
      <c r="BX491" s="1106"/>
      <c r="BY491" s="1106"/>
      <c r="BZ491" s="1106"/>
      <c r="CA491" s="1106"/>
    </row>
    <row r="492" spans="3:79" ht="9" customHeight="1" x14ac:dyDescent="0.2">
      <c r="C492" s="1106"/>
      <c r="D492" s="1106"/>
      <c r="E492" s="1106"/>
      <c r="F492" s="1106"/>
      <c r="G492" s="1106"/>
      <c r="H492" s="1106"/>
      <c r="I492" s="1106"/>
      <c r="J492" s="1106"/>
      <c r="K492" s="1106"/>
      <c r="L492" s="1106"/>
      <c r="M492" s="1106"/>
      <c r="N492" s="1106"/>
      <c r="O492" s="1106"/>
      <c r="U492" s="1106"/>
      <c r="AB492" s="1106"/>
      <c r="AC492" s="1106"/>
      <c r="AD492" s="1106"/>
      <c r="AE492" s="1106"/>
      <c r="AF492" s="1106"/>
      <c r="AG492" s="1106"/>
      <c r="AH492" s="1106"/>
      <c r="AL492" s="1106"/>
      <c r="AT492" s="1106"/>
      <c r="AU492" s="1106"/>
      <c r="AV492" s="1106"/>
      <c r="AW492" s="1106"/>
      <c r="AX492" s="1106"/>
      <c r="AY492" s="1106"/>
      <c r="AZ492" s="1106"/>
      <c r="BA492" s="1106"/>
      <c r="BB492" s="1106"/>
      <c r="BC492" s="1106"/>
      <c r="BD492" s="1106"/>
      <c r="BE492" s="1106"/>
      <c r="BF492" s="1106"/>
      <c r="BG492" s="1106"/>
      <c r="BH492" s="1106"/>
      <c r="BI492" s="1106"/>
      <c r="BJ492" s="1106"/>
      <c r="BK492" s="1106"/>
      <c r="BL492" s="1106"/>
      <c r="BM492" s="1106"/>
      <c r="BN492" s="1106"/>
      <c r="BO492" s="1106"/>
      <c r="BP492" s="1106"/>
      <c r="BQ492" s="1106"/>
      <c r="BR492" s="1106"/>
      <c r="BS492" s="1106"/>
      <c r="BT492" s="1106"/>
      <c r="BU492" s="1106"/>
      <c r="BV492" s="1106"/>
      <c r="BW492" s="1106"/>
      <c r="BX492" s="1106"/>
      <c r="BY492" s="1106"/>
      <c r="BZ492" s="1106"/>
      <c r="CA492" s="1106"/>
    </row>
    <row r="493" spans="3:79" ht="9" customHeight="1" x14ac:dyDescent="0.2">
      <c r="C493" s="1106"/>
      <c r="D493" s="1106"/>
      <c r="E493" s="1106"/>
      <c r="F493" s="1106"/>
      <c r="G493" s="1106"/>
      <c r="H493" s="1106"/>
      <c r="I493" s="1106"/>
      <c r="J493" s="1106"/>
      <c r="K493" s="1106"/>
      <c r="L493" s="1106"/>
      <c r="M493" s="1106"/>
      <c r="N493" s="1106"/>
      <c r="O493" s="1106"/>
      <c r="AB493" s="1106"/>
      <c r="AC493" s="1106"/>
      <c r="AD493" s="1106"/>
      <c r="AE493" s="1106"/>
      <c r="AF493" s="1106"/>
      <c r="AG493" s="1106"/>
      <c r="AH493" s="1106"/>
      <c r="AL493" s="1106"/>
      <c r="AZ493" s="1106"/>
      <c r="BA493" s="1106"/>
      <c r="BB493" s="1106"/>
      <c r="BC493" s="1106"/>
      <c r="BD493" s="1106"/>
      <c r="BE493" s="1106"/>
      <c r="BF493" s="1106"/>
      <c r="BG493" s="1106"/>
      <c r="BH493" s="1106"/>
      <c r="BI493" s="1106"/>
      <c r="BJ493" s="1106"/>
      <c r="BK493" s="1106"/>
      <c r="BL493" s="1106"/>
      <c r="BM493" s="1106"/>
      <c r="BN493" s="1106"/>
      <c r="BO493" s="1106"/>
      <c r="BP493" s="1106"/>
      <c r="BQ493" s="1106"/>
      <c r="BR493" s="1106"/>
      <c r="BS493" s="1106"/>
      <c r="BT493" s="1106"/>
      <c r="BU493" s="1106"/>
      <c r="BV493" s="1106"/>
      <c r="BW493" s="1106"/>
      <c r="BX493" s="1106"/>
      <c r="BY493" s="1106"/>
      <c r="BZ493" s="1106"/>
      <c r="CA493" s="1106"/>
    </row>
    <row r="494" spans="3:79" ht="9" customHeight="1" x14ac:dyDescent="0.2">
      <c r="C494" s="1106"/>
      <c r="D494" s="1106"/>
      <c r="E494" s="1106"/>
      <c r="F494" s="1106"/>
      <c r="G494" s="1106"/>
      <c r="H494" s="1106"/>
      <c r="I494" s="1106"/>
      <c r="J494" s="1106"/>
      <c r="K494" s="1106"/>
      <c r="L494" s="1106"/>
      <c r="M494" s="1106"/>
      <c r="N494" s="1106"/>
      <c r="O494" s="1106"/>
      <c r="AB494" s="1106"/>
      <c r="AC494" s="1106"/>
      <c r="AD494" s="1106"/>
      <c r="AE494" s="1106"/>
      <c r="AF494" s="1106"/>
      <c r="AG494" s="1106"/>
      <c r="AH494" s="1106"/>
      <c r="AL494" s="1106"/>
      <c r="AZ494" s="1106"/>
      <c r="BA494" s="1106"/>
      <c r="BB494" s="1106"/>
      <c r="BC494" s="1106"/>
      <c r="BD494" s="1106"/>
      <c r="BE494" s="1106"/>
      <c r="BF494" s="1106"/>
      <c r="BG494" s="1106"/>
      <c r="BH494" s="1106"/>
      <c r="BI494" s="1106"/>
      <c r="BJ494" s="1106"/>
      <c r="BK494" s="1106"/>
      <c r="BL494" s="1106"/>
      <c r="BM494" s="1106"/>
      <c r="BN494" s="1106"/>
      <c r="BO494" s="1106"/>
      <c r="BP494" s="1106"/>
      <c r="BQ494" s="1106"/>
      <c r="BR494" s="1106"/>
      <c r="BS494" s="1106"/>
      <c r="BT494" s="1106"/>
      <c r="BU494" s="1106"/>
      <c r="BV494" s="1106"/>
      <c r="BW494" s="1106"/>
      <c r="BX494" s="1106"/>
      <c r="BY494" s="1106"/>
      <c r="BZ494" s="1106"/>
      <c r="CA494" s="1106"/>
    </row>
    <row r="495" spans="3:79" ht="9" customHeight="1" x14ac:dyDescent="0.2">
      <c r="C495" s="1106"/>
      <c r="D495" s="1106"/>
      <c r="E495" s="1106"/>
      <c r="F495" s="1106"/>
      <c r="G495" s="1106"/>
      <c r="H495" s="1106"/>
      <c r="I495" s="1106"/>
      <c r="J495" s="1106"/>
      <c r="K495" s="1106"/>
      <c r="L495" s="1106"/>
      <c r="M495" s="1106"/>
      <c r="N495" s="1106"/>
      <c r="O495" s="1106"/>
      <c r="AB495" s="1106"/>
      <c r="AC495" s="1106"/>
      <c r="AD495" s="1106"/>
      <c r="AE495" s="1106"/>
      <c r="AF495" s="1106"/>
      <c r="AG495" s="1106"/>
      <c r="AH495" s="1106"/>
      <c r="AL495" s="1106"/>
      <c r="AZ495" s="1106"/>
      <c r="BA495" s="1106"/>
      <c r="BB495" s="1106"/>
      <c r="BC495" s="1106"/>
      <c r="BD495" s="1106"/>
      <c r="BE495" s="1106"/>
      <c r="BF495" s="1106"/>
      <c r="BG495" s="1106"/>
      <c r="BH495" s="1106"/>
      <c r="BI495" s="1106"/>
      <c r="BJ495" s="1106"/>
      <c r="BK495" s="1106"/>
      <c r="BL495" s="1106"/>
      <c r="BM495" s="1106"/>
      <c r="BN495" s="1106"/>
      <c r="BO495" s="1106"/>
      <c r="BP495" s="1106"/>
      <c r="BQ495" s="1106"/>
      <c r="BR495" s="1106"/>
      <c r="BS495" s="1106"/>
      <c r="BT495" s="1106"/>
      <c r="BU495" s="1106"/>
      <c r="BV495" s="1106"/>
      <c r="BW495" s="1106"/>
      <c r="BX495" s="1106"/>
      <c r="BY495" s="1106"/>
      <c r="BZ495" s="1106"/>
      <c r="CA495" s="1106"/>
    </row>
    <row r="496" spans="3:79" ht="9" customHeight="1" x14ac:dyDescent="0.2">
      <c r="C496" s="1106"/>
      <c r="D496" s="1106"/>
      <c r="E496" s="1106"/>
      <c r="F496" s="1106"/>
      <c r="G496" s="1106"/>
      <c r="H496" s="1106"/>
      <c r="I496" s="1106"/>
      <c r="J496" s="1106"/>
      <c r="K496" s="1106"/>
      <c r="L496" s="1106"/>
      <c r="M496" s="1106"/>
      <c r="N496" s="1106"/>
      <c r="O496" s="1106"/>
      <c r="U496" s="1106"/>
      <c r="AB496" s="1106"/>
      <c r="AC496" s="1106"/>
      <c r="AD496" s="1106"/>
      <c r="AE496" s="1106"/>
      <c r="AF496" s="1106"/>
      <c r="AG496" s="1106"/>
      <c r="AH496" s="1106"/>
      <c r="AL496" s="1106"/>
      <c r="AT496" s="1106"/>
      <c r="AU496" s="1106"/>
      <c r="AV496" s="1106"/>
      <c r="AW496" s="1106"/>
      <c r="AX496" s="1106"/>
      <c r="AY496" s="1106"/>
      <c r="AZ496" s="1106"/>
      <c r="BA496" s="1106"/>
      <c r="BB496" s="1106"/>
      <c r="BC496" s="1106"/>
      <c r="BD496" s="1106"/>
      <c r="BE496" s="1106"/>
      <c r="BF496" s="1106"/>
      <c r="BG496" s="1106"/>
      <c r="BH496" s="1106"/>
      <c r="BI496" s="1106"/>
      <c r="BJ496" s="1106"/>
      <c r="BK496" s="1106"/>
      <c r="BL496" s="1106"/>
      <c r="BM496" s="1106"/>
      <c r="BN496" s="1106"/>
      <c r="BO496" s="1106"/>
      <c r="BP496" s="1106"/>
      <c r="BQ496" s="1106"/>
      <c r="BR496" s="1106"/>
      <c r="BS496" s="1106"/>
      <c r="BT496" s="1106"/>
      <c r="BU496" s="1106"/>
      <c r="BV496" s="1106"/>
      <c r="BW496" s="1106"/>
      <c r="BX496" s="1106"/>
      <c r="BY496" s="1106"/>
      <c r="BZ496" s="1106"/>
      <c r="CA496" s="1106"/>
    </row>
    <row r="497" spans="3:79" ht="9" customHeight="1" x14ac:dyDescent="0.2">
      <c r="C497" s="1106"/>
      <c r="D497" s="1106"/>
      <c r="E497" s="1106"/>
      <c r="F497" s="1106"/>
      <c r="G497" s="1106"/>
      <c r="H497" s="1106"/>
      <c r="I497" s="1106"/>
      <c r="J497" s="1106"/>
      <c r="K497" s="1106"/>
      <c r="L497" s="1106"/>
      <c r="M497" s="1106"/>
      <c r="N497" s="1106"/>
      <c r="O497" s="1106"/>
      <c r="U497" s="1106"/>
      <c r="AB497" s="1106"/>
      <c r="AC497" s="1106"/>
      <c r="AD497" s="1106"/>
      <c r="AE497" s="1106"/>
      <c r="AF497" s="1106"/>
      <c r="AG497" s="1106"/>
      <c r="AH497" s="1106"/>
      <c r="AL497" s="1106"/>
      <c r="AO497" s="1106"/>
      <c r="AP497" s="1106"/>
      <c r="AT497" s="1106"/>
      <c r="AU497" s="1106"/>
      <c r="AV497" s="1106"/>
      <c r="AW497" s="1106"/>
      <c r="AX497" s="1106"/>
      <c r="AY497" s="1106"/>
      <c r="AZ497" s="1106"/>
      <c r="BA497" s="1106"/>
      <c r="BB497" s="1106"/>
      <c r="BC497" s="1106"/>
      <c r="BD497" s="1106"/>
      <c r="BE497" s="1106"/>
      <c r="BF497" s="1106"/>
      <c r="BG497" s="1106"/>
      <c r="BH497" s="1106"/>
      <c r="BI497" s="1106"/>
      <c r="BJ497" s="1106"/>
      <c r="BK497" s="1106"/>
      <c r="BL497" s="1106"/>
      <c r="BM497" s="1106"/>
      <c r="BN497" s="1106"/>
      <c r="BO497" s="1106"/>
      <c r="BP497" s="1106"/>
      <c r="BQ497" s="1106"/>
      <c r="BR497" s="1106"/>
      <c r="BS497" s="1106"/>
      <c r="BT497" s="1106"/>
      <c r="BU497" s="1106"/>
      <c r="BV497" s="1106"/>
      <c r="BW497" s="1106"/>
      <c r="BX497" s="1106"/>
      <c r="BY497" s="1106"/>
      <c r="BZ497" s="1106"/>
      <c r="CA497" s="1106"/>
    </row>
    <row r="498" spans="3:79" ht="9" customHeight="1" x14ac:dyDescent="0.2">
      <c r="C498" s="1106"/>
      <c r="D498" s="1106"/>
      <c r="E498" s="1106"/>
      <c r="F498" s="1106"/>
      <c r="G498" s="1106"/>
      <c r="H498" s="1106"/>
      <c r="I498" s="1106"/>
      <c r="J498" s="1106"/>
      <c r="K498" s="1106"/>
      <c r="L498" s="1106"/>
      <c r="M498" s="1106"/>
      <c r="N498" s="1106"/>
      <c r="O498" s="1106"/>
      <c r="U498" s="1106"/>
      <c r="AB498" s="1106"/>
      <c r="AC498" s="1106"/>
      <c r="AD498" s="1106"/>
      <c r="AE498" s="1106"/>
      <c r="AF498" s="1106"/>
      <c r="AG498" s="1106"/>
      <c r="AH498" s="1106"/>
      <c r="AL498" s="1106"/>
      <c r="AT498" s="1106"/>
      <c r="AU498" s="1106"/>
      <c r="AV498" s="1106"/>
      <c r="AW498" s="1106"/>
      <c r="AX498" s="1106"/>
      <c r="AY498" s="1106"/>
      <c r="AZ498" s="1106"/>
      <c r="BA498" s="1106"/>
      <c r="BB498" s="1106"/>
      <c r="BC498" s="1106"/>
      <c r="BD498" s="1106"/>
      <c r="BE498" s="1106"/>
      <c r="BF498" s="1106"/>
      <c r="BG498" s="1106"/>
      <c r="BH498" s="1106"/>
      <c r="BI498" s="1106"/>
      <c r="BJ498" s="1106"/>
      <c r="BK498" s="1106"/>
      <c r="BL498" s="1106"/>
      <c r="BM498" s="1106"/>
      <c r="BN498" s="1106"/>
      <c r="BO498" s="1106"/>
      <c r="BP498" s="1106"/>
      <c r="BQ498" s="1106"/>
      <c r="BR498" s="1106"/>
      <c r="BS498" s="1106"/>
      <c r="BT498" s="1106"/>
      <c r="BU498" s="1106"/>
      <c r="BV498" s="1106"/>
      <c r="BW498" s="1106"/>
      <c r="BX498" s="1106"/>
      <c r="BY498" s="1106"/>
      <c r="BZ498" s="1106"/>
      <c r="CA498" s="1106"/>
    </row>
    <row r="499" spans="3:79" ht="9" customHeight="1" x14ac:dyDescent="0.2">
      <c r="C499" s="1106"/>
      <c r="D499" s="1106"/>
      <c r="E499" s="1106"/>
      <c r="F499" s="1106"/>
      <c r="G499" s="1106"/>
      <c r="H499" s="1106"/>
      <c r="I499" s="1106"/>
      <c r="J499" s="1106"/>
      <c r="K499" s="1106"/>
      <c r="L499" s="1106"/>
      <c r="M499" s="1106"/>
      <c r="N499" s="1106"/>
      <c r="O499" s="1106"/>
      <c r="AB499" s="1106"/>
      <c r="AC499" s="1106"/>
      <c r="AD499" s="1106"/>
      <c r="AE499" s="1106"/>
      <c r="AF499" s="1106"/>
      <c r="AG499" s="1106"/>
      <c r="AH499" s="1106"/>
      <c r="AL499" s="1106"/>
      <c r="AZ499" s="1106"/>
      <c r="BA499" s="1106"/>
      <c r="BB499" s="1106"/>
      <c r="BC499" s="1106"/>
      <c r="BD499" s="1106"/>
      <c r="BE499" s="1106"/>
      <c r="BF499" s="1106"/>
      <c r="BG499" s="1106"/>
      <c r="BH499" s="1106"/>
      <c r="BI499" s="1106"/>
      <c r="BJ499" s="1106"/>
      <c r="BK499" s="1106"/>
      <c r="BL499" s="1106"/>
      <c r="BM499" s="1106"/>
      <c r="BN499" s="1106"/>
      <c r="BO499" s="1106"/>
      <c r="BP499" s="1106"/>
      <c r="BQ499" s="1106"/>
      <c r="BR499" s="1106"/>
      <c r="BS499" s="1106"/>
      <c r="BT499" s="1106"/>
      <c r="BU499" s="1106"/>
      <c r="BV499" s="1106"/>
      <c r="BW499" s="1106"/>
      <c r="BX499" s="1106"/>
      <c r="BY499" s="1106"/>
      <c r="BZ499" s="1106"/>
      <c r="CA499" s="1106"/>
    </row>
    <row r="500" spans="3:79" ht="9" customHeight="1" x14ac:dyDescent="0.2">
      <c r="C500" s="1106"/>
      <c r="D500" s="1106"/>
      <c r="E500" s="1106"/>
      <c r="F500" s="1106"/>
      <c r="G500" s="1106"/>
      <c r="H500" s="1106"/>
      <c r="I500" s="1106"/>
      <c r="J500" s="1106"/>
      <c r="K500" s="1106"/>
      <c r="L500" s="1106"/>
      <c r="M500" s="1106"/>
      <c r="N500" s="1106"/>
      <c r="O500" s="1106"/>
      <c r="AB500" s="1106"/>
      <c r="AC500" s="1106"/>
      <c r="AD500" s="1106"/>
      <c r="AE500" s="1106"/>
      <c r="AF500" s="1106"/>
      <c r="AG500" s="1106"/>
      <c r="AH500" s="1106"/>
      <c r="AL500" s="1106"/>
      <c r="AZ500" s="1106"/>
      <c r="BA500" s="1106"/>
      <c r="BB500" s="1106"/>
      <c r="BC500" s="1106"/>
      <c r="BD500" s="1106"/>
      <c r="BE500" s="1106"/>
      <c r="BF500" s="1106"/>
      <c r="BG500" s="1106"/>
      <c r="BH500" s="1106"/>
      <c r="BI500" s="1106"/>
      <c r="BJ500" s="1106"/>
      <c r="BK500" s="1106"/>
      <c r="BL500" s="1106"/>
      <c r="BM500" s="1106"/>
      <c r="BN500" s="1106"/>
      <c r="BO500" s="1106"/>
      <c r="BP500" s="1106"/>
      <c r="BQ500" s="1106"/>
      <c r="BR500" s="1106"/>
      <c r="BS500" s="1106"/>
      <c r="BT500" s="1106"/>
      <c r="BU500" s="1106"/>
      <c r="BV500" s="1106"/>
      <c r="BW500" s="1106"/>
      <c r="BX500" s="1106"/>
      <c r="BY500" s="1106"/>
      <c r="BZ500" s="1106"/>
      <c r="CA500" s="1106"/>
    </row>
    <row r="501" spans="3:79" ht="9" customHeight="1" x14ac:dyDescent="0.2">
      <c r="C501" s="1106"/>
      <c r="D501" s="1106"/>
      <c r="E501" s="1106"/>
      <c r="F501" s="1106"/>
      <c r="G501" s="1106"/>
      <c r="H501" s="1106"/>
      <c r="I501" s="1106"/>
      <c r="J501" s="1106"/>
      <c r="K501" s="1106"/>
      <c r="L501" s="1106"/>
      <c r="M501" s="1106"/>
      <c r="N501" s="1106"/>
      <c r="O501" s="1106"/>
      <c r="AB501" s="1106"/>
      <c r="AC501" s="1106"/>
      <c r="AD501" s="1106"/>
      <c r="AE501" s="1106"/>
      <c r="AF501" s="1106"/>
      <c r="AG501" s="1106"/>
      <c r="AH501" s="1106"/>
      <c r="AL501" s="1106"/>
      <c r="AZ501" s="1106"/>
      <c r="BA501" s="1106"/>
      <c r="BB501" s="1106"/>
      <c r="BC501" s="1106"/>
      <c r="BD501" s="1106"/>
      <c r="BE501" s="1106"/>
      <c r="BF501" s="1106"/>
      <c r="BG501" s="1106"/>
      <c r="BH501" s="1106"/>
      <c r="BI501" s="1106"/>
      <c r="BJ501" s="1106"/>
      <c r="BK501" s="1106"/>
      <c r="BL501" s="1106"/>
      <c r="BM501" s="1106"/>
      <c r="BN501" s="1106"/>
      <c r="BO501" s="1106"/>
      <c r="BP501" s="1106"/>
      <c r="BQ501" s="1106"/>
      <c r="BR501" s="1106"/>
      <c r="BS501" s="1106"/>
      <c r="BT501" s="1106"/>
      <c r="BU501" s="1106"/>
      <c r="BV501" s="1106"/>
      <c r="BW501" s="1106"/>
      <c r="BX501" s="1106"/>
      <c r="BY501" s="1106"/>
      <c r="BZ501" s="1106"/>
      <c r="CA501" s="1106"/>
    </row>
    <row r="502" spans="3:79" ht="9" customHeight="1" x14ac:dyDescent="0.2">
      <c r="C502" s="1106"/>
      <c r="D502" s="1106"/>
      <c r="E502" s="1106"/>
      <c r="F502" s="1106"/>
      <c r="G502" s="1106"/>
      <c r="H502" s="1106"/>
      <c r="I502" s="1106"/>
      <c r="J502" s="1106"/>
      <c r="K502" s="1106"/>
      <c r="L502" s="1106"/>
      <c r="M502" s="1106"/>
      <c r="N502" s="1106"/>
      <c r="O502" s="1106"/>
      <c r="U502" s="1106"/>
      <c r="AB502" s="1106"/>
      <c r="AC502" s="1106"/>
      <c r="AD502" s="1106"/>
      <c r="AE502" s="1106"/>
      <c r="AF502" s="1106"/>
      <c r="AG502" s="1106"/>
      <c r="AH502" s="1106"/>
      <c r="AL502" s="1106"/>
      <c r="AT502" s="1106"/>
      <c r="AU502" s="1106"/>
      <c r="AV502" s="1106"/>
      <c r="AW502" s="1106"/>
      <c r="AX502" s="1106"/>
      <c r="AY502" s="1106"/>
      <c r="AZ502" s="1106"/>
      <c r="BA502" s="1106"/>
      <c r="BB502" s="1106"/>
      <c r="BC502" s="1106"/>
      <c r="BD502" s="1106"/>
      <c r="BE502" s="1106"/>
      <c r="BF502" s="1106"/>
      <c r="BG502" s="1106"/>
      <c r="BH502" s="1106"/>
      <c r="BI502" s="1106"/>
      <c r="BJ502" s="1106"/>
      <c r="BK502" s="1106"/>
      <c r="BL502" s="1106"/>
      <c r="BM502" s="1106"/>
      <c r="BN502" s="1106"/>
      <c r="BO502" s="1106"/>
      <c r="BP502" s="1106"/>
      <c r="BQ502" s="1106"/>
      <c r="BR502" s="1106"/>
      <c r="BS502" s="1106"/>
      <c r="BT502" s="1106"/>
      <c r="BU502" s="1106"/>
      <c r="BV502" s="1106"/>
      <c r="BW502" s="1106"/>
      <c r="BX502" s="1106"/>
      <c r="BY502" s="1106"/>
      <c r="BZ502" s="1106"/>
      <c r="CA502" s="1106"/>
    </row>
    <row r="503" spans="3:79" ht="9" customHeight="1" x14ac:dyDescent="0.2">
      <c r="C503" s="1106"/>
      <c r="D503" s="1106"/>
      <c r="E503" s="1106"/>
      <c r="F503" s="1106"/>
      <c r="G503" s="1106"/>
      <c r="H503" s="1106"/>
      <c r="I503" s="1106"/>
      <c r="J503" s="1106"/>
      <c r="K503" s="1106"/>
      <c r="L503" s="1106"/>
      <c r="M503" s="1106"/>
      <c r="N503" s="1106"/>
      <c r="O503" s="1106"/>
      <c r="U503" s="1106"/>
      <c r="AB503" s="1106"/>
      <c r="AC503" s="1106"/>
      <c r="AD503" s="1106"/>
      <c r="AE503" s="1106"/>
      <c r="AF503" s="1106"/>
      <c r="AG503" s="1106"/>
      <c r="AH503" s="1106"/>
      <c r="AL503" s="1106"/>
      <c r="AO503" s="1106"/>
      <c r="AP503" s="1106"/>
      <c r="AT503" s="1106"/>
      <c r="AU503" s="1106"/>
      <c r="AV503" s="1106"/>
      <c r="AW503" s="1106"/>
      <c r="AX503" s="1106"/>
      <c r="AY503" s="1106"/>
      <c r="AZ503" s="1106"/>
      <c r="BA503" s="1106"/>
      <c r="BB503" s="1106"/>
      <c r="BC503" s="1106"/>
      <c r="BD503" s="1106"/>
      <c r="BE503" s="1106"/>
      <c r="BF503" s="1106"/>
      <c r="BG503" s="1106"/>
      <c r="BH503" s="1106"/>
      <c r="BI503" s="1106"/>
      <c r="BJ503" s="1106"/>
      <c r="BK503" s="1106"/>
      <c r="BL503" s="1106"/>
      <c r="BM503" s="1106"/>
      <c r="BN503" s="1106"/>
      <c r="BO503" s="1106"/>
      <c r="BP503" s="1106"/>
      <c r="BQ503" s="1106"/>
      <c r="BR503" s="1106"/>
      <c r="BS503" s="1106"/>
      <c r="BT503" s="1106"/>
      <c r="BU503" s="1106"/>
      <c r="BV503" s="1106"/>
      <c r="BW503" s="1106"/>
      <c r="BX503" s="1106"/>
      <c r="BY503" s="1106"/>
      <c r="BZ503" s="1106"/>
      <c r="CA503" s="1106"/>
    </row>
    <row r="504" spans="3:79" ht="9" customHeight="1" x14ac:dyDescent="0.2">
      <c r="C504" s="1106"/>
      <c r="D504" s="1106"/>
      <c r="E504" s="1106"/>
      <c r="F504" s="1106"/>
      <c r="G504" s="1106"/>
      <c r="H504" s="1106"/>
      <c r="I504" s="1106"/>
      <c r="J504" s="1106"/>
      <c r="K504" s="1106"/>
      <c r="L504" s="1106"/>
      <c r="M504" s="1106"/>
      <c r="N504" s="1106"/>
      <c r="O504" s="1106"/>
      <c r="U504" s="1106"/>
      <c r="AB504" s="1106"/>
      <c r="AC504" s="1106"/>
      <c r="AD504" s="1106"/>
      <c r="AE504" s="1106"/>
      <c r="AF504" s="1106"/>
      <c r="AG504" s="1106"/>
      <c r="AH504" s="1106"/>
      <c r="AL504" s="1106"/>
      <c r="AT504" s="1106"/>
      <c r="AU504" s="1106"/>
      <c r="AV504" s="1106"/>
      <c r="AW504" s="1106"/>
      <c r="AX504" s="1106"/>
      <c r="AY504" s="1106"/>
      <c r="AZ504" s="1106"/>
      <c r="BA504" s="1106"/>
      <c r="BB504" s="1106"/>
      <c r="BC504" s="1106"/>
      <c r="BD504" s="1106"/>
      <c r="BE504" s="1106"/>
      <c r="BF504" s="1106"/>
      <c r="BG504" s="1106"/>
      <c r="BH504" s="1106"/>
      <c r="BI504" s="1106"/>
      <c r="BJ504" s="1106"/>
      <c r="BK504" s="1106"/>
      <c r="BL504" s="1106"/>
      <c r="BM504" s="1106"/>
      <c r="BN504" s="1106"/>
      <c r="BO504" s="1106"/>
      <c r="BP504" s="1106"/>
      <c r="BQ504" s="1106"/>
      <c r="BR504" s="1106"/>
      <c r="BS504" s="1106"/>
      <c r="BT504" s="1106"/>
      <c r="BU504" s="1106"/>
      <c r="BV504" s="1106"/>
      <c r="BW504" s="1106"/>
      <c r="BX504" s="1106"/>
      <c r="BY504" s="1106"/>
      <c r="BZ504" s="1106"/>
      <c r="CA504" s="1106"/>
    </row>
    <row r="505" spans="3:79" ht="9" customHeight="1" x14ac:dyDescent="0.2">
      <c r="C505" s="1106"/>
      <c r="D505" s="1106"/>
      <c r="E505" s="1106"/>
      <c r="F505" s="1106"/>
      <c r="G505" s="1106"/>
      <c r="H505" s="1106"/>
      <c r="I505" s="1106"/>
      <c r="J505" s="1106"/>
      <c r="K505" s="1106"/>
      <c r="L505" s="1106"/>
      <c r="M505" s="1106"/>
      <c r="N505" s="1106"/>
      <c r="O505" s="1106"/>
      <c r="AB505" s="1106"/>
      <c r="AC505" s="1106"/>
      <c r="AD505" s="1106"/>
      <c r="AE505" s="1106"/>
      <c r="AF505" s="1106"/>
      <c r="AG505" s="1106"/>
      <c r="AH505" s="1106"/>
      <c r="AL505" s="1106"/>
      <c r="AZ505" s="1106"/>
      <c r="BA505" s="1106"/>
      <c r="BB505" s="1106"/>
      <c r="BC505" s="1106"/>
      <c r="BD505" s="1106"/>
      <c r="BE505" s="1106"/>
      <c r="BF505" s="1106"/>
      <c r="BG505" s="1106"/>
      <c r="BH505" s="1106"/>
      <c r="BI505" s="1106"/>
      <c r="BJ505" s="1106"/>
      <c r="BK505" s="1106"/>
      <c r="BL505" s="1106"/>
      <c r="BM505" s="1106"/>
      <c r="BN505" s="1106"/>
      <c r="BO505" s="1106"/>
      <c r="BP505" s="1106"/>
      <c r="BQ505" s="1106"/>
      <c r="BR505" s="1106"/>
      <c r="BS505" s="1106"/>
      <c r="BT505" s="1106"/>
      <c r="BU505" s="1106"/>
      <c r="BV505" s="1106"/>
      <c r="BW505" s="1106"/>
      <c r="BX505" s="1106"/>
      <c r="BY505" s="1106"/>
      <c r="BZ505" s="1106"/>
      <c r="CA505" s="1106"/>
    </row>
    <row r="506" spans="3:79" ht="9" customHeight="1" x14ac:dyDescent="0.2">
      <c r="C506" s="1106"/>
      <c r="D506" s="1106"/>
      <c r="E506" s="1106"/>
      <c r="F506" s="1106"/>
      <c r="G506" s="1106"/>
      <c r="H506" s="1106"/>
      <c r="I506" s="1106"/>
      <c r="J506" s="1106"/>
      <c r="K506" s="1106"/>
      <c r="L506" s="1106"/>
      <c r="M506" s="1106"/>
      <c r="N506" s="1106"/>
      <c r="O506" s="1106"/>
      <c r="AB506" s="1106"/>
      <c r="AC506" s="1106"/>
      <c r="AD506" s="1106"/>
      <c r="AE506" s="1106"/>
      <c r="AF506" s="1106"/>
      <c r="AG506" s="1106"/>
      <c r="AH506" s="1106"/>
      <c r="AL506" s="1106"/>
      <c r="AZ506" s="1106"/>
      <c r="BA506" s="1106"/>
      <c r="BB506" s="1106"/>
      <c r="BC506" s="1106"/>
      <c r="BD506" s="1106"/>
      <c r="BE506" s="1106"/>
      <c r="BF506" s="1106"/>
      <c r="BG506" s="1106"/>
      <c r="BH506" s="1106"/>
      <c r="BI506" s="1106"/>
      <c r="BJ506" s="1106"/>
      <c r="BK506" s="1106"/>
      <c r="BL506" s="1106"/>
      <c r="BM506" s="1106"/>
      <c r="BN506" s="1106"/>
      <c r="BO506" s="1106"/>
      <c r="BP506" s="1106"/>
      <c r="BQ506" s="1106"/>
      <c r="BR506" s="1106"/>
      <c r="BS506" s="1106"/>
      <c r="BT506" s="1106"/>
      <c r="BU506" s="1106"/>
      <c r="BV506" s="1106"/>
      <c r="BW506" s="1106"/>
      <c r="BX506" s="1106"/>
      <c r="BY506" s="1106"/>
      <c r="BZ506" s="1106"/>
      <c r="CA506" s="1106"/>
    </row>
    <row r="507" spans="3:79" ht="9" customHeight="1" x14ac:dyDescent="0.2">
      <c r="C507" s="1106"/>
      <c r="D507" s="1106"/>
      <c r="E507" s="1106"/>
      <c r="F507" s="1106"/>
      <c r="G507" s="1106"/>
      <c r="H507" s="1106"/>
      <c r="I507" s="1106"/>
      <c r="J507" s="1106"/>
      <c r="K507" s="1106"/>
      <c r="L507" s="1106"/>
      <c r="M507" s="1106"/>
      <c r="N507" s="1106"/>
      <c r="O507" s="1106"/>
      <c r="AB507" s="1106"/>
      <c r="AC507" s="1106"/>
      <c r="AD507" s="1106"/>
      <c r="AE507" s="1106"/>
      <c r="AF507" s="1106"/>
      <c r="AG507" s="1106"/>
      <c r="AH507" s="1106"/>
      <c r="AL507" s="1106"/>
      <c r="AZ507" s="1106"/>
      <c r="BA507" s="1106"/>
      <c r="BB507" s="1106"/>
      <c r="BC507" s="1106"/>
      <c r="BD507" s="1106"/>
      <c r="BE507" s="1106"/>
      <c r="BF507" s="1106"/>
      <c r="BG507" s="1106"/>
      <c r="BH507" s="1106"/>
      <c r="BI507" s="1106"/>
      <c r="BJ507" s="1106"/>
      <c r="BK507" s="1106"/>
      <c r="BL507" s="1106"/>
      <c r="BM507" s="1106"/>
      <c r="BN507" s="1106"/>
      <c r="BO507" s="1106"/>
      <c r="BP507" s="1106"/>
      <c r="BQ507" s="1106"/>
      <c r="BR507" s="1106"/>
      <c r="BS507" s="1106"/>
      <c r="BT507" s="1106"/>
      <c r="BU507" s="1106"/>
      <c r="BV507" s="1106"/>
      <c r="BW507" s="1106"/>
      <c r="BX507" s="1106"/>
      <c r="BY507" s="1106"/>
      <c r="BZ507" s="1106"/>
      <c r="CA507" s="1106"/>
    </row>
    <row r="508" spans="3:79" ht="9" customHeight="1" x14ac:dyDescent="0.2">
      <c r="C508" s="1106"/>
      <c r="D508" s="1106"/>
      <c r="E508" s="1106"/>
      <c r="F508" s="1106"/>
      <c r="G508" s="1106"/>
      <c r="H508" s="1106"/>
      <c r="I508" s="1106"/>
      <c r="J508" s="1106"/>
      <c r="K508" s="1106"/>
      <c r="L508" s="1106"/>
      <c r="M508" s="1106"/>
      <c r="N508" s="1106"/>
      <c r="O508" s="1106"/>
      <c r="U508" s="1106"/>
      <c r="AB508" s="1106"/>
      <c r="AC508" s="1106"/>
      <c r="AD508" s="1106"/>
      <c r="AE508" s="1106"/>
      <c r="AF508" s="1106"/>
      <c r="AG508" s="1106"/>
      <c r="AH508" s="1106"/>
      <c r="AL508" s="1106"/>
      <c r="AT508" s="1106"/>
      <c r="AU508" s="1106"/>
      <c r="AV508" s="1106"/>
      <c r="AW508" s="1106"/>
      <c r="AX508" s="1106"/>
      <c r="AY508" s="1106"/>
      <c r="AZ508" s="1106"/>
      <c r="BA508" s="1106"/>
      <c r="BB508" s="1106"/>
      <c r="BC508" s="1106"/>
      <c r="BD508" s="1106"/>
      <c r="BE508" s="1106"/>
      <c r="BF508" s="1106"/>
      <c r="BG508" s="1106"/>
      <c r="BH508" s="1106"/>
      <c r="BI508" s="1106"/>
      <c r="BJ508" s="1106"/>
      <c r="BK508" s="1106"/>
      <c r="BL508" s="1106"/>
      <c r="BM508" s="1106"/>
      <c r="BN508" s="1106"/>
      <c r="BO508" s="1106"/>
      <c r="BP508" s="1106"/>
      <c r="BQ508" s="1106"/>
      <c r="BR508" s="1106"/>
      <c r="BS508" s="1106"/>
      <c r="BT508" s="1106"/>
      <c r="BU508" s="1106"/>
      <c r="BV508" s="1106"/>
      <c r="BW508" s="1106"/>
      <c r="BX508" s="1106"/>
      <c r="BY508" s="1106"/>
      <c r="BZ508" s="1106"/>
      <c r="CA508" s="1106"/>
    </row>
    <row r="509" spans="3:79" ht="9" customHeight="1" x14ac:dyDescent="0.2">
      <c r="C509" s="1106"/>
      <c r="D509" s="1106"/>
      <c r="E509" s="1106"/>
      <c r="F509" s="1106"/>
      <c r="G509" s="1106"/>
      <c r="H509" s="1106"/>
      <c r="I509" s="1106"/>
      <c r="J509" s="1106"/>
      <c r="K509" s="1106"/>
      <c r="L509" s="1106"/>
      <c r="M509" s="1106"/>
      <c r="N509" s="1106"/>
      <c r="O509" s="1106"/>
      <c r="U509" s="1106"/>
      <c r="AB509" s="1106"/>
      <c r="AC509" s="1106"/>
      <c r="AD509" s="1106"/>
      <c r="AE509" s="1106"/>
      <c r="AF509" s="1106"/>
      <c r="AG509" s="1106"/>
      <c r="AH509" s="1106"/>
      <c r="AL509" s="1106"/>
      <c r="AO509" s="1106"/>
      <c r="AP509" s="1106"/>
      <c r="AT509" s="1106"/>
      <c r="AU509" s="1106"/>
      <c r="AV509" s="1106"/>
      <c r="AW509" s="1106"/>
      <c r="AX509" s="1106"/>
      <c r="AY509" s="1106"/>
      <c r="AZ509" s="1106"/>
      <c r="BA509" s="1106"/>
      <c r="BB509" s="1106"/>
      <c r="BC509" s="1106"/>
      <c r="BD509" s="1106"/>
      <c r="BE509" s="1106"/>
      <c r="BF509" s="1106"/>
      <c r="BG509" s="1106"/>
      <c r="BH509" s="1106"/>
      <c r="BI509" s="1106"/>
      <c r="BJ509" s="1106"/>
      <c r="BK509" s="1106"/>
      <c r="BL509" s="1106"/>
      <c r="BM509" s="1106"/>
      <c r="BN509" s="1106"/>
      <c r="BO509" s="1106"/>
      <c r="BP509" s="1106"/>
      <c r="BQ509" s="1106"/>
      <c r="BR509" s="1106"/>
      <c r="BS509" s="1106"/>
      <c r="BT509" s="1106"/>
      <c r="BU509" s="1106"/>
      <c r="BV509" s="1106"/>
      <c r="BW509" s="1106"/>
      <c r="BX509" s="1106"/>
      <c r="BY509" s="1106"/>
      <c r="BZ509" s="1106"/>
      <c r="CA509" s="1106"/>
    </row>
    <row r="510" spans="3:79" ht="9" customHeight="1" x14ac:dyDescent="0.2">
      <c r="C510" s="1106"/>
      <c r="D510" s="1106"/>
      <c r="E510" s="1106"/>
      <c r="F510" s="1106"/>
      <c r="G510" s="1106"/>
      <c r="H510" s="1106"/>
      <c r="I510" s="1106"/>
      <c r="J510" s="1106"/>
      <c r="K510" s="1106"/>
      <c r="L510" s="1106"/>
      <c r="M510" s="1106"/>
      <c r="N510" s="1106"/>
      <c r="O510" s="1106"/>
      <c r="U510" s="1106"/>
      <c r="AB510" s="1106"/>
      <c r="AC510" s="1106"/>
      <c r="AD510" s="1106"/>
      <c r="AE510" s="1106"/>
      <c r="AF510" s="1106"/>
      <c r="AG510" s="1106"/>
      <c r="AH510" s="1106"/>
      <c r="AL510" s="1106"/>
      <c r="AT510" s="1106"/>
      <c r="AU510" s="1106"/>
      <c r="AV510" s="1106"/>
      <c r="AW510" s="1106"/>
      <c r="AX510" s="1106"/>
      <c r="AY510" s="1106"/>
      <c r="AZ510" s="1106"/>
      <c r="BA510" s="1106"/>
      <c r="BB510" s="1106"/>
      <c r="BC510" s="1106"/>
      <c r="BD510" s="1106"/>
      <c r="BE510" s="1106"/>
      <c r="BF510" s="1106"/>
      <c r="BG510" s="1106"/>
      <c r="BH510" s="1106"/>
      <c r="BI510" s="1106"/>
      <c r="BJ510" s="1106"/>
      <c r="BK510" s="1106"/>
      <c r="BL510" s="1106"/>
      <c r="BM510" s="1106"/>
      <c r="BN510" s="1106"/>
      <c r="BO510" s="1106"/>
      <c r="BP510" s="1106"/>
      <c r="BQ510" s="1106"/>
      <c r="BR510" s="1106"/>
      <c r="BS510" s="1106"/>
      <c r="BT510" s="1106"/>
      <c r="BU510" s="1106"/>
      <c r="BV510" s="1106"/>
      <c r="BW510" s="1106"/>
      <c r="BX510" s="1106"/>
      <c r="BY510" s="1106"/>
      <c r="BZ510" s="1106"/>
      <c r="CA510" s="1106"/>
    </row>
    <row r="511" spans="3:79" ht="9" customHeight="1" x14ac:dyDescent="0.2">
      <c r="C511" s="1106"/>
      <c r="D511" s="1106"/>
      <c r="E511" s="1106"/>
      <c r="F511" s="1106"/>
      <c r="G511" s="1106"/>
      <c r="H511" s="1106"/>
      <c r="I511" s="1106"/>
      <c r="J511" s="1106"/>
      <c r="K511" s="1106"/>
      <c r="L511" s="1106"/>
      <c r="M511" s="1106"/>
      <c r="N511" s="1106"/>
      <c r="O511" s="1106"/>
      <c r="AB511" s="1106"/>
      <c r="AC511" s="1106"/>
      <c r="AD511" s="1106"/>
      <c r="AE511" s="1106"/>
      <c r="AF511" s="1106"/>
      <c r="AG511" s="1106"/>
      <c r="AH511" s="1106"/>
      <c r="AL511" s="1106"/>
      <c r="AZ511" s="1106"/>
      <c r="BA511" s="1106"/>
      <c r="BB511" s="1106"/>
      <c r="BC511" s="1106"/>
      <c r="BD511" s="1106"/>
      <c r="BE511" s="1106"/>
      <c r="BF511" s="1106"/>
      <c r="BG511" s="1106"/>
      <c r="BH511" s="1106"/>
      <c r="BI511" s="1106"/>
      <c r="BJ511" s="1106"/>
      <c r="BK511" s="1106"/>
      <c r="BL511" s="1106"/>
      <c r="BM511" s="1106"/>
      <c r="BN511" s="1106"/>
      <c r="BO511" s="1106"/>
      <c r="BP511" s="1106"/>
      <c r="BQ511" s="1106"/>
      <c r="BR511" s="1106"/>
      <c r="BS511" s="1106"/>
      <c r="BT511" s="1106"/>
      <c r="BU511" s="1106"/>
      <c r="BV511" s="1106"/>
      <c r="BW511" s="1106"/>
      <c r="BX511" s="1106"/>
      <c r="BY511" s="1106"/>
      <c r="BZ511" s="1106"/>
      <c r="CA511" s="1106"/>
    </row>
    <row r="512" spans="3:79" ht="9" customHeight="1" x14ac:dyDescent="0.2">
      <c r="C512" s="1106"/>
      <c r="D512" s="1106"/>
      <c r="E512" s="1106"/>
      <c r="F512" s="1106"/>
      <c r="G512" s="1106"/>
      <c r="H512" s="1106"/>
      <c r="I512" s="1106"/>
      <c r="J512" s="1106"/>
      <c r="K512" s="1106"/>
      <c r="L512" s="1106"/>
      <c r="M512" s="1106"/>
      <c r="N512" s="1106"/>
      <c r="O512" s="1106"/>
      <c r="AB512" s="1106"/>
      <c r="AC512" s="1106"/>
      <c r="AD512" s="1106"/>
      <c r="AE512" s="1106"/>
      <c r="AF512" s="1106"/>
      <c r="AG512" s="1106"/>
      <c r="AH512" s="1106"/>
      <c r="AL512" s="1106"/>
      <c r="AZ512" s="1106"/>
      <c r="BA512" s="1106"/>
      <c r="BB512" s="1106"/>
      <c r="BC512" s="1106"/>
      <c r="BD512" s="1106"/>
      <c r="BE512" s="1106"/>
      <c r="BF512" s="1106"/>
      <c r="BG512" s="1106"/>
      <c r="BH512" s="1106"/>
      <c r="BI512" s="1106"/>
      <c r="BJ512" s="1106"/>
      <c r="BK512" s="1106"/>
      <c r="BL512" s="1106"/>
      <c r="BM512" s="1106"/>
      <c r="BN512" s="1106"/>
      <c r="BO512" s="1106"/>
      <c r="BP512" s="1106"/>
      <c r="BQ512" s="1106"/>
      <c r="BR512" s="1106"/>
      <c r="BS512" s="1106"/>
      <c r="BT512" s="1106"/>
      <c r="BU512" s="1106"/>
      <c r="BV512" s="1106"/>
      <c r="BW512" s="1106"/>
      <c r="BX512" s="1106"/>
      <c r="BY512" s="1106"/>
      <c r="BZ512" s="1106"/>
      <c r="CA512" s="1106"/>
    </row>
    <row r="513" spans="3:79" ht="9" customHeight="1" x14ac:dyDescent="0.2">
      <c r="C513" s="1106"/>
      <c r="D513" s="1106"/>
      <c r="E513" s="1106"/>
      <c r="F513" s="1106"/>
      <c r="G513" s="1106"/>
      <c r="H513" s="1106"/>
      <c r="I513" s="1106"/>
      <c r="J513" s="1106"/>
      <c r="K513" s="1106"/>
      <c r="L513" s="1106"/>
      <c r="M513" s="1106"/>
      <c r="N513" s="1106"/>
      <c r="O513" s="1106"/>
      <c r="AB513" s="1106"/>
      <c r="AC513" s="1106"/>
      <c r="AD513" s="1106"/>
      <c r="AE513" s="1106"/>
      <c r="AF513" s="1106"/>
      <c r="AG513" s="1106"/>
      <c r="AH513" s="1106"/>
      <c r="AL513" s="1106"/>
      <c r="AZ513" s="1106"/>
      <c r="BA513" s="1106"/>
      <c r="BB513" s="1106"/>
      <c r="BC513" s="1106"/>
      <c r="BD513" s="1106"/>
      <c r="BE513" s="1106"/>
      <c r="BF513" s="1106"/>
      <c r="BG513" s="1106"/>
      <c r="BH513" s="1106"/>
      <c r="BI513" s="1106"/>
      <c r="BJ513" s="1106"/>
      <c r="BK513" s="1106"/>
      <c r="BL513" s="1106"/>
      <c r="BM513" s="1106"/>
      <c r="BN513" s="1106"/>
      <c r="BO513" s="1106"/>
      <c r="BP513" s="1106"/>
      <c r="BQ513" s="1106"/>
      <c r="BR513" s="1106"/>
      <c r="BS513" s="1106"/>
      <c r="BT513" s="1106"/>
      <c r="BU513" s="1106"/>
      <c r="BV513" s="1106"/>
      <c r="BW513" s="1106"/>
      <c r="BX513" s="1106"/>
      <c r="BY513" s="1106"/>
      <c r="BZ513" s="1106"/>
      <c r="CA513" s="1106"/>
    </row>
    <row r="514" spans="3:79" ht="9" customHeight="1" x14ac:dyDescent="0.2">
      <c r="C514" s="1106"/>
      <c r="D514" s="1106"/>
      <c r="E514" s="1106"/>
      <c r="F514" s="1106"/>
      <c r="G514" s="1106"/>
      <c r="H514" s="1106"/>
      <c r="I514" s="1106"/>
      <c r="J514" s="1106"/>
      <c r="K514" s="1106"/>
      <c r="L514" s="1106"/>
      <c r="M514" s="1106"/>
      <c r="N514" s="1106"/>
      <c r="O514" s="1106"/>
      <c r="U514" s="1106"/>
      <c r="AB514" s="1106"/>
      <c r="AC514" s="1106"/>
      <c r="AD514" s="1106"/>
      <c r="AE514" s="1106"/>
      <c r="AF514" s="1106"/>
      <c r="AG514" s="1106"/>
      <c r="AH514" s="1106"/>
      <c r="AL514" s="1106"/>
      <c r="AT514" s="1106"/>
      <c r="AU514" s="1106"/>
      <c r="AV514" s="1106"/>
      <c r="AW514" s="1106"/>
      <c r="AX514" s="1106"/>
      <c r="AY514" s="1106"/>
      <c r="AZ514" s="1106"/>
      <c r="BA514" s="1106"/>
      <c r="BB514" s="1106"/>
      <c r="BC514" s="1106"/>
      <c r="BD514" s="1106"/>
      <c r="BE514" s="1106"/>
      <c r="BF514" s="1106"/>
      <c r="BG514" s="1106"/>
      <c r="BH514" s="1106"/>
      <c r="BI514" s="1106"/>
      <c r="BJ514" s="1106"/>
      <c r="BK514" s="1106"/>
      <c r="BL514" s="1106"/>
      <c r="BM514" s="1106"/>
      <c r="BN514" s="1106"/>
      <c r="BO514" s="1106"/>
      <c r="BP514" s="1106"/>
      <c r="BQ514" s="1106"/>
      <c r="BR514" s="1106"/>
      <c r="BS514" s="1106"/>
      <c r="BT514" s="1106"/>
      <c r="BU514" s="1106"/>
      <c r="BV514" s="1106"/>
      <c r="BW514" s="1106"/>
      <c r="BX514" s="1106"/>
      <c r="BY514" s="1106"/>
      <c r="BZ514" s="1106"/>
      <c r="CA514" s="1106"/>
    </row>
    <row r="515" spans="3:79" ht="9" customHeight="1" x14ac:dyDescent="0.2">
      <c r="C515" s="1106"/>
      <c r="D515" s="1106"/>
      <c r="E515" s="1106"/>
      <c r="F515" s="1106"/>
      <c r="G515" s="1106"/>
      <c r="H515" s="1106"/>
      <c r="I515" s="1106"/>
      <c r="J515" s="1106"/>
      <c r="K515" s="1106"/>
      <c r="L515" s="1106"/>
      <c r="M515" s="1106"/>
      <c r="N515" s="1106"/>
      <c r="O515" s="1106"/>
      <c r="U515" s="1106"/>
      <c r="AB515" s="1106"/>
      <c r="AC515" s="1106"/>
      <c r="AD515" s="1106"/>
      <c r="AE515" s="1106"/>
      <c r="AF515" s="1106"/>
      <c r="AG515" s="1106"/>
      <c r="AH515" s="1106"/>
      <c r="AL515" s="1106"/>
      <c r="AO515" s="1106"/>
      <c r="AP515" s="1106"/>
      <c r="AT515" s="1106"/>
      <c r="AU515" s="1106"/>
      <c r="AV515" s="1106"/>
      <c r="AW515" s="1106"/>
      <c r="AX515" s="1106"/>
      <c r="AY515" s="1106"/>
      <c r="AZ515" s="1106"/>
      <c r="BA515" s="1106"/>
      <c r="BB515" s="1106"/>
      <c r="BC515" s="1106"/>
      <c r="BD515" s="1106"/>
      <c r="BE515" s="1106"/>
      <c r="BF515" s="1106"/>
      <c r="BG515" s="1106"/>
      <c r="BH515" s="1106"/>
      <c r="BI515" s="1106"/>
      <c r="BJ515" s="1106"/>
      <c r="BK515" s="1106"/>
      <c r="BL515" s="1106"/>
      <c r="BM515" s="1106"/>
      <c r="BN515" s="1106"/>
      <c r="BO515" s="1106"/>
      <c r="BP515" s="1106"/>
      <c r="BQ515" s="1106"/>
      <c r="BR515" s="1106"/>
      <c r="BS515" s="1106"/>
      <c r="BT515" s="1106"/>
      <c r="BU515" s="1106"/>
      <c r="BV515" s="1106"/>
      <c r="BW515" s="1106"/>
      <c r="BX515" s="1106"/>
      <c r="BY515" s="1106"/>
      <c r="BZ515" s="1106"/>
      <c r="CA515" s="1106"/>
    </row>
    <row r="516" spans="3:79" ht="9" customHeight="1" x14ac:dyDescent="0.2">
      <c r="C516" s="1106"/>
      <c r="D516" s="1106"/>
      <c r="E516" s="1106"/>
      <c r="F516" s="1106"/>
      <c r="G516" s="1106"/>
      <c r="H516" s="1106"/>
      <c r="I516" s="1106"/>
      <c r="J516" s="1106"/>
      <c r="K516" s="1106"/>
      <c r="L516" s="1106"/>
      <c r="M516" s="1106"/>
      <c r="N516" s="1106"/>
      <c r="O516" s="1106"/>
      <c r="U516" s="1106"/>
      <c r="AB516" s="1106"/>
      <c r="AC516" s="1106"/>
      <c r="AD516" s="1106"/>
      <c r="AE516" s="1106"/>
      <c r="AF516" s="1106"/>
      <c r="AG516" s="1106"/>
      <c r="AH516" s="1106"/>
      <c r="AL516" s="1106"/>
      <c r="AT516" s="1106"/>
      <c r="AU516" s="1106"/>
      <c r="AV516" s="1106"/>
      <c r="AW516" s="1106"/>
      <c r="AX516" s="1106"/>
      <c r="AY516" s="1106"/>
      <c r="AZ516" s="1106"/>
      <c r="BA516" s="1106"/>
      <c r="BB516" s="1106"/>
      <c r="BC516" s="1106"/>
      <c r="BD516" s="1106"/>
      <c r="BE516" s="1106"/>
      <c r="BF516" s="1106"/>
      <c r="BG516" s="1106"/>
      <c r="BH516" s="1106"/>
      <c r="BI516" s="1106"/>
      <c r="BJ516" s="1106"/>
      <c r="BK516" s="1106"/>
      <c r="BL516" s="1106"/>
      <c r="BM516" s="1106"/>
      <c r="BN516" s="1106"/>
      <c r="BO516" s="1106"/>
      <c r="BP516" s="1106"/>
      <c r="BQ516" s="1106"/>
      <c r="BR516" s="1106"/>
      <c r="BS516" s="1106"/>
      <c r="BT516" s="1106"/>
      <c r="BU516" s="1106"/>
      <c r="BV516" s="1106"/>
      <c r="BW516" s="1106"/>
      <c r="BX516" s="1106"/>
      <c r="BY516" s="1106"/>
      <c r="BZ516" s="1106"/>
      <c r="CA516" s="1106"/>
    </row>
    <row r="517" spans="3:79" ht="9" customHeight="1" x14ac:dyDescent="0.2">
      <c r="C517" s="1106"/>
      <c r="D517" s="1106"/>
      <c r="E517" s="1106"/>
      <c r="F517" s="1106"/>
      <c r="G517" s="1106"/>
      <c r="H517" s="1106"/>
      <c r="I517" s="1106"/>
      <c r="J517" s="1106"/>
      <c r="K517" s="1106"/>
      <c r="L517" s="1106"/>
      <c r="M517" s="1106"/>
      <c r="N517" s="1106"/>
      <c r="O517" s="1106"/>
      <c r="AB517" s="1106"/>
      <c r="AC517" s="1106"/>
      <c r="AD517" s="1106"/>
      <c r="AE517" s="1106"/>
      <c r="AF517" s="1106"/>
      <c r="AG517" s="1106"/>
      <c r="AH517" s="1106"/>
      <c r="AL517" s="1106"/>
      <c r="AZ517" s="1106"/>
      <c r="BA517" s="1106"/>
      <c r="BB517" s="1106"/>
      <c r="BC517" s="1106"/>
      <c r="BD517" s="1106"/>
      <c r="BE517" s="1106"/>
      <c r="BF517" s="1106"/>
      <c r="BG517" s="1106"/>
      <c r="BH517" s="1106"/>
      <c r="BI517" s="1106"/>
      <c r="BJ517" s="1106"/>
      <c r="BK517" s="1106"/>
      <c r="BL517" s="1106"/>
      <c r="BM517" s="1106"/>
      <c r="BN517" s="1106"/>
      <c r="BO517" s="1106"/>
      <c r="BP517" s="1106"/>
      <c r="BQ517" s="1106"/>
      <c r="BR517" s="1106"/>
      <c r="BS517" s="1106"/>
      <c r="BT517" s="1106"/>
      <c r="BU517" s="1106"/>
      <c r="BV517" s="1106"/>
      <c r="BW517" s="1106"/>
      <c r="BX517" s="1106"/>
      <c r="BY517" s="1106"/>
      <c r="BZ517" s="1106"/>
      <c r="CA517" s="1106"/>
    </row>
    <row r="518" spans="3:79" ht="9" customHeight="1" x14ac:dyDescent="0.2">
      <c r="C518" s="1106"/>
      <c r="D518" s="1106"/>
      <c r="E518" s="1106"/>
      <c r="F518" s="1106"/>
      <c r="G518" s="1106"/>
      <c r="H518" s="1106"/>
      <c r="I518" s="1106"/>
      <c r="J518" s="1106"/>
      <c r="K518" s="1106"/>
      <c r="L518" s="1106"/>
      <c r="M518" s="1106"/>
      <c r="N518" s="1106"/>
      <c r="O518" s="1106"/>
      <c r="AB518" s="1106"/>
      <c r="AC518" s="1106"/>
      <c r="AD518" s="1106"/>
      <c r="AE518" s="1106"/>
      <c r="AF518" s="1106"/>
      <c r="AG518" s="1106"/>
      <c r="AH518" s="1106"/>
      <c r="AL518" s="1106"/>
      <c r="AZ518" s="1106"/>
      <c r="BA518" s="1106"/>
      <c r="BB518" s="1106"/>
      <c r="BC518" s="1106"/>
      <c r="BD518" s="1106"/>
      <c r="BE518" s="1106"/>
      <c r="BF518" s="1106"/>
      <c r="BG518" s="1106"/>
      <c r="BH518" s="1106"/>
      <c r="BI518" s="1106"/>
      <c r="BJ518" s="1106"/>
      <c r="BK518" s="1106"/>
      <c r="BL518" s="1106"/>
      <c r="BM518" s="1106"/>
      <c r="BN518" s="1106"/>
      <c r="BO518" s="1106"/>
      <c r="BP518" s="1106"/>
      <c r="BQ518" s="1106"/>
      <c r="BR518" s="1106"/>
      <c r="BS518" s="1106"/>
      <c r="BT518" s="1106"/>
      <c r="BU518" s="1106"/>
      <c r="BV518" s="1106"/>
      <c r="BW518" s="1106"/>
      <c r="BX518" s="1106"/>
      <c r="BY518" s="1106"/>
      <c r="BZ518" s="1106"/>
      <c r="CA518" s="1106"/>
    </row>
    <row r="519" spans="3:79" ht="9" customHeight="1" x14ac:dyDescent="0.2">
      <c r="C519" s="1106"/>
      <c r="D519" s="1106"/>
      <c r="E519" s="1106"/>
      <c r="F519" s="1106"/>
      <c r="G519" s="1106"/>
      <c r="H519" s="1106"/>
      <c r="I519" s="1106"/>
      <c r="J519" s="1106"/>
      <c r="K519" s="1106"/>
      <c r="L519" s="1106"/>
      <c r="M519" s="1106"/>
      <c r="N519" s="1106"/>
      <c r="O519" s="1106"/>
      <c r="AB519" s="1106"/>
      <c r="AC519" s="1106"/>
      <c r="AD519" s="1106"/>
      <c r="AE519" s="1106"/>
      <c r="AF519" s="1106"/>
      <c r="AG519" s="1106"/>
      <c r="AH519" s="1106"/>
      <c r="AL519" s="1106"/>
      <c r="AZ519" s="1106"/>
      <c r="BA519" s="1106"/>
      <c r="BB519" s="1106"/>
      <c r="BC519" s="1106"/>
      <c r="BD519" s="1106"/>
      <c r="BE519" s="1106"/>
      <c r="BF519" s="1106"/>
      <c r="BG519" s="1106"/>
      <c r="BH519" s="1106"/>
      <c r="BI519" s="1106"/>
      <c r="BJ519" s="1106"/>
      <c r="BK519" s="1106"/>
      <c r="BL519" s="1106"/>
      <c r="BM519" s="1106"/>
      <c r="BN519" s="1106"/>
      <c r="BO519" s="1106"/>
      <c r="BP519" s="1106"/>
      <c r="BQ519" s="1106"/>
      <c r="BR519" s="1106"/>
      <c r="BS519" s="1106"/>
      <c r="BT519" s="1106"/>
      <c r="BU519" s="1106"/>
      <c r="BV519" s="1106"/>
      <c r="BW519" s="1106"/>
      <c r="BX519" s="1106"/>
      <c r="BY519" s="1106"/>
      <c r="BZ519" s="1106"/>
      <c r="CA519" s="1106"/>
    </row>
    <row r="520" spans="3:79" ht="9" customHeight="1" x14ac:dyDescent="0.2">
      <c r="C520" s="1106"/>
      <c r="D520" s="1106"/>
      <c r="E520" s="1106"/>
      <c r="F520" s="1106"/>
      <c r="G520" s="1106"/>
      <c r="H520" s="1106"/>
      <c r="I520" s="1106"/>
      <c r="J520" s="1106"/>
      <c r="K520" s="1106"/>
      <c r="L520" s="1106"/>
      <c r="M520" s="1106"/>
      <c r="N520" s="1106"/>
      <c r="O520" s="1106"/>
      <c r="U520" s="1106"/>
      <c r="AB520" s="1106"/>
      <c r="AC520" s="1106"/>
      <c r="AD520" s="1106"/>
      <c r="AE520" s="1106"/>
      <c r="AF520" s="1106"/>
      <c r="AG520" s="1106"/>
      <c r="AH520" s="1106"/>
      <c r="AL520" s="1106"/>
      <c r="AT520" s="1106"/>
      <c r="AU520" s="1106"/>
      <c r="AV520" s="1106"/>
      <c r="AW520" s="1106"/>
      <c r="AX520" s="1106"/>
      <c r="AY520" s="1106"/>
      <c r="AZ520" s="1106"/>
      <c r="BA520" s="1106"/>
      <c r="BB520" s="1106"/>
      <c r="BC520" s="1106"/>
      <c r="BD520" s="1106"/>
      <c r="BE520" s="1106"/>
      <c r="BF520" s="1106"/>
      <c r="BG520" s="1106"/>
      <c r="BH520" s="1106"/>
      <c r="BI520" s="1106"/>
      <c r="BJ520" s="1106"/>
      <c r="BK520" s="1106"/>
      <c r="BL520" s="1106"/>
      <c r="BM520" s="1106"/>
      <c r="BN520" s="1106"/>
      <c r="BO520" s="1106"/>
      <c r="BP520" s="1106"/>
      <c r="BQ520" s="1106"/>
      <c r="BR520" s="1106"/>
      <c r="BS520" s="1106"/>
      <c r="BT520" s="1106"/>
      <c r="BU520" s="1106"/>
      <c r="BV520" s="1106"/>
      <c r="BW520" s="1106"/>
      <c r="BX520" s="1106"/>
      <c r="BY520" s="1106"/>
      <c r="BZ520" s="1106"/>
      <c r="CA520" s="1106"/>
    </row>
    <row r="521" spans="3:79" ht="9" customHeight="1" x14ac:dyDescent="0.2">
      <c r="C521" s="1106"/>
      <c r="D521" s="1106"/>
      <c r="E521" s="1106"/>
      <c r="F521" s="1106"/>
      <c r="G521" s="1106"/>
      <c r="H521" s="1106"/>
      <c r="I521" s="1106"/>
      <c r="J521" s="1106"/>
      <c r="K521" s="1106"/>
      <c r="L521" s="1106"/>
      <c r="M521" s="1106"/>
      <c r="N521" s="1106"/>
      <c r="O521" s="1106"/>
      <c r="U521" s="1106"/>
      <c r="AB521" s="1106"/>
      <c r="AC521" s="1106"/>
      <c r="AD521" s="1106"/>
      <c r="AE521" s="1106"/>
      <c r="AF521" s="1106"/>
      <c r="AG521" s="1106"/>
      <c r="AH521" s="1106"/>
      <c r="AL521" s="1106"/>
      <c r="AO521" s="1106"/>
      <c r="AP521" s="1106"/>
      <c r="AT521" s="1106"/>
      <c r="AU521" s="1106"/>
      <c r="AV521" s="1106"/>
      <c r="AW521" s="1106"/>
      <c r="AX521" s="1106"/>
      <c r="AY521" s="1106"/>
      <c r="AZ521" s="1106"/>
      <c r="BA521" s="1106"/>
      <c r="BB521" s="1106"/>
      <c r="BC521" s="1106"/>
      <c r="BD521" s="1106"/>
      <c r="BE521" s="1106"/>
      <c r="BF521" s="1106"/>
      <c r="BG521" s="1106"/>
      <c r="BH521" s="1106"/>
      <c r="BI521" s="1106"/>
      <c r="BJ521" s="1106"/>
      <c r="BK521" s="1106"/>
      <c r="BL521" s="1106"/>
      <c r="BM521" s="1106"/>
      <c r="BN521" s="1106"/>
      <c r="BO521" s="1106"/>
      <c r="BP521" s="1106"/>
      <c r="BQ521" s="1106"/>
      <c r="BR521" s="1106"/>
      <c r="BS521" s="1106"/>
      <c r="BT521" s="1106"/>
      <c r="BU521" s="1106"/>
      <c r="BV521" s="1106"/>
      <c r="BW521" s="1106"/>
      <c r="BX521" s="1106"/>
      <c r="BY521" s="1106"/>
      <c r="BZ521" s="1106"/>
      <c r="CA521" s="1106"/>
    </row>
    <row r="522" spans="3:79" ht="9" customHeight="1" x14ac:dyDescent="0.2">
      <c r="C522" s="1106"/>
      <c r="D522" s="1106"/>
      <c r="E522" s="1106"/>
      <c r="F522" s="1106"/>
      <c r="G522" s="1106"/>
      <c r="H522" s="1106"/>
      <c r="I522" s="1106"/>
      <c r="J522" s="1106"/>
      <c r="K522" s="1106"/>
      <c r="L522" s="1106"/>
      <c r="M522" s="1106"/>
      <c r="N522" s="1106"/>
      <c r="O522" s="1106"/>
      <c r="U522" s="1106"/>
      <c r="AB522" s="1106"/>
      <c r="AC522" s="1106"/>
      <c r="AD522" s="1106"/>
      <c r="AE522" s="1106"/>
      <c r="AF522" s="1106"/>
      <c r="AG522" s="1106"/>
      <c r="AH522" s="1106"/>
      <c r="AL522" s="1106"/>
      <c r="AT522" s="1106"/>
      <c r="AU522" s="1106"/>
      <c r="AV522" s="1106"/>
      <c r="AW522" s="1106"/>
      <c r="AX522" s="1106"/>
      <c r="AY522" s="1106"/>
      <c r="AZ522" s="1106"/>
      <c r="BA522" s="1106"/>
      <c r="BB522" s="1106"/>
      <c r="BC522" s="1106"/>
      <c r="BD522" s="1106"/>
      <c r="BE522" s="1106"/>
      <c r="BF522" s="1106"/>
      <c r="BG522" s="1106"/>
      <c r="BH522" s="1106"/>
      <c r="BI522" s="1106"/>
      <c r="BJ522" s="1106"/>
      <c r="BK522" s="1106"/>
      <c r="BL522" s="1106"/>
      <c r="BM522" s="1106"/>
      <c r="BN522" s="1106"/>
      <c r="BO522" s="1106"/>
      <c r="BP522" s="1106"/>
      <c r="BQ522" s="1106"/>
      <c r="BR522" s="1106"/>
      <c r="BS522" s="1106"/>
      <c r="BT522" s="1106"/>
      <c r="BU522" s="1106"/>
      <c r="BV522" s="1106"/>
      <c r="BW522" s="1106"/>
      <c r="BX522" s="1106"/>
      <c r="BY522" s="1106"/>
      <c r="BZ522" s="1106"/>
      <c r="CA522" s="1106"/>
    </row>
    <row r="523" spans="3:79" ht="9" customHeight="1" x14ac:dyDescent="0.2">
      <c r="C523" s="1106"/>
      <c r="D523" s="1106"/>
      <c r="E523" s="1106"/>
      <c r="F523" s="1106"/>
      <c r="G523" s="1106"/>
      <c r="H523" s="1106"/>
      <c r="I523" s="1106"/>
      <c r="J523" s="1106"/>
      <c r="K523" s="1106"/>
      <c r="L523" s="1106"/>
      <c r="M523" s="1106"/>
      <c r="N523" s="1106"/>
      <c r="O523" s="1106"/>
      <c r="AB523" s="1106"/>
      <c r="AC523" s="1106"/>
      <c r="AD523" s="1106"/>
      <c r="AE523" s="1106"/>
      <c r="AF523" s="1106"/>
      <c r="AG523" s="1106"/>
      <c r="AH523" s="1106"/>
      <c r="AL523" s="1106"/>
      <c r="AZ523" s="1106"/>
      <c r="BA523" s="1106"/>
      <c r="BB523" s="1106"/>
      <c r="BC523" s="1106"/>
      <c r="BD523" s="1106"/>
      <c r="BE523" s="1106"/>
      <c r="BF523" s="1106"/>
      <c r="BG523" s="1106"/>
      <c r="BH523" s="1106"/>
      <c r="BI523" s="1106"/>
      <c r="BJ523" s="1106"/>
      <c r="BK523" s="1106"/>
      <c r="BL523" s="1106"/>
      <c r="BM523" s="1106"/>
      <c r="BN523" s="1106"/>
      <c r="BO523" s="1106"/>
      <c r="BP523" s="1106"/>
      <c r="BQ523" s="1106"/>
      <c r="BR523" s="1106"/>
      <c r="BS523" s="1106"/>
      <c r="BT523" s="1106"/>
      <c r="BU523" s="1106"/>
      <c r="BV523" s="1106"/>
      <c r="BW523" s="1106"/>
      <c r="BX523" s="1106"/>
      <c r="BY523" s="1106"/>
      <c r="BZ523" s="1106"/>
      <c r="CA523" s="1106"/>
    </row>
    <row r="524" spans="3:79" ht="9" customHeight="1" x14ac:dyDescent="0.2">
      <c r="C524" s="1106"/>
      <c r="D524" s="1106"/>
      <c r="E524" s="1106"/>
      <c r="F524" s="1106"/>
      <c r="G524" s="1106"/>
      <c r="H524" s="1106"/>
      <c r="I524" s="1106"/>
      <c r="J524" s="1106"/>
      <c r="K524" s="1106"/>
      <c r="L524" s="1106"/>
      <c r="M524" s="1106"/>
      <c r="N524" s="1106"/>
      <c r="O524" s="1106"/>
      <c r="AB524" s="1106"/>
      <c r="AC524" s="1106"/>
      <c r="AD524" s="1106"/>
      <c r="AE524" s="1106"/>
      <c r="AF524" s="1106"/>
      <c r="AG524" s="1106"/>
      <c r="AH524" s="1106"/>
      <c r="AL524" s="1106"/>
      <c r="AZ524" s="1106"/>
      <c r="BA524" s="1106"/>
      <c r="BB524" s="1106"/>
      <c r="BC524" s="1106"/>
      <c r="BD524" s="1106"/>
      <c r="BE524" s="1106"/>
      <c r="BF524" s="1106"/>
      <c r="BG524" s="1106"/>
      <c r="BH524" s="1106"/>
      <c r="BI524" s="1106"/>
      <c r="BJ524" s="1106"/>
      <c r="BK524" s="1106"/>
      <c r="BL524" s="1106"/>
      <c r="BM524" s="1106"/>
      <c r="BN524" s="1106"/>
      <c r="BO524" s="1106"/>
      <c r="BP524" s="1106"/>
      <c r="BQ524" s="1106"/>
      <c r="BR524" s="1106"/>
      <c r="BS524" s="1106"/>
      <c r="BT524" s="1106"/>
      <c r="BU524" s="1106"/>
      <c r="BV524" s="1106"/>
      <c r="BW524" s="1106"/>
      <c r="BX524" s="1106"/>
      <c r="BY524" s="1106"/>
      <c r="BZ524" s="1106"/>
      <c r="CA524" s="1106"/>
    </row>
    <row r="525" spans="3:79" ht="9" customHeight="1" x14ac:dyDescent="0.2">
      <c r="C525" s="1106"/>
      <c r="D525" s="1106"/>
      <c r="E525" s="1106"/>
      <c r="F525" s="1106"/>
      <c r="G525" s="1106"/>
      <c r="H525" s="1106"/>
      <c r="I525" s="1106"/>
      <c r="J525" s="1106"/>
      <c r="K525" s="1106"/>
      <c r="L525" s="1106"/>
      <c r="M525" s="1106"/>
      <c r="N525" s="1106"/>
      <c r="O525" s="1106"/>
      <c r="AB525" s="1106"/>
      <c r="AC525" s="1106"/>
      <c r="AD525" s="1106"/>
      <c r="AE525" s="1106"/>
      <c r="AF525" s="1106"/>
      <c r="AG525" s="1106"/>
      <c r="AH525" s="1106"/>
      <c r="AL525" s="1106"/>
      <c r="AZ525" s="1106"/>
      <c r="BA525" s="1106"/>
      <c r="BB525" s="1106"/>
      <c r="BC525" s="1106"/>
      <c r="BD525" s="1106"/>
      <c r="BE525" s="1106"/>
      <c r="BF525" s="1106"/>
      <c r="BG525" s="1106"/>
      <c r="BH525" s="1106"/>
      <c r="BI525" s="1106"/>
      <c r="BJ525" s="1106"/>
      <c r="BK525" s="1106"/>
      <c r="BL525" s="1106"/>
      <c r="BM525" s="1106"/>
      <c r="BN525" s="1106"/>
      <c r="BO525" s="1106"/>
      <c r="BP525" s="1106"/>
      <c r="BQ525" s="1106"/>
      <c r="BR525" s="1106"/>
      <c r="BS525" s="1106"/>
      <c r="BT525" s="1106"/>
      <c r="BU525" s="1106"/>
      <c r="BV525" s="1106"/>
      <c r="BW525" s="1106"/>
      <c r="BX525" s="1106"/>
      <c r="BY525" s="1106"/>
      <c r="BZ525" s="1106"/>
      <c r="CA525" s="1106"/>
    </row>
    <row r="526" spans="3:79" ht="9" customHeight="1" x14ac:dyDescent="0.2">
      <c r="C526" s="1106"/>
      <c r="D526" s="1106"/>
      <c r="E526" s="1106"/>
      <c r="F526" s="1106"/>
      <c r="G526" s="1106"/>
      <c r="H526" s="1106"/>
      <c r="I526" s="1106"/>
      <c r="J526" s="1106"/>
      <c r="K526" s="1106"/>
      <c r="L526" s="1106"/>
      <c r="M526" s="1106"/>
      <c r="N526" s="1106"/>
      <c r="O526" s="1106"/>
      <c r="U526" s="1106"/>
      <c r="AB526" s="1106"/>
      <c r="AC526" s="1106"/>
      <c r="AD526" s="1106"/>
      <c r="AE526" s="1106"/>
      <c r="AF526" s="1106"/>
      <c r="AG526" s="1106"/>
      <c r="AH526" s="1106"/>
      <c r="AL526" s="1106"/>
      <c r="AT526" s="1106"/>
      <c r="AU526" s="1106"/>
      <c r="AV526" s="1106"/>
      <c r="AW526" s="1106"/>
      <c r="AX526" s="1106"/>
      <c r="AY526" s="1106"/>
      <c r="AZ526" s="1106"/>
      <c r="BA526" s="1106"/>
      <c r="BB526" s="1106"/>
      <c r="BC526" s="1106"/>
      <c r="BD526" s="1106"/>
      <c r="BE526" s="1106"/>
      <c r="BF526" s="1106"/>
      <c r="BG526" s="1106"/>
      <c r="BH526" s="1106"/>
      <c r="BI526" s="1106"/>
      <c r="BJ526" s="1106"/>
      <c r="BK526" s="1106"/>
      <c r="BL526" s="1106"/>
      <c r="BM526" s="1106"/>
      <c r="BN526" s="1106"/>
      <c r="BO526" s="1106"/>
      <c r="BP526" s="1106"/>
      <c r="BQ526" s="1106"/>
      <c r="BR526" s="1106"/>
      <c r="BS526" s="1106"/>
      <c r="BT526" s="1106"/>
      <c r="BU526" s="1106"/>
      <c r="BV526" s="1106"/>
      <c r="BW526" s="1106"/>
      <c r="BX526" s="1106"/>
      <c r="BY526" s="1106"/>
      <c r="BZ526" s="1106"/>
      <c r="CA526" s="1106"/>
    </row>
    <row r="527" spans="3:79" ht="9" customHeight="1" x14ac:dyDescent="0.2">
      <c r="C527" s="1106"/>
      <c r="D527" s="1106"/>
      <c r="E527" s="1106"/>
      <c r="F527" s="1106"/>
      <c r="G527" s="1106"/>
      <c r="H527" s="1106"/>
      <c r="I527" s="1106"/>
      <c r="J527" s="1106"/>
      <c r="K527" s="1106"/>
      <c r="L527" s="1106"/>
      <c r="M527" s="1106"/>
      <c r="N527" s="1106"/>
      <c r="O527" s="1106"/>
      <c r="U527" s="1106"/>
      <c r="AB527" s="1106"/>
      <c r="AC527" s="1106"/>
      <c r="AD527" s="1106"/>
      <c r="AE527" s="1106"/>
      <c r="AF527" s="1106"/>
      <c r="AG527" s="1106"/>
      <c r="AH527" s="1106"/>
      <c r="AL527" s="1106"/>
      <c r="AO527" s="1106"/>
      <c r="AP527" s="1106"/>
      <c r="AT527" s="1106"/>
      <c r="AU527" s="1106"/>
      <c r="AV527" s="1106"/>
      <c r="AW527" s="1106"/>
      <c r="AX527" s="1106"/>
      <c r="AY527" s="1106"/>
      <c r="AZ527" s="1106"/>
      <c r="BA527" s="1106"/>
      <c r="BB527" s="1106"/>
      <c r="BC527" s="1106"/>
      <c r="BD527" s="1106"/>
      <c r="BE527" s="1106"/>
      <c r="BF527" s="1106"/>
      <c r="BG527" s="1106"/>
      <c r="BH527" s="1106"/>
      <c r="BI527" s="1106"/>
      <c r="BJ527" s="1106"/>
      <c r="BK527" s="1106"/>
      <c r="BL527" s="1106"/>
      <c r="BM527" s="1106"/>
      <c r="BN527" s="1106"/>
      <c r="BO527" s="1106"/>
      <c r="BP527" s="1106"/>
      <c r="BQ527" s="1106"/>
      <c r="BR527" s="1106"/>
      <c r="BS527" s="1106"/>
      <c r="BT527" s="1106"/>
      <c r="BU527" s="1106"/>
      <c r="BV527" s="1106"/>
      <c r="BW527" s="1106"/>
      <c r="BX527" s="1106"/>
      <c r="BY527" s="1106"/>
      <c r="BZ527" s="1106"/>
      <c r="CA527" s="1106"/>
    </row>
    <row r="528" spans="3:79" ht="9" customHeight="1" x14ac:dyDescent="0.2">
      <c r="C528" s="1106"/>
      <c r="D528" s="1106"/>
      <c r="E528" s="1106"/>
      <c r="F528" s="1106"/>
      <c r="G528" s="1106"/>
      <c r="H528" s="1106"/>
      <c r="I528" s="1106"/>
      <c r="J528" s="1106"/>
      <c r="K528" s="1106"/>
      <c r="L528" s="1106"/>
      <c r="M528" s="1106"/>
      <c r="N528" s="1106"/>
      <c r="O528" s="1106"/>
      <c r="U528" s="1106"/>
      <c r="AB528" s="1106"/>
      <c r="AC528" s="1106"/>
      <c r="AD528" s="1106"/>
      <c r="AE528" s="1106"/>
      <c r="AF528" s="1106"/>
      <c r="AG528" s="1106"/>
      <c r="AH528" s="1106"/>
      <c r="AL528" s="1106"/>
      <c r="AT528" s="1106"/>
      <c r="AU528" s="1106"/>
      <c r="AV528" s="1106"/>
      <c r="AW528" s="1106"/>
      <c r="AX528" s="1106"/>
      <c r="AY528" s="1106"/>
      <c r="AZ528" s="1106"/>
      <c r="BA528" s="1106"/>
      <c r="BB528" s="1106"/>
      <c r="BC528" s="1106"/>
      <c r="BD528" s="1106"/>
      <c r="BE528" s="1106"/>
      <c r="BF528" s="1106"/>
      <c r="BG528" s="1106"/>
      <c r="BH528" s="1106"/>
      <c r="BI528" s="1106"/>
      <c r="BJ528" s="1106"/>
      <c r="BK528" s="1106"/>
      <c r="BL528" s="1106"/>
      <c r="BM528" s="1106"/>
      <c r="BN528" s="1106"/>
      <c r="BO528" s="1106"/>
      <c r="BP528" s="1106"/>
      <c r="BQ528" s="1106"/>
      <c r="BR528" s="1106"/>
      <c r="BS528" s="1106"/>
      <c r="BT528" s="1106"/>
      <c r="BU528" s="1106"/>
      <c r="BV528" s="1106"/>
      <c r="BW528" s="1106"/>
      <c r="BX528" s="1106"/>
      <c r="BY528" s="1106"/>
      <c r="BZ528" s="1106"/>
      <c r="CA528" s="1106"/>
    </row>
    <row r="529" spans="3:79" ht="9" customHeight="1" x14ac:dyDescent="0.2">
      <c r="C529" s="1106"/>
      <c r="D529" s="1106"/>
      <c r="E529" s="1106"/>
      <c r="F529" s="1106"/>
      <c r="G529" s="1106"/>
      <c r="H529" s="1106"/>
      <c r="I529" s="1106"/>
      <c r="J529" s="1106"/>
      <c r="K529" s="1106"/>
      <c r="L529" s="1106"/>
      <c r="M529" s="1106"/>
      <c r="N529" s="1106"/>
      <c r="O529" s="1106"/>
      <c r="AB529" s="1106"/>
      <c r="AC529" s="1106"/>
      <c r="AD529" s="1106"/>
      <c r="AE529" s="1106"/>
      <c r="AF529" s="1106"/>
      <c r="AG529" s="1106"/>
      <c r="AH529" s="1106"/>
      <c r="AL529" s="1106"/>
      <c r="AZ529" s="1106"/>
      <c r="BA529" s="1106"/>
      <c r="BB529" s="1106"/>
      <c r="BC529" s="1106"/>
      <c r="BD529" s="1106"/>
      <c r="BE529" s="1106"/>
      <c r="BF529" s="1106"/>
      <c r="BG529" s="1106"/>
      <c r="BH529" s="1106"/>
      <c r="BI529" s="1106"/>
      <c r="BJ529" s="1106"/>
      <c r="BK529" s="1106"/>
      <c r="BL529" s="1106"/>
      <c r="BM529" s="1106"/>
      <c r="BN529" s="1106"/>
      <c r="BO529" s="1106"/>
      <c r="BP529" s="1106"/>
      <c r="BQ529" s="1106"/>
      <c r="BR529" s="1106"/>
      <c r="BS529" s="1106"/>
      <c r="BT529" s="1106"/>
      <c r="BU529" s="1106"/>
      <c r="BV529" s="1106"/>
      <c r="BW529" s="1106"/>
      <c r="BX529" s="1106"/>
      <c r="BY529" s="1106"/>
      <c r="BZ529" s="1106"/>
      <c r="CA529" s="1106"/>
    </row>
    <row r="530" spans="3:79" ht="9" customHeight="1" x14ac:dyDescent="0.2">
      <c r="C530" s="1106"/>
      <c r="D530" s="1106"/>
      <c r="E530" s="1106"/>
      <c r="F530" s="1106"/>
      <c r="G530" s="1106"/>
      <c r="H530" s="1106"/>
      <c r="I530" s="1106"/>
      <c r="J530" s="1106"/>
      <c r="K530" s="1106"/>
      <c r="L530" s="1106"/>
      <c r="M530" s="1106"/>
      <c r="N530" s="1106"/>
      <c r="O530" s="1106"/>
      <c r="AB530" s="1106"/>
      <c r="AC530" s="1106"/>
      <c r="AD530" s="1106"/>
      <c r="AE530" s="1106"/>
      <c r="AF530" s="1106"/>
      <c r="AG530" s="1106"/>
      <c r="AH530" s="1106"/>
      <c r="AL530" s="1106"/>
      <c r="AZ530" s="1106"/>
      <c r="BA530" s="1106"/>
      <c r="BB530" s="1106"/>
      <c r="BC530" s="1106"/>
      <c r="BD530" s="1106"/>
      <c r="BE530" s="1106"/>
      <c r="BF530" s="1106"/>
      <c r="BG530" s="1106"/>
      <c r="BH530" s="1106"/>
      <c r="BI530" s="1106"/>
      <c r="BJ530" s="1106"/>
      <c r="BK530" s="1106"/>
      <c r="BL530" s="1106"/>
      <c r="BM530" s="1106"/>
      <c r="BN530" s="1106"/>
      <c r="BO530" s="1106"/>
      <c r="BP530" s="1106"/>
      <c r="BQ530" s="1106"/>
      <c r="BR530" s="1106"/>
      <c r="BS530" s="1106"/>
      <c r="BT530" s="1106"/>
      <c r="BU530" s="1106"/>
      <c r="BV530" s="1106"/>
      <c r="BW530" s="1106"/>
      <c r="BX530" s="1106"/>
      <c r="BY530" s="1106"/>
      <c r="BZ530" s="1106"/>
      <c r="CA530" s="1106"/>
    </row>
    <row r="531" spans="3:79" ht="9" customHeight="1" x14ac:dyDescent="0.2">
      <c r="C531" s="1106"/>
      <c r="D531" s="1106"/>
      <c r="E531" s="1106"/>
      <c r="F531" s="1106"/>
      <c r="G531" s="1106"/>
      <c r="H531" s="1106"/>
      <c r="I531" s="1106"/>
      <c r="J531" s="1106"/>
      <c r="K531" s="1106"/>
      <c r="L531" s="1106"/>
      <c r="M531" s="1106"/>
      <c r="N531" s="1106"/>
      <c r="O531" s="1106"/>
      <c r="AB531" s="1106"/>
      <c r="AC531" s="1106"/>
      <c r="AD531" s="1106"/>
      <c r="AE531" s="1106"/>
      <c r="AF531" s="1106"/>
      <c r="AG531" s="1106"/>
      <c r="AH531" s="1106"/>
      <c r="AL531" s="1106"/>
      <c r="AZ531" s="1106"/>
      <c r="BA531" s="1106"/>
      <c r="BB531" s="1106"/>
      <c r="BC531" s="1106"/>
      <c r="BD531" s="1106"/>
      <c r="BE531" s="1106"/>
      <c r="BF531" s="1106"/>
      <c r="BG531" s="1106"/>
      <c r="BH531" s="1106"/>
      <c r="BI531" s="1106"/>
      <c r="BJ531" s="1106"/>
      <c r="BK531" s="1106"/>
      <c r="BL531" s="1106"/>
      <c r="BM531" s="1106"/>
      <c r="BN531" s="1106"/>
      <c r="BO531" s="1106"/>
      <c r="BP531" s="1106"/>
      <c r="BQ531" s="1106"/>
      <c r="BR531" s="1106"/>
      <c r="BS531" s="1106"/>
      <c r="BT531" s="1106"/>
      <c r="BU531" s="1106"/>
      <c r="BV531" s="1106"/>
      <c r="BW531" s="1106"/>
      <c r="BX531" s="1106"/>
      <c r="BY531" s="1106"/>
      <c r="BZ531" s="1106"/>
      <c r="CA531" s="1106"/>
    </row>
    <row r="532" spans="3:79" ht="9" customHeight="1" x14ac:dyDescent="0.2">
      <c r="C532" s="1106"/>
      <c r="D532" s="1106"/>
      <c r="E532" s="1106"/>
      <c r="F532" s="1106"/>
      <c r="G532" s="1106"/>
      <c r="H532" s="1106"/>
      <c r="I532" s="1106"/>
      <c r="J532" s="1106"/>
      <c r="K532" s="1106"/>
      <c r="L532" s="1106"/>
      <c r="M532" s="1106"/>
      <c r="N532" s="1106"/>
      <c r="O532" s="1106"/>
      <c r="U532" s="1106"/>
      <c r="AB532" s="1106"/>
      <c r="AC532" s="1106"/>
      <c r="AD532" s="1106"/>
      <c r="AE532" s="1106"/>
      <c r="AF532" s="1106"/>
      <c r="AG532" s="1106"/>
      <c r="AH532" s="1106"/>
      <c r="AL532" s="1106"/>
      <c r="AT532" s="1106"/>
      <c r="AU532" s="1106"/>
      <c r="AV532" s="1106"/>
      <c r="AW532" s="1106"/>
      <c r="AX532" s="1106"/>
      <c r="AY532" s="1106"/>
      <c r="AZ532" s="1106"/>
      <c r="BA532" s="1106"/>
      <c r="BB532" s="1106"/>
      <c r="BC532" s="1106"/>
      <c r="BD532" s="1106"/>
      <c r="BE532" s="1106"/>
      <c r="BF532" s="1106"/>
      <c r="BG532" s="1106"/>
      <c r="BH532" s="1106"/>
      <c r="BI532" s="1106"/>
      <c r="BJ532" s="1106"/>
      <c r="BK532" s="1106"/>
      <c r="BL532" s="1106"/>
      <c r="BM532" s="1106"/>
      <c r="BN532" s="1106"/>
      <c r="BO532" s="1106"/>
      <c r="BP532" s="1106"/>
      <c r="BQ532" s="1106"/>
      <c r="BR532" s="1106"/>
      <c r="BS532" s="1106"/>
      <c r="BT532" s="1106"/>
      <c r="BU532" s="1106"/>
      <c r="BV532" s="1106"/>
      <c r="BW532" s="1106"/>
      <c r="BX532" s="1106"/>
      <c r="BY532" s="1106"/>
      <c r="BZ532" s="1106"/>
      <c r="CA532" s="1106"/>
    </row>
    <row r="533" spans="3:79" ht="9" customHeight="1" x14ac:dyDescent="0.2">
      <c r="C533" s="1106"/>
      <c r="D533" s="1106"/>
      <c r="E533" s="1106"/>
      <c r="F533" s="1106"/>
      <c r="G533" s="1106"/>
      <c r="H533" s="1106"/>
      <c r="I533" s="1106"/>
      <c r="J533" s="1106"/>
      <c r="K533" s="1106"/>
      <c r="L533" s="1106"/>
      <c r="M533" s="1106"/>
      <c r="N533" s="1106"/>
      <c r="O533" s="1106"/>
      <c r="U533" s="1106"/>
      <c r="AB533" s="1106"/>
      <c r="AC533" s="1106"/>
      <c r="AD533" s="1106"/>
      <c r="AE533" s="1106"/>
      <c r="AF533" s="1106"/>
      <c r="AG533" s="1106"/>
      <c r="AH533" s="1106"/>
      <c r="AL533" s="1106"/>
      <c r="AO533" s="1106"/>
      <c r="AP533" s="1106"/>
      <c r="AT533" s="1106"/>
      <c r="AU533" s="1106"/>
      <c r="AV533" s="1106"/>
      <c r="AW533" s="1106"/>
      <c r="AX533" s="1106"/>
      <c r="AY533" s="1106"/>
      <c r="AZ533" s="1106"/>
      <c r="BA533" s="1106"/>
      <c r="BB533" s="1106"/>
      <c r="BC533" s="1106"/>
      <c r="BD533" s="1106"/>
      <c r="BE533" s="1106"/>
      <c r="BF533" s="1106"/>
      <c r="BG533" s="1106"/>
      <c r="BH533" s="1106"/>
      <c r="BI533" s="1106"/>
      <c r="BJ533" s="1106"/>
      <c r="BK533" s="1106"/>
      <c r="BL533" s="1106"/>
      <c r="BM533" s="1106"/>
      <c r="BN533" s="1106"/>
      <c r="BO533" s="1106"/>
      <c r="BP533" s="1106"/>
      <c r="BQ533" s="1106"/>
      <c r="BR533" s="1106"/>
      <c r="BS533" s="1106"/>
      <c r="BT533" s="1106"/>
      <c r="BU533" s="1106"/>
      <c r="BV533" s="1106"/>
      <c r="BW533" s="1106"/>
      <c r="BX533" s="1106"/>
      <c r="BY533" s="1106"/>
      <c r="BZ533" s="1106"/>
      <c r="CA533" s="1106"/>
    </row>
    <row r="534" spans="3:79" ht="9" customHeight="1" x14ac:dyDescent="0.2">
      <c r="C534" s="1106"/>
      <c r="D534" s="1106"/>
      <c r="E534" s="1106"/>
      <c r="F534" s="1106"/>
      <c r="G534" s="1106"/>
      <c r="H534" s="1106"/>
      <c r="I534" s="1106"/>
      <c r="J534" s="1106"/>
      <c r="K534" s="1106"/>
      <c r="L534" s="1106"/>
      <c r="M534" s="1106"/>
      <c r="N534" s="1106"/>
      <c r="O534" s="1106"/>
      <c r="U534" s="1106"/>
      <c r="AB534" s="1106"/>
      <c r="AC534" s="1106"/>
      <c r="AD534" s="1106"/>
      <c r="AE534" s="1106"/>
      <c r="AF534" s="1106"/>
      <c r="AG534" s="1106"/>
      <c r="AH534" s="1106"/>
      <c r="AL534" s="1106"/>
      <c r="AT534" s="1106"/>
      <c r="AU534" s="1106"/>
      <c r="AV534" s="1106"/>
      <c r="AW534" s="1106"/>
      <c r="AX534" s="1106"/>
      <c r="AY534" s="1106"/>
      <c r="AZ534" s="1106"/>
      <c r="BA534" s="1106"/>
      <c r="BB534" s="1106"/>
      <c r="BC534" s="1106"/>
      <c r="BD534" s="1106"/>
      <c r="BE534" s="1106"/>
      <c r="BF534" s="1106"/>
      <c r="BG534" s="1106"/>
      <c r="BH534" s="1106"/>
      <c r="BI534" s="1106"/>
      <c r="BJ534" s="1106"/>
      <c r="BK534" s="1106"/>
      <c r="BL534" s="1106"/>
      <c r="BM534" s="1106"/>
      <c r="BN534" s="1106"/>
      <c r="BO534" s="1106"/>
      <c r="BP534" s="1106"/>
      <c r="BQ534" s="1106"/>
      <c r="BR534" s="1106"/>
      <c r="BS534" s="1106"/>
      <c r="BT534" s="1106"/>
      <c r="BU534" s="1106"/>
      <c r="BV534" s="1106"/>
      <c r="BW534" s="1106"/>
      <c r="BX534" s="1106"/>
      <c r="BY534" s="1106"/>
      <c r="BZ534" s="1106"/>
      <c r="CA534" s="1106"/>
    </row>
    <row r="535" spans="3:79" ht="9" customHeight="1" x14ac:dyDescent="0.2">
      <c r="C535" s="1106"/>
      <c r="D535" s="1106"/>
      <c r="E535" s="1106"/>
      <c r="F535" s="1106"/>
      <c r="G535" s="1106"/>
      <c r="H535" s="1106"/>
      <c r="I535" s="1106"/>
      <c r="J535" s="1106"/>
      <c r="K535" s="1106"/>
      <c r="L535" s="1106"/>
      <c r="M535" s="1106"/>
      <c r="N535" s="1106"/>
      <c r="O535" s="1106"/>
      <c r="AB535" s="1106"/>
      <c r="AC535" s="1106"/>
      <c r="AD535" s="1106"/>
      <c r="AE535" s="1106"/>
      <c r="AF535" s="1106"/>
      <c r="AG535" s="1106"/>
      <c r="AH535" s="1106"/>
      <c r="AL535" s="1106"/>
      <c r="AZ535" s="1106"/>
      <c r="BA535" s="1106"/>
      <c r="BB535" s="1106"/>
      <c r="BC535" s="1106"/>
      <c r="BD535" s="1106"/>
      <c r="BE535" s="1106"/>
      <c r="BF535" s="1106"/>
      <c r="BG535" s="1106"/>
      <c r="BH535" s="1106"/>
      <c r="BI535" s="1106"/>
      <c r="BJ535" s="1106"/>
      <c r="BK535" s="1106"/>
      <c r="BL535" s="1106"/>
      <c r="BM535" s="1106"/>
      <c r="BN535" s="1106"/>
      <c r="BO535" s="1106"/>
      <c r="BP535" s="1106"/>
      <c r="BQ535" s="1106"/>
      <c r="BR535" s="1106"/>
      <c r="BS535" s="1106"/>
      <c r="BT535" s="1106"/>
      <c r="BU535" s="1106"/>
      <c r="BV535" s="1106"/>
      <c r="BW535" s="1106"/>
      <c r="BX535" s="1106"/>
      <c r="BY535" s="1106"/>
      <c r="BZ535" s="1106"/>
      <c r="CA535" s="1106"/>
    </row>
    <row r="536" spans="3:79" ht="9" customHeight="1" x14ac:dyDescent="0.2">
      <c r="C536" s="1106"/>
      <c r="D536" s="1106"/>
      <c r="E536" s="1106"/>
      <c r="F536" s="1106"/>
      <c r="G536" s="1106"/>
      <c r="H536" s="1106"/>
      <c r="I536" s="1106"/>
      <c r="J536" s="1106"/>
      <c r="K536" s="1106"/>
      <c r="L536" s="1106"/>
      <c r="M536" s="1106"/>
      <c r="N536" s="1106"/>
      <c r="O536" s="1106"/>
      <c r="AB536" s="1106"/>
      <c r="AC536" s="1106"/>
      <c r="AD536" s="1106"/>
      <c r="AE536" s="1106"/>
      <c r="AF536" s="1106"/>
      <c r="AG536" s="1106"/>
      <c r="AH536" s="1106"/>
      <c r="AL536" s="1106"/>
      <c r="AZ536" s="1106"/>
      <c r="BA536" s="1106"/>
      <c r="BB536" s="1106"/>
      <c r="BC536" s="1106"/>
      <c r="BD536" s="1106"/>
      <c r="BE536" s="1106"/>
      <c r="BF536" s="1106"/>
      <c r="BG536" s="1106"/>
      <c r="BH536" s="1106"/>
      <c r="BI536" s="1106"/>
      <c r="BJ536" s="1106"/>
      <c r="BK536" s="1106"/>
      <c r="BL536" s="1106"/>
      <c r="BM536" s="1106"/>
      <c r="BN536" s="1106"/>
      <c r="BO536" s="1106"/>
      <c r="BP536" s="1106"/>
      <c r="BQ536" s="1106"/>
      <c r="BR536" s="1106"/>
      <c r="BS536" s="1106"/>
      <c r="BT536" s="1106"/>
      <c r="BU536" s="1106"/>
      <c r="BV536" s="1106"/>
      <c r="BW536" s="1106"/>
      <c r="BX536" s="1106"/>
      <c r="BY536" s="1106"/>
      <c r="BZ536" s="1106"/>
      <c r="CA536" s="1106"/>
    </row>
    <row r="537" spans="3:79" ht="9" customHeight="1" x14ac:dyDescent="0.2">
      <c r="C537" s="1106"/>
      <c r="D537" s="1106"/>
      <c r="E537" s="1106"/>
      <c r="F537" s="1106"/>
      <c r="G537" s="1106"/>
      <c r="H537" s="1106"/>
      <c r="I537" s="1106"/>
      <c r="J537" s="1106"/>
      <c r="K537" s="1106"/>
      <c r="L537" s="1106"/>
      <c r="M537" s="1106"/>
      <c r="N537" s="1106"/>
      <c r="O537" s="1106"/>
      <c r="AB537" s="1106"/>
      <c r="AC537" s="1106"/>
      <c r="AD537" s="1106"/>
      <c r="AE537" s="1106"/>
      <c r="AF537" s="1106"/>
      <c r="AG537" s="1106"/>
      <c r="AH537" s="1106"/>
      <c r="AL537" s="1106"/>
      <c r="AZ537" s="1106"/>
      <c r="BA537" s="1106"/>
      <c r="BB537" s="1106"/>
      <c r="BC537" s="1106"/>
      <c r="BD537" s="1106"/>
      <c r="BE537" s="1106"/>
      <c r="BF537" s="1106"/>
      <c r="BG537" s="1106"/>
      <c r="BH537" s="1106"/>
      <c r="BI537" s="1106"/>
      <c r="BJ537" s="1106"/>
      <c r="BK537" s="1106"/>
      <c r="BL537" s="1106"/>
      <c r="BM537" s="1106"/>
      <c r="BN537" s="1106"/>
      <c r="BO537" s="1106"/>
      <c r="BP537" s="1106"/>
      <c r="BQ537" s="1106"/>
      <c r="BR537" s="1106"/>
      <c r="BS537" s="1106"/>
      <c r="BT537" s="1106"/>
      <c r="BU537" s="1106"/>
      <c r="BV537" s="1106"/>
      <c r="BW537" s="1106"/>
      <c r="BX537" s="1106"/>
      <c r="BY537" s="1106"/>
      <c r="BZ537" s="1106"/>
      <c r="CA537" s="1106"/>
    </row>
    <row r="538" spans="3:79" ht="9" customHeight="1" x14ac:dyDescent="0.2">
      <c r="C538" s="1106"/>
      <c r="D538" s="1106"/>
      <c r="E538" s="1106"/>
      <c r="F538" s="1106"/>
      <c r="G538" s="1106"/>
      <c r="H538" s="1106"/>
      <c r="I538" s="1106"/>
      <c r="J538" s="1106"/>
      <c r="K538" s="1106"/>
      <c r="L538" s="1106"/>
      <c r="M538" s="1106"/>
      <c r="N538" s="1106"/>
      <c r="O538" s="1106"/>
      <c r="U538" s="1106"/>
      <c r="AB538" s="1106"/>
      <c r="AC538" s="1106"/>
      <c r="AD538" s="1106"/>
      <c r="AE538" s="1106"/>
      <c r="AF538" s="1106"/>
      <c r="AG538" s="1106"/>
      <c r="AH538" s="1106"/>
      <c r="AL538" s="1106"/>
      <c r="AT538" s="1106"/>
      <c r="AU538" s="1106"/>
      <c r="AV538" s="1106"/>
      <c r="AW538" s="1106"/>
      <c r="AX538" s="1106"/>
      <c r="AY538" s="1106"/>
      <c r="AZ538" s="1106"/>
      <c r="BA538" s="1106"/>
      <c r="BB538" s="1106"/>
      <c r="BC538" s="1106"/>
      <c r="BD538" s="1106"/>
      <c r="BE538" s="1106"/>
      <c r="BF538" s="1106"/>
      <c r="BG538" s="1106"/>
      <c r="BH538" s="1106"/>
      <c r="BI538" s="1106"/>
      <c r="BJ538" s="1106"/>
      <c r="BK538" s="1106"/>
      <c r="BL538" s="1106"/>
      <c r="BM538" s="1106"/>
      <c r="BN538" s="1106"/>
      <c r="BO538" s="1106"/>
      <c r="BP538" s="1106"/>
      <c r="BQ538" s="1106"/>
      <c r="BR538" s="1106"/>
      <c r="BS538" s="1106"/>
      <c r="BT538" s="1106"/>
      <c r="BU538" s="1106"/>
      <c r="BV538" s="1106"/>
      <c r="BW538" s="1106"/>
      <c r="BX538" s="1106"/>
      <c r="BY538" s="1106"/>
      <c r="BZ538" s="1106"/>
      <c r="CA538" s="1106"/>
    </row>
    <row r="539" spans="3:79" ht="9" customHeight="1" x14ac:dyDescent="0.2">
      <c r="C539" s="1106"/>
      <c r="D539" s="1106"/>
      <c r="E539" s="1106"/>
      <c r="F539" s="1106"/>
      <c r="G539" s="1106"/>
      <c r="H539" s="1106"/>
      <c r="I539" s="1106"/>
      <c r="J539" s="1106"/>
      <c r="K539" s="1106"/>
      <c r="L539" s="1106"/>
      <c r="M539" s="1106"/>
      <c r="N539" s="1106"/>
      <c r="O539" s="1106"/>
      <c r="U539" s="1106"/>
      <c r="AB539" s="1106"/>
      <c r="AC539" s="1106"/>
      <c r="AD539" s="1106"/>
      <c r="AE539" s="1106"/>
      <c r="AF539" s="1106"/>
      <c r="AG539" s="1106"/>
      <c r="AH539" s="1106"/>
      <c r="AL539" s="1106"/>
      <c r="AO539" s="1106"/>
      <c r="AP539" s="1106"/>
      <c r="AT539" s="1106"/>
      <c r="AU539" s="1106"/>
      <c r="AV539" s="1106"/>
      <c r="AW539" s="1106"/>
      <c r="AX539" s="1106"/>
      <c r="AY539" s="1106"/>
      <c r="AZ539" s="1106"/>
      <c r="BA539" s="1106"/>
      <c r="BB539" s="1106"/>
      <c r="BC539" s="1106"/>
      <c r="BD539" s="1106"/>
      <c r="BE539" s="1106"/>
      <c r="BF539" s="1106"/>
      <c r="BG539" s="1106"/>
      <c r="BH539" s="1106"/>
      <c r="BI539" s="1106"/>
      <c r="BJ539" s="1106"/>
      <c r="BK539" s="1106"/>
      <c r="BL539" s="1106"/>
      <c r="BM539" s="1106"/>
      <c r="BN539" s="1106"/>
      <c r="BO539" s="1106"/>
      <c r="BP539" s="1106"/>
      <c r="BQ539" s="1106"/>
      <c r="BR539" s="1106"/>
      <c r="BS539" s="1106"/>
      <c r="BT539" s="1106"/>
      <c r="BU539" s="1106"/>
      <c r="BV539" s="1106"/>
      <c r="BW539" s="1106"/>
      <c r="BX539" s="1106"/>
      <c r="BY539" s="1106"/>
      <c r="BZ539" s="1106"/>
      <c r="CA539" s="1106"/>
    </row>
    <row r="540" spans="3:79" ht="9" customHeight="1" x14ac:dyDescent="0.2">
      <c r="C540" s="1106"/>
      <c r="D540" s="1106"/>
      <c r="E540" s="1106"/>
      <c r="F540" s="1106"/>
      <c r="G540" s="1106"/>
      <c r="H540" s="1106"/>
      <c r="I540" s="1106"/>
      <c r="J540" s="1106"/>
      <c r="K540" s="1106"/>
      <c r="L540" s="1106"/>
      <c r="M540" s="1106"/>
      <c r="N540" s="1106"/>
      <c r="O540" s="1106"/>
      <c r="U540" s="1106"/>
      <c r="AB540" s="1106"/>
      <c r="AC540" s="1106"/>
      <c r="AD540" s="1106"/>
      <c r="AE540" s="1106"/>
      <c r="AF540" s="1106"/>
      <c r="AG540" s="1106"/>
      <c r="AH540" s="1106"/>
      <c r="AL540" s="1106"/>
      <c r="AT540" s="1106"/>
      <c r="AU540" s="1106"/>
      <c r="AV540" s="1106"/>
      <c r="AW540" s="1106"/>
      <c r="AX540" s="1106"/>
      <c r="AY540" s="1106"/>
      <c r="AZ540" s="1106"/>
      <c r="BA540" s="1106"/>
      <c r="BB540" s="1106"/>
      <c r="BC540" s="1106"/>
      <c r="BD540" s="1106"/>
      <c r="BE540" s="1106"/>
      <c r="BF540" s="1106"/>
      <c r="BG540" s="1106"/>
      <c r="BH540" s="1106"/>
      <c r="BI540" s="1106"/>
      <c r="BJ540" s="1106"/>
      <c r="BK540" s="1106"/>
      <c r="BL540" s="1106"/>
      <c r="BM540" s="1106"/>
      <c r="BN540" s="1106"/>
      <c r="BO540" s="1106"/>
      <c r="BP540" s="1106"/>
      <c r="BQ540" s="1106"/>
      <c r="BR540" s="1106"/>
      <c r="BS540" s="1106"/>
      <c r="BT540" s="1106"/>
      <c r="BU540" s="1106"/>
      <c r="BV540" s="1106"/>
      <c r="BW540" s="1106"/>
      <c r="BX540" s="1106"/>
      <c r="BY540" s="1106"/>
      <c r="BZ540" s="1106"/>
      <c r="CA540" s="1106"/>
    </row>
    <row r="541" spans="3:79" ht="9" customHeight="1" x14ac:dyDescent="0.2">
      <c r="C541" s="1106"/>
      <c r="D541" s="1106"/>
      <c r="E541" s="1106"/>
      <c r="F541" s="1106"/>
      <c r="G541" s="1106"/>
      <c r="H541" s="1106"/>
      <c r="I541" s="1106"/>
      <c r="J541" s="1106"/>
      <c r="K541" s="1106"/>
      <c r="L541" s="1106"/>
      <c r="M541" s="1106"/>
      <c r="N541" s="1106"/>
      <c r="O541" s="1106"/>
      <c r="AB541" s="1106"/>
      <c r="AC541" s="1106"/>
      <c r="AD541" s="1106"/>
      <c r="AE541" s="1106"/>
      <c r="AF541" s="1106"/>
      <c r="AG541" s="1106"/>
      <c r="AH541" s="1106"/>
      <c r="AL541" s="1106"/>
      <c r="AZ541" s="1106"/>
      <c r="BA541" s="1106"/>
      <c r="BB541" s="1106"/>
      <c r="BC541" s="1106"/>
      <c r="BD541" s="1106"/>
      <c r="BE541" s="1106"/>
      <c r="BF541" s="1106"/>
      <c r="BG541" s="1106"/>
      <c r="BH541" s="1106"/>
      <c r="BI541" s="1106"/>
      <c r="BJ541" s="1106"/>
      <c r="BK541" s="1106"/>
      <c r="BL541" s="1106"/>
      <c r="BM541" s="1106"/>
      <c r="BN541" s="1106"/>
      <c r="BO541" s="1106"/>
      <c r="BP541" s="1106"/>
      <c r="BQ541" s="1106"/>
      <c r="BR541" s="1106"/>
      <c r="BS541" s="1106"/>
      <c r="BT541" s="1106"/>
      <c r="BU541" s="1106"/>
      <c r="BV541" s="1106"/>
      <c r="BW541" s="1106"/>
      <c r="BX541" s="1106"/>
      <c r="BY541" s="1106"/>
      <c r="BZ541" s="1106"/>
      <c r="CA541" s="1106"/>
    </row>
    <row r="542" spans="3:79" ht="9" customHeight="1" x14ac:dyDescent="0.2">
      <c r="C542" s="1106"/>
      <c r="D542" s="1106"/>
      <c r="E542" s="1106"/>
      <c r="F542" s="1106"/>
      <c r="G542" s="1106"/>
      <c r="H542" s="1106"/>
      <c r="I542" s="1106"/>
      <c r="J542" s="1106"/>
      <c r="K542" s="1106"/>
      <c r="L542" s="1106"/>
      <c r="M542" s="1106"/>
      <c r="N542" s="1106"/>
      <c r="O542" s="1106"/>
      <c r="AB542" s="1106"/>
      <c r="AC542" s="1106"/>
      <c r="AD542" s="1106"/>
      <c r="AE542" s="1106"/>
      <c r="AF542" s="1106"/>
      <c r="AG542" s="1106"/>
      <c r="AH542" s="1106"/>
      <c r="AL542" s="1106"/>
      <c r="AZ542" s="1106"/>
      <c r="BA542" s="1106"/>
      <c r="BB542" s="1106"/>
      <c r="BC542" s="1106"/>
      <c r="BD542" s="1106"/>
      <c r="BE542" s="1106"/>
      <c r="BF542" s="1106"/>
      <c r="BG542" s="1106"/>
      <c r="BH542" s="1106"/>
      <c r="BI542" s="1106"/>
      <c r="BJ542" s="1106"/>
      <c r="BK542" s="1106"/>
      <c r="BL542" s="1106"/>
      <c r="BM542" s="1106"/>
      <c r="BN542" s="1106"/>
      <c r="BO542" s="1106"/>
      <c r="BP542" s="1106"/>
      <c r="BQ542" s="1106"/>
      <c r="BR542" s="1106"/>
      <c r="BS542" s="1106"/>
      <c r="BT542" s="1106"/>
      <c r="BU542" s="1106"/>
      <c r="BV542" s="1106"/>
      <c r="BW542" s="1106"/>
      <c r="BX542" s="1106"/>
      <c r="BY542" s="1106"/>
      <c r="BZ542" s="1106"/>
      <c r="CA542" s="1106"/>
    </row>
    <row r="543" spans="3:79" ht="9" customHeight="1" x14ac:dyDescent="0.2">
      <c r="C543" s="1106"/>
      <c r="D543" s="1106"/>
      <c r="E543" s="1106"/>
      <c r="F543" s="1106"/>
      <c r="G543" s="1106"/>
      <c r="H543" s="1106"/>
      <c r="I543" s="1106"/>
      <c r="J543" s="1106"/>
      <c r="K543" s="1106"/>
      <c r="L543" s="1106"/>
      <c r="M543" s="1106"/>
      <c r="N543" s="1106"/>
      <c r="O543" s="1106"/>
      <c r="AB543" s="1106"/>
      <c r="AC543" s="1106"/>
      <c r="AD543" s="1106"/>
      <c r="AE543" s="1106"/>
      <c r="AF543" s="1106"/>
      <c r="AG543" s="1106"/>
      <c r="AH543" s="1106"/>
      <c r="AL543" s="1106"/>
      <c r="AZ543" s="1106"/>
      <c r="BA543" s="1106"/>
      <c r="BB543" s="1106"/>
      <c r="BC543" s="1106"/>
      <c r="BD543" s="1106"/>
      <c r="BE543" s="1106"/>
      <c r="BF543" s="1106"/>
      <c r="BG543" s="1106"/>
      <c r="BH543" s="1106"/>
      <c r="BI543" s="1106"/>
      <c r="BJ543" s="1106"/>
      <c r="BK543" s="1106"/>
      <c r="BL543" s="1106"/>
      <c r="BM543" s="1106"/>
      <c r="BN543" s="1106"/>
      <c r="BO543" s="1106"/>
      <c r="BP543" s="1106"/>
      <c r="BQ543" s="1106"/>
      <c r="BR543" s="1106"/>
      <c r="BS543" s="1106"/>
      <c r="BT543" s="1106"/>
      <c r="BU543" s="1106"/>
      <c r="BV543" s="1106"/>
      <c r="BW543" s="1106"/>
      <c r="BX543" s="1106"/>
      <c r="BY543" s="1106"/>
      <c r="BZ543" s="1106"/>
      <c r="CA543" s="1106"/>
    </row>
    <row r="544" spans="3:79" ht="9" customHeight="1" x14ac:dyDescent="0.2">
      <c r="C544" s="1106"/>
      <c r="D544" s="1106"/>
      <c r="E544" s="1106"/>
      <c r="F544" s="1106"/>
      <c r="G544" s="1106"/>
      <c r="H544" s="1106"/>
      <c r="I544" s="1106"/>
      <c r="J544" s="1106"/>
      <c r="K544" s="1106"/>
      <c r="L544" s="1106"/>
      <c r="M544" s="1106"/>
      <c r="N544" s="1106"/>
      <c r="O544" s="1106"/>
      <c r="U544" s="1106"/>
      <c r="AB544" s="1106"/>
      <c r="AC544" s="1106"/>
      <c r="AD544" s="1106"/>
      <c r="AE544" s="1106"/>
      <c r="AF544" s="1106"/>
      <c r="AG544" s="1106"/>
      <c r="AH544" s="1106"/>
      <c r="AL544" s="1106"/>
      <c r="AT544" s="1106"/>
      <c r="AU544" s="1106"/>
      <c r="AV544" s="1106"/>
      <c r="AW544" s="1106"/>
      <c r="AX544" s="1106"/>
      <c r="AY544" s="1106"/>
      <c r="AZ544" s="1106"/>
      <c r="BA544" s="1106"/>
      <c r="BB544" s="1106"/>
      <c r="BC544" s="1106"/>
      <c r="BD544" s="1106"/>
      <c r="BE544" s="1106"/>
      <c r="BF544" s="1106"/>
      <c r="BG544" s="1106"/>
      <c r="BH544" s="1106"/>
      <c r="BI544" s="1106"/>
      <c r="BJ544" s="1106"/>
      <c r="BK544" s="1106"/>
      <c r="BL544" s="1106"/>
      <c r="BM544" s="1106"/>
      <c r="BN544" s="1106"/>
      <c r="BO544" s="1106"/>
      <c r="BP544" s="1106"/>
      <c r="BQ544" s="1106"/>
      <c r="BR544" s="1106"/>
      <c r="BS544" s="1106"/>
      <c r="BT544" s="1106"/>
      <c r="BU544" s="1106"/>
      <c r="BV544" s="1106"/>
      <c r="BW544" s="1106"/>
      <c r="BX544" s="1106"/>
      <c r="BY544" s="1106"/>
      <c r="BZ544" s="1106"/>
      <c r="CA544" s="1106"/>
    </row>
    <row r="545" spans="3:79" ht="9" customHeight="1" x14ac:dyDescent="0.2">
      <c r="C545" s="1106"/>
      <c r="D545" s="1106"/>
      <c r="E545" s="1106"/>
      <c r="F545" s="1106"/>
      <c r="G545" s="1106"/>
      <c r="H545" s="1106"/>
      <c r="I545" s="1106"/>
      <c r="J545" s="1106"/>
      <c r="K545" s="1106"/>
      <c r="L545" s="1106"/>
      <c r="M545" s="1106"/>
      <c r="N545" s="1106"/>
      <c r="O545" s="1106"/>
      <c r="U545" s="1106"/>
      <c r="AB545" s="1106"/>
      <c r="AC545" s="1106"/>
      <c r="AD545" s="1106"/>
      <c r="AE545" s="1106"/>
      <c r="AF545" s="1106"/>
      <c r="AG545" s="1106"/>
      <c r="AH545" s="1106"/>
      <c r="AL545" s="1106"/>
      <c r="AO545" s="1106"/>
      <c r="AP545" s="1106"/>
      <c r="AT545" s="1106"/>
      <c r="AU545" s="1106"/>
      <c r="AV545" s="1106"/>
      <c r="AW545" s="1106"/>
      <c r="AX545" s="1106"/>
      <c r="AY545" s="1106"/>
      <c r="AZ545" s="1106"/>
      <c r="BA545" s="1106"/>
      <c r="BB545" s="1106"/>
      <c r="BC545" s="1106"/>
      <c r="BD545" s="1106"/>
      <c r="BE545" s="1106"/>
      <c r="BF545" s="1106"/>
      <c r="BG545" s="1106"/>
      <c r="BH545" s="1106"/>
      <c r="BI545" s="1106"/>
      <c r="BJ545" s="1106"/>
      <c r="BK545" s="1106"/>
      <c r="BL545" s="1106"/>
      <c r="BM545" s="1106"/>
      <c r="BN545" s="1106"/>
      <c r="BO545" s="1106"/>
      <c r="BP545" s="1106"/>
      <c r="BQ545" s="1106"/>
      <c r="BR545" s="1106"/>
      <c r="BS545" s="1106"/>
      <c r="BT545" s="1106"/>
      <c r="BU545" s="1106"/>
      <c r="BV545" s="1106"/>
      <c r="BW545" s="1106"/>
      <c r="BX545" s="1106"/>
      <c r="BY545" s="1106"/>
      <c r="BZ545" s="1106"/>
      <c r="CA545" s="1106"/>
    </row>
    <row r="546" spans="3:79" ht="9" customHeight="1" x14ac:dyDescent="0.2">
      <c r="C546" s="1106"/>
      <c r="D546" s="1106"/>
      <c r="E546" s="1106"/>
      <c r="F546" s="1106"/>
      <c r="G546" s="1106"/>
      <c r="H546" s="1106"/>
      <c r="I546" s="1106"/>
      <c r="J546" s="1106"/>
      <c r="K546" s="1106"/>
      <c r="L546" s="1106"/>
      <c r="M546" s="1106"/>
      <c r="N546" s="1106"/>
      <c r="O546" s="1106"/>
      <c r="U546" s="1106"/>
      <c r="AB546" s="1106"/>
      <c r="AC546" s="1106"/>
      <c r="AD546" s="1106"/>
      <c r="AE546" s="1106"/>
      <c r="AF546" s="1106"/>
      <c r="AG546" s="1106"/>
      <c r="AH546" s="1106"/>
      <c r="AL546" s="1106"/>
      <c r="AT546" s="1106"/>
      <c r="AU546" s="1106"/>
      <c r="AV546" s="1106"/>
      <c r="AW546" s="1106"/>
      <c r="AX546" s="1106"/>
      <c r="AY546" s="1106"/>
      <c r="AZ546" s="1106"/>
      <c r="BA546" s="1106"/>
      <c r="BB546" s="1106"/>
      <c r="BC546" s="1106"/>
      <c r="BD546" s="1106"/>
      <c r="BE546" s="1106"/>
      <c r="BF546" s="1106"/>
      <c r="BG546" s="1106"/>
      <c r="BH546" s="1106"/>
      <c r="BI546" s="1106"/>
      <c r="BJ546" s="1106"/>
      <c r="BK546" s="1106"/>
      <c r="BL546" s="1106"/>
      <c r="BM546" s="1106"/>
      <c r="BN546" s="1106"/>
      <c r="BO546" s="1106"/>
      <c r="BP546" s="1106"/>
      <c r="BQ546" s="1106"/>
      <c r="BR546" s="1106"/>
      <c r="BS546" s="1106"/>
      <c r="BT546" s="1106"/>
      <c r="BU546" s="1106"/>
      <c r="BV546" s="1106"/>
      <c r="BW546" s="1106"/>
      <c r="BX546" s="1106"/>
      <c r="BY546" s="1106"/>
      <c r="BZ546" s="1106"/>
      <c r="CA546" s="1106"/>
    </row>
    <row r="547" spans="3:79" ht="9" customHeight="1" x14ac:dyDescent="0.2">
      <c r="C547" s="1106"/>
      <c r="D547" s="1106"/>
      <c r="E547" s="1106"/>
      <c r="F547" s="1106"/>
      <c r="G547" s="1106"/>
      <c r="H547" s="1106"/>
      <c r="I547" s="1106"/>
      <c r="J547" s="1106"/>
      <c r="K547" s="1106"/>
      <c r="L547" s="1106"/>
      <c r="M547" s="1106"/>
      <c r="N547" s="1106"/>
      <c r="O547" s="1106"/>
      <c r="AB547" s="1106"/>
      <c r="AC547" s="1106"/>
      <c r="AD547" s="1106"/>
      <c r="AE547" s="1106"/>
      <c r="AF547" s="1106"/>
      <c r="AG547" s="1106"/>
      <c r="AH547" s="1106"/>
      <c r="AL547" s="1106"/>
      <c r="AZ547" s="1106"/>
      <c r="BA547" s="1106"/>
      <c r="BB547" s="1106"/>
      <c r="BC547" s="1106"/>
      <c r="BD547" s="1106"/>
      <c r="BE547" s="1106"/>
      <c r="BF547" s="1106"/>
      <c r="BG547" s="1106"/>
      <c r="BH547" s="1106"/>
      <c r="BI547" s="1106"/>
      <c r="BJ547" s="1106"/>
      <c r="BK547" s="1106"/>
      <c r="BL547" s="1106"/>
      <c r="BM547" s="1106"/>
      <c r="BN547" s="1106"/>
      <c r="BO547" s="1106"/>
      <c r="BP547" s="1106"/>
      <c r="BQ547" s="1106"/>
      <c r="BR547" s="1106"/>
      <c r="BS547" s="1106"/>
      <c r="BT547" s="1106"/>
      <c r="BU547" s="1106"/>
      <c r="BV547" s="1106"/>
      <c r="BW547" s="1106"/>
      <c r="BX547" s="1106"/>
      <c r="BY547" s="1106"/>
      <c r="BZ547" s="1106"/>
      <c r="CA547" s="1106"/>
    </row>
    <row r="548" spans="3:79" ht="9" customHeight="1" x14ac:dyDescent="0.2">
      <c r="C548" s="1106"/>
      <c r="D548" s="1106"/>
      <c r="E548" s="1106"/>
      <c r="F548" s="1106"/>
      <c r="G548" s="1106"/>
      <c r="H548" s="1106"/>
      <c r="I548" s="1106"/>
      <c r="J548" s="1106"/>
      <c r="K548" s="1106"/>
      <c r="L548" s="1106"/>
      <c r="M548" s="1106"/>
      <c r="N548" s="1106"/>
      <c r="O548" s="1106"/>
      <c r="AB548" s="1106"/>
      <c r="AC548" s="1106"/>
      <c r="AD548" s="1106"/>
      <c r="AE548" s="1106"/>
      <c r="AF548" s="1106"/>
      <c r="AG548" s="1106"/>
      <c r="AH548" s="1106"/>
      <c r="AL548" s="1106"/>
      <c r="AZ548" s="1106"/>
      <c r="BA548" s="1106"/>
      <c r="BB548" s="1106"/>
      <c r="BC548" s="1106"/>
      <c r="BD548" s="1106"/>
      <c r="BE548" s="1106"/>
      <c r="BF548" s="1106"/>
      <c r="BG548" s="1106"/>
      <c r="BH548" s="1106"/>
      <c r="BI548" s="1106"/>
      <c r="BJ548" s="1106"/>
      <c r="BK548" s="1106"/>
      <c r="BL548" s="1106"/>
      <c r="BM548" s="1106"/>
      <c r="BN548" s="1106"/>
      <c r="BO548" s="1106"/>
      <c r="BP548" s="1106"/>
      <c r="BQ548" s="1106"/>
      <c r="BR548" s="1106"/>
      <c r="BS548" s="1106"/>
      <c r="BT548" s="1106"/>
      <c r="BU548" s="1106"/>
      <c r="BV548" s="1106"/>
      <c r="BW548" s="1106"/>
      <c r="BX548" s="1106"/>
      <c r="BY548" s="1106"/>
      <c r="BZ548" s="1106"/>
      <c r="CA548" s="1106"/>
    </row>
    <row r="549" spans="3:79" ht="9" customHeight="1" x14ac:dyDescent="0.2">
      <c r="C549" s="1106"/>
      <c r="D549" s="1106"/>
      <c r="E549" s="1106"/>
      <c r="F549" s="1106"/>
      <c r="G549" s="1106"/>
      <c r="H549" s="1106"/>
      <c r="I549" s="1106"/>
      <c r="J549" s="1106"/>
      <c r="K549" s="1106"/>
      <c r="L549" s="1106"/>
      <c r="M549" s="1106"/>
      <c r="N549" s="1106"/>
      <c r="O549" s="1106"/>
      <c r="AB549" s="1106"/>
      <c r="AC549" s="1106"/>
      <c r="AD549" s="1106"/>
      <c r="AE549" s="1106"/>
      <c r="AF549" s="1106"/>
      <c r="AG549" s="1106"/>
      <c r="AH549" s="1106"/>
      <c r="AL549" s="1106"/>
      <c r="AZ549" s="1106"/>
      <c r="BA549" s="1106"/>
      <c r="BB549" s="1106"/>
      <c r="BC549" s="1106"/>
      <c r="BD549" s="1106"/>
      <c r="BE549" s="1106"/>
      <c r="BF549" s="1106"/>
      <c r="BG549" s="1106"/>
      <c r="BH549" s="1106"/>
      <c r="BI549" s="1106"/>
      <c r="BJ549" s="1106"/>
      <c r="BK549" s="1106"/>
      <c r="BL549" s="1106"/>
      <c r="BM549" s="1106"/>
      <c r="BN549" s="1106"/>
      <c r="BO549" s="1106"/>
      <c r="BP549" s="1106"/>
      <c r="BQ549" s="1106"/>
      <c r="BR549" s="1106"/>
      <c r="BS549" s="1106"/>
      <c r="BT549" s="1106"/>
      <c r="BU549" s="1106"/>
      <c r="BV549" s="1106"/>
      <c r="BW549" s="1106"/>
      <c r="BX549" s="1106"/>
      <c r="BY549" s="1106"/>
      <c r="BZ549" s="1106"/>
      <c r="CA549" s="1106"/>
    </row>
    <row r="550" spans="3:79" ht="9" customHeight="1" x14ac:dyDescent="0.2">
      <c r="C550" s="1106"/>
      <c r="D550" s="1106"/>
      <c r="E550" s="1106"/>
      <c r="F550" s="1106"/>
      <c r="G550" s="1106"/>
      <c r="H550" s="1106"/>
      <c r="I550" s="1106"/>
      <c r="J550" s="1106"/>
      <c r="K550" s="1106"/>
      <c r="L550" s="1106"/>
      <c r="M550" s="1106"/>
      <c r="N550" s="1106"/>
      <c r="O550" s="1106"/>
      <c r="U550" s="1106"/>
      <c r="AB550" s="1106"/>
      <c r="AC550" s="1106"/>
      <c r="AD550" s="1106"/>
      <c r="AE550" s="1106"/>
      <c r="AF550" s="1106"/>
      <c r="AG550" s="1106"/>
      <c r="AH550" s="1106"/>
      <c r="AL550" s="1106"/>
      <c r="AT550" s="1106"/>
      <c r="AU550" s="1106"/>
      <c r="AV550" s="1106"/>
      <c r="AW550" s="1106"/>
      <c r="AX550" s="1106"/>
      <c r="AY550" s="1106"/>
      <c r="AZ550" s="1106"/>
      <c r="BA550" s="1106"/>
      <c r="BB550" s="1106"/>
      <c r="BC550" s="1106"/>
      <c r="BD550" s="1106"/>
      <c r="BE550" s="1106"/>
      <c r="BF550" s="1106"/>
      <c r="BG550" s="1106"/>
      <c r="BH550" s="1106"/>
      <c r="BI550" s="1106"/>
      <c r="BJ550" s="1106"/>
      <c r="BK550" s="1106"/>
      <c r="BL550" s="1106"/>
      <c r="BM550" s="1106"/>
      <c r="BN550" s="1106"/>
      <c r="BO550" s="1106"/>
      <c r="BP550" s="1106"/>
      <c r="BQ550" s="1106"/>
      <c r="BR550" s="1106"/>
      <c r="BS550" s="1106"/>
      <c r="BT550" s="1106"/>
      <c r="BU550" s="1106"/>
      <c r="BV550" s="1106"/>
      <c r="BW550" s="1106"/>
      <c r="BX550" s="1106"/>
      <c r="BY550" s="1106"/>
      <c r="BZ550" s="1106"/>
      <c r="CA550" s="1106"/>
    </row>
    <row r="551" spans="3:79" ht="9" customHeight="1" x14ac:dyDescent="0.2">
      <c r="C551" s="1106"/>
      <c r="D551" s="1106"/>
      <c r="E551" s="1106"/>
      <c r="F551" s="1106"/>
      <c r="G551" s="1106"/>
      <c r="H551" s="1106"/>
      <c r="I551" s="1106"/>
      <c r="J551" s="1106"/>
      <c r="K551" s="1106"/>
      <c r="L551" s="1106"/>
      <c r="M551" s="1106"/>
      <c r="N551" s="1106"/>
      <c r="O551" s="1106"/>
      <c r="U551" s="1106"/>
      <c r="AB551" s="1106"/>
      <c r="AC551" s="1106"/>
      <c r="AD551" s="1106"/>
      <c r="AE551" s="1106"/>
      <c r="AF551" s="1106"/>
      <c r="AG551" s="1106"/>
      <c r="AH551" s="1106"/>
      <c r="AL551" s="1106"/>
      <c r="AO551" s="1106"/>
      <c r="AP551" s="1106"/>
      <c r="AT551" s="1106"/>
      <c r="AU551" s="1106"/>
      <c r="AV551" s="1106"/>
      <c r="AW551" s="1106"/>
      <c r="AX551" s="1106"/>
      <c r="AY551" s="1106"/>
      <c r="AZ551" s="1106"/>
      <c r="BA551" s="1106"/>
      <c r="BB551" s="1106"/>
      <c r="BC551" s="1106"/>
      <c r="BD551" s="1106"/>
      <c r="BE551" s="1106"/>
      <c r="BF551" s="1106"/>
      <c r="BG551" s="1106"/>
      <c r="BH551" s="1106"/>
      <c r="BI551" s="1106"/>
      <c r="BJ551" s="1106"/>
      <c r="BK551" s="1106"/>
      <c r="BL551" s="1106"/>
      <c r="BM551" s="1106"/>
      <c r="BN551" s="1106"/>
      <c r="BO551" s="1106"/>
      <c r="BP551" s="1106"/>
      <c r="BQ551" s="1106"/>
      <c r="BR551" s="1106"/>
      <c r="BS551" s="1106"/>
      <c r="BT551" s="1106"/>
      <c r="BU551" s="1106"/>
      <c r="BV551" s="1106"/>
      <c r="BW551" s="1106"/>
      <c r="BX551" s="1106"/>
      <c r="BY551" s="1106"/>
      <c r="BZ551" s="1106"/>
      <c r="CA551" s="1106"/>
    </row>
    <row r="552" spans="3:79" ht="9" customHeight="1" x14ac:dyDescent="0.2">
      <c r="C552" s="1106"/>
      <c r="D552" s="1106"/>
      <c r="E552" s="1106"/>
      <c r="F552" s="1106"/>
      <c r="G552" s="1106"/>
      <c r="H552" s="1106"/>
      <c r="I552" s="1106"/>
      <c r="J552" s="1106"/>
      <c r="K552" s="1106"/>
      <c r="L552" s="1106"/>
      <c r="M552" s="1106"/>
      <c r="N552" s="1106"/>
      <c r="O552" s="1106"/>
      <c r="U552" s="1106"/>
      <c r="AB552" s="1106"/>
      <c r="AC552" s="1106"/>
      <c r="AD552" s="1106"/>
      <c r="AE552" s="1106"/>
      <c r="AF552" s="1106"/>
      <c r="AG552" s="1106"/>
      <c r="AH552" s="1106"/>
      <c r="AL552" s="1106"/>
      <c r="AT552" s="1106"/>
      <c r="AU552" s="1106"/>
      <c r="AV552" s="1106"/>
      <c r="AW552" s="1106"/>
      <c r="AX552" s="1106"/>
      <c r="AY552" s="1106"/>
      <c r="AZ552" s="1106"/>
      <c r="BA552" s="1106"/>
      <c r="BB552" s="1106"/>
      <c r="BC552" s="1106"/>
      <c r="BD552" s="1106"/>
      <c r="BE552" s="1106"/>
      <c r="BF552" s="1106"/>
      <c r="BG552" s="1106"/>
      <c r="BH552" s="1106"/>
      <c r="BI552" s="1106"/>
      <c r="BJ552" s="1106"/>
      <c r="BK552" s="1106"/>
      <c r="BL552" s="1106"/>
      <c r="BM552" s="1106"/>
      <c r="BN552" s="1106"/>
      <c r="BO552" s="1106"/>
      <c r="BP552" s="1106"/>
      <c r="BQ552" s="1106"/>
      <c r="BR552" s="1106"/>
      <c r="BS552" s="1106"/>
      <c r="BT552" s="1106"/>
      <c r="BU552" s="1106"/>
      <c r="BV552" s="1106"/>
      <c r="BW552" s="1106"/>
      <c r="BX552" s="1106"/>
      <c r="BY552" s="1106"/>
      <c r="BZ552" s="1106"/>
      <c r="CA552" s="1106"/>
    </row>
    <row r="553" spans="3:79" ht="9" customHeight="1" x14ac:dyDescent="0.2">
      <c r="C553" s="1106"/>
      <c r="D553" s="1106"/>
      <c r="E553" s="1106"/>
      <c r="F553" s="1106"/>
      <c r="G553" s="1106"/>
      <c r="H553" s="1106"/>
      <c r="I553" s="1106"/>
      <c r="J553" s="1106"/>
      <c r="K553" s="1106"/>
      <c r="L553" s="1106"/>
      <c r="M553" s="1106"/>
      <c r="N553" s="1106"/>
      <c r="O553" s="1106"/>
      <c r="AB553" s="1106"/>
      <c r="AC553" s="1106"/>
      <c r="AD553" s="1106"/>
      <c r="AE553" s="1106"/>
      <c r="AF553" s="1106"/>
      <c r="AG553" s="1106"/>
      <c r="AH553" s="1106"/>
      <c r="AL553" s="1106"/>
      <c r="AZ553" s="1106"/>
      <c r="BA553" s="1106"/>
      <c r="BB553" s="1106"/>
      <c r="BC553" s="1106"/>
      <c r="BD553" s="1106"/>
      <c r="BE553" s="1106"/>
      <c r="BF553" s="1106"/>
      <c r="BG553" s="1106"/>
      <c r="BH553" s="1106"/>
      <c r="BI553" s="1106"/>
      <c r="BJ553" s="1106"/>
      <c r="BK553" s="1106"/>
      <c r="BL553" s="1106"/>
      <c r="BM553" s="1106"/>
      <c r="BN553" s="1106"/>
      <c r="BO553" s="1106"/>
      <c r="BP553" s="1106"/>
      <c r="BQ553" s="1106"/>
      <c r="BR553" s="1106"/>
      <c r="BS553" s="1106"/>
      <c r="BT553" s="1106"/>
      <c r="BU553" s="1106"/>
      <c r="BV553" s="1106"/>
      <c r="BW553" s="1106"/>
      <c r="BX553" s="1106"/>
      <c r="BY553" s="1106"/>
      <c r="BZ553" s="1106"/>
      <c r="CA553" s="1106"/>
    </row>
    <row r="554" spans="3:79" ht="9" customHeight="1" x14ac:dyDescent="0.2">
      <c r="C554" s="1106"/>
      <c r="D554" s="1106"/>
      <c r="E554" s="1106"/>
      <c r="F554" s="1106"/>
      <c r="G554" s="1106"/>
      <c r="H554" s="1106"/>
      <c r="I554" s="1106"/>
      <c r="J554" s="1106"/>
      <c r="K554" s="1106"/>
      <c r="L554" s="1106"/>
      <c r="M554" s="1106"/>
      <c r="N554" s="1106"/>
      <c r="O554" s="1106"/>
      <c r="AB554" s="1106"/>
      <c r="AC554" s="1106"/>
      <c r="AD554" s="1106"/>
      <c r="AE554" s="1106"/>
      <c r="AF554" s="1106"/>
      <c r="AG554" s="1106"/>
      <c r="AH554" s="1106"/>
      <c r="AL554" s="1106"/>
      <c r="AZ554" s="1106"/>
      <c r="BA554" s="1106"/>
      <c r="BB554" s="1106"/>
      <c r="BC554" s="1106"/>
      <c r="BD554" s="1106"/>
      <c r="BE554" s="1106"/>
      <c r="BF554" s="1106"/>
      <c r="BG554" s="1106"/>
      <c r="BH554" s="1106"/>
      <c r="BI554" s="1106"/>
      <c r="BJ554" s="1106"/>
      <c r="BK554" s="1106"/>
      <c r="BL554" s="1106"/>
      <c r="BM554" s="1106"/>
      <c r="BN554" s="1106"/>
      <c r="BO554" s="1106"/>
      <c r="BP554" s="1106"/>
      <c r="BQ554" s="1106"/>
      <c r="BR554" s="1106"/>
      <c r="BS554" s="1106"/>
      <c r="BT554" s="1106"/>
      <c r="BU554" s="1106"/>
      <c r="BV554" s="1106"/>
      <c r="BW554" s="1106"/>
      <c r="BX554" s="1106"/>
      <c r="BY554" s="1106"/>
      <c r="BZ554" s="1106"/>
      <c r="CA554" s="1106"/>
    </row>
    <row r="555" spans="3:79" ht="9" customHeight="1" x14ac:dyDescent="0.2">
      <c r="C555" s="1106"/>
      <c r="D555" s="1106"/>
      <c r="E555" s="1106"/>
      <c r="F555" s="1106"/>
      <c r="G555" s="1106"/>
      <c r="H555" s="1106"/>
      <c r="I555" s="1106"/>
      <c r="J555" s="1106"/>
      <c r="K555" s="1106"/>
      <c r="L555" s="1106"/>
      <c r="M555" s="1106"/>
      <c r="N555" s="1106"/>
      <c r="O555" s="1106"/>
      <c r="AB555" s="1106"/>
      <c r="AC555" s="1106"/>
      <c r="AD555" s="1106"/>
      <c r="AE555" s="1106"/>
      <c r="AF555" s="1106"/>
      <c r="AG555" s="1106"/>
      <c r="AH555" s="1106"/>
      <c r="AL555" s="1106"/>
      <c r="AZ555" s="1106"/>
      <c r="BA555" s="1106"/>
      <c r="BB555" s="1106"/>
      <c r="BC555" s="1106"/>
      <c r="BD555" s="1106"/>
      <c r="BE555" s="1106"/>
      <c r="BF555" s="1106"/>
      <c r="BG555" s="1106"/>
      <c r="BH555" s="1106"/>
      <c r="BI555" s="1106"/>
      <c r="BJ555" s="1106"/>
      <c r="BK555" s="1106"/>
      <c r="BL555" s="1106"/>
      <c r="BM555" s="1106"/>
      <c r="BN555" s="1106"/>
      <c r="BO555" s="1106"/>
      <c r="BP555" s="1106"/>
      <c r="BQ555" s="1106"/>
      <c r="BR555" s="1106"/>
      <c r="BS555" s="1106"/>
      <c r="BT555" s="1106"/>
      <c r="BU555" s="1106"/>
      <c r="BV555" s="1106"/>
      <c r="BW555" s="1106"/>
      <c r="BX555" s="1106"/>
      <c r="BY555" s="1106"/>
      <c r="BZ555" s="1106"/>
      <c r="CA555" s="1106"/>
    </row>
    <row r="556" spans="3:79" ht="9" customHeight="1" x14ac:dyDescent="0.2">
      <c r="C556" s="1106"/>
      <c r="D556" s="1106"/>
      <c r="E556" s="1106"/>
      <c r="F556" s="1106"/>
      <c r="G556" s="1106"/>
      <c r="H556" s="1106"/>
      <c r="I556" s="1106"/>
      <c r="J556" s="1106"/>
      <c r="K556" s="1106"/>
      <c r="L556" s="1106"/>
      <c r="M556" s="1106"/>
      <c r="N556" s="1106"/>
      <c r="O556" s="1106"/>
      <c r="U556" s="1106"/>
      <c r="AB556" s="1106"/>
      <c r="AC556" s="1106"/>
      <c r="AD556" s="1106"/>
      <c r="AE556" s="1106"/>
      <c r="AF556" s="1106"/>
      <c r="AG556" s="1106"/>
      <c r="AH556" s="1106"/>
      <c r="AL556" s="1106"/>
      <c r="AT556" s="1106"/>
      <c r="AU556" s="1106"/>
      <c r="AV556" s="1106"/>
      <c r="AW556" s="1106"/>
      <c r="AX556" s="1106"/>
      <c r="AY556" s="1106"/>
      <c r="AZ556" s="1106"/>
      <c r="BA556" s="1106"/>
      <c r="BB556" s="1106"/>
      <c r="BC556" s="1106"/>
      <c r="BD556" s="1106"/>
      <c r="BE556" s="1106"/>
      <c r="BF556" s="1106"/>
      <c r="BG556" s="1106"/>
      <c r="BH556" s="1106"/>
      <c r="BI556" s="1106"/>
      <c r="BJ556" s="1106"/>
      <c r="BK556" s="1106"/>
      <c r="BL556" s="1106"/>
      <c r="BM556" s="1106"/>
      <c r="BN556" s="1106"/>
      <c r="BO556" s="1106"/>
      <c r="BP556" s="1106"/>
      <c r="BQ556" s="1106"/>
      <c r="BR556" s="1106"/>
      <c r="BS556" s="1106"/>
      <c r="BT556" s="1106"/>
      <c r="BU556" s="1106"/>
      <c r="BV556" s="1106"/>
      <c r="BW556" s="1106"/>
      <c r="BX556" s="1106"/>
      <c r="BY556" s="1106"/>
      <c r="BZ556" s="1106"/>
      <c r="CA556" s="1106"/>
    </row>
    <row r="557" spans="3:79" ht="9" customHeight="1" x14ac:dyDescent="0.2">
      <c r="C557" s="1106"/>
      <c r="D557" s="1106"/>
      <c r="E557" s="1106"/>
      <c r="F557" s="1106"/>
      <c r="G557" s="1106"/>
      <c r="H557" s="1106"/>
      <c r="I557" s="1106"/>
      <c r="J557" s="1106"/>
      <c r="K557" s="1106"/>
      <c r="L557" s="1106"/>
      <c r="M557" s="1106"/>
      <c r="N557" s="1106"/>
      <c r="O557" s="1106"/>
      <c r="U557" s="1106"/>
      <c r="AB557" s="1106"/>
      <c r="AC557" s="1106"/>
      <c r="AD557" s="1106"/>
      <c r="AE557" s="1106"/>
      <c r="AF557" s="1106"/>
      <c r="AG557" s="1106"/>
      <c r="AH557" s="1106"/>
      <c r="AL557" s="1106"/>
      <c r="AO557" s="1106"/>
      <c r="AP557" s="1106"/>
      <c r="AT557" s="1106"/>
      <c r="AU557" s="1106"/>
      <c r="AV557" s="1106"/>
      <c r="AW557" s="1106"/>
      <c r="AX557" s="1106"/>
      <c r="AY557" s="1106"/>
      <c r="AZ557" s="1106"/>
      <c r="BA557" s="1106"/>
      <c r="BB557" s="1106"/>
      <c r="BC557" s="1106"/>
      <c r="BD557" s="1106"/>
      <c r="BE557" s="1106"/>
      <c r="BF557" s="1106"/>
      <c r="BG557" s="1106"/>
      <c r="BH557" s="1106"/>
      <c r="BI557" s="1106"/>
      <c r="BJ557" s="1106"/>
      <c r="BK557" s="1106"/>
      <c r="BL557" s="1106"/>
      <c r="BM557" s="1106"/>
      <c r="BN557" s="1106"/>
      <c r="BO557" s="1106"/>
      <c r="BP557" s="1106"/>
      <c r="BQ557" s="1106"/>
      <c r="BR557" s="1106"/>
      <c r="BS557" s="1106"/>
      <c r="BT557" s="1106"/>
      <c r="BU557" s="1106"/>
      <c r="BV557" s="1106"/>
      <c r="BW557" s="1106"/>
      <c r="BX557" s="1106"/>
      <c r="BY557" s="1106"/>
      <c r="BZ557" s="1106"/>
      <c r="CA557" s="1106"/>
    </row>
    <row r="558" spans="3:79" ht="9" customHeight="1" x14ac:dyDescent="0.2">
      <c r="C558" s="1106"/>
      <c r="D558" s="1106"/>
      <c r="E558" s="1106"/>
      <c r="F558" s="1106"/>
      <c r="G558" s="1106"/>
      <c r="H558" s="1106"/>
      <c r="I558" s="1106"/>
      <c r="J558" s="1106"/>
      <c r="K558" s="1106"/>
      <c r="L558" s="1106"/>
      <c r="M558" s="1106"/>
      <c r="N558" s="1106"/>
      <c r="O558" s="1106"/>
      <c r="U558" s="1106"/>
      <c r="AB558" s="1106"/>
      <c r="AC558" s="1106"/>
      <c r="AD558" s="1106"/>
      <c r="AE558" s="1106"/>
      <c r="AF558" s="1106"/>
      <c r="AG558" s="1106"/>
      <c r="AH558" s="1106"/>
      <c r="AL558" s="1106"/>
      <c r="AT558" s="1106"/>
      <c r="AU558" s="1106"/>
      <c r="AV558" s="1106"/>
      <c r="AW558" s="1106"/>
      <c r="AX558" s="1106"/>
      <c r="AY558" s="1106"/>
      <c r="AZ558" s="1106"/>
      <c r="BA558" s="1106"/>
      <c r="BB558" s="1106"/>
      <c r="BC558" s="1106"/>
      <c r="BD558" s="1106"/>
      <c r="BE558" s="1106"/>
      <c r="BF558" s="1106"/>
      <c r="BG558" s="1106"/>
      <c r="BH558" s="1106"/>
      <c r="BI558" s="1106"/>
      <c r="BJ558" s="1106"/>
      <c r="BK558" s="1106"/>
      <c r="BL558" s="1106"/>
      <c r="BM558" s="1106"/>
      <c r="BN558" s="1106"/>
      <c r="BO558" s="1106"/>
      <c r="BP558" s="1106"/>
      <c r="BQ558" s="1106"/>
      <c r="BR558" s="1106"/>
      <c r="BS558" s="1106"/>
      <c r="BT558" s="1106"/>
      <c r="BU558" s="1106"/>
      <c r="BV558" s="1106"/>
      <c r="BW558" s="1106"/>
      <c r="BX558" s="1106"/>
      <c r="BY558" s="1106"/>
      <c r="BZ558" s="1106"/>
      <c r="CA558" s="1106"/>
    </row>
    <row r="559" spans="3:79" ht="9" customHeight="1" x14ac:dyDescent="0.2">
      <c r="C559" s="1106"/>
      <c r="D559" s="1106"/>
      <c r="E559" s="1106"/>
      <c r="F559" s="1106"/>
      <c r="G559" s="1106"/>
      <c r="H559" s="1106"/>
      <c r="I559" s="1106"/>
      <c r="J559" s="1106"/>
      <c r="K559" s="1106"/>
      <c r="L559" s="1106"/>
      <c r="M559" s="1106"/>
      <c r="N559" s="1106"/>
      <c r="O559" s="1106"/>
      <c r="AB559" s="1106"/>
      <c r="AC559" s="1106"/>
      <c r="AD559" s="1106"/>
      <c r="AE559" s="1106"/>
      <c r="AF559" s="1106"/>
      <c r="AG559" s="1106"/>
      <c r="AH559" s="1106"/>
      <c r="AL559" s="1106"/>
      <c r="AZ559" s="1106"/>
      <c r="BA559" s="1106"/>
      <c r="BB559" s="1106"/>
      <c r="BC559" s="1106"/>
      <c r="BD559" s="1106"/>
      <c r="BE559" s="1106"/>
      <c r="BF559" s="1106"/>
      <c r="BG559" s="1106"/>
      <c r="BH559" s="1106"/>
      <c r="BI559" s="1106"/>
      <c r="BJ559" s="1106"/>
      <c r="BK559" s="1106"/>
      <c r="BL559" s="1106"/>
      <c r="BM559" s="1106"/>
      <c r="BN559" s="1106"/>
      <c r="BO559" s="1106"/>
      <c r="BP559" s="1106"/>
      <c r="BQ559" s="1106"/>
      <c r="BR559" s="1106"/>
      <c r="BS559" s="1106"/>
      <c r="BT559" s="1106"/>
      <c r="BU559" s="1106"/>
      <c r="BV559" s="1106"/>
      <c r="BW559" s="1106"/>
      <c r="BX559" s="1106"/>
      <c r="BY559" s="1106"/>
      <c r="BZ559" s="1106"/>
      <c r="CA559" s="1106"/>
    </row>
    <row r="560" spans="3:79" ht="9" customHeight="1" x14ac:dyDescent="0.2">
      <c r="C560" s="1106"/>
      <c r="D560" s="1106"/>
      <c r="E560" s="1106"/>
      <c r="F560" s="1106"/>
      <c r="G560" s="1106"/>
      <c r="H560" s="1106"/>
      <c r="I560" s="1106"/>
      <c r="J560" s="1106"/>
      <c r="K560" s="1106"/>
      <c r="L560" s="1106"/>
      <c r="M560" s="1106"/>
      <c r="N560" s="1106"/>
      <c r="O560" s="1106"/>
      <c r="AB560" s="1106"/>
      <c r="AC560" s="1106"/>
      <c r="AD560" s="1106"/>
      <c r="AE560" s="1106"/>
      <c r="AF560" s="1106"/>
      <c r="AG560" s="1106"/>
      <c r="AH560" s="1106"/>
      <c r="AL560" s="1106"/>
      <c r="AZ560" s="1106"/>
      <c r="BA560" s="1106"/>
      <c r="BB560" s="1106"/>
      <c r="BC560" s="1106"/>
      <c r="BD560" s="1106"/>
      <c r="BE560" s="1106"/>
      <c r="BF560" s="1106"/>
      <c r="BG560" s="1106"/>
      <c r="BH560" s="1106"/>
      <c r="BI560" s="1106"/>
      <c r="BJ560" s="1106"/>
      <c r="BK560" s="1106"/>
      <c r="BL560" s="1106"/>
      <c r="BM560" s="1106"/>
      <c r="BN560" s="1106"/>
      <c r="BO560" s="1106"/>
      <c r="BP560" s="1106"/>
      <c r="BQ560" s="1106"/>
      <c r="BR560" s="1106"/>
      <c r="BS560" s="1106"/>
      <c r="BT560" s="1106"/>
      <c r="BU560" s="1106"/>
      <c r="BV560" s="1106"/>
      <c r="BW560" s="1106"/>
      <c r="BX560" s="1106"/>
      <c r="BY560" s="1106"/>
      <c r="BZ560" s="1106"/>
      <c r="CA560" s="1106"/>
    </row>
    <row r="561" spans="3:79" ht="9" customHeight="1" x14ac:dyDescent="0.2">
      <c r="C561" s="1106"/>
      <c r="D561" s="1106"/>
      <c r="E561" s="1106"/>
      <c r="F561" s="1106"/>
      <c r="G561" s="1106"/>
      <c r="H561" s="1106"/>
      <c r="I561" s="1106"/>
      <c r="J561" s="1106"/>
      <c r="K561" s="1106"/>
      <c r="L561" s="1106"/>
      <c r="M561" s="1106"/>
      <c r="N561" s="1106"/>
      <c r="O561" s="1106"/>
      <c r="AB561" s="1106"/>
      <c r="AC561" s="1106"/>
      <c r="AD561" s="1106"/>
      <c r="AE561" s="1106"/>
      <c r="AF561" s="1106"/>
      <c r="AG561" s="1106"/>
      <c r="AH561" s="1106"/>
      <c r="AL561" s="1106"/>
      <c r="AZ561" s="1106"/>
      <c r="BA561" s="1106"/>
      <c r="BB561" s="1106"/>
      <c r="BC561" s="1106"/>
      <c r="BD561" s="1106"/>
      <c r="BE561" s="1106"/>
      <c r="BF561" s="1106"/>
      <c r="BG561" s="1106"/>
      <c r="BH561" s="1106"/>
      <c r="BI561" s="1106"/>
      <c r="BJ561" s="1106"/>
      <c r="BK561" s="1106"/>
      <c r="BL561" s="1106"/>
      <c r="BM561" s="1106"/>
      <c r="BN561" s="1106"/>
      <c r="BO561" s="1106"/>
      <c r="BP561" s="1106"/>
      <c r="BQ561" s="1106"/>
      <c r="BR561" s="1106"/>
      <c r="BS561" s="1106"/>
      <c r="BT561" s="1106"/>
      <c r="BU561" s="1106"/>
      <c r="BV561" s="1106"/>
      <c r="BW561" s="1106"/>
      <c r="BX561" s="1106"/>
      <c r="BY561" s="1106"/>
      <c r="BZ561" s="1106"/>
      <c r="CA561" s="1106"/>
    </row>
    <row r="562" spans="3:79" ht="9" customHeight="1" x14ac:dyDescent="0.2">
      <c r="C562" s="1106"/>
      <c r="D562" s="1106"/>
      <c r="E562" s="1106"/>
      <c r="F562" s="1106"/>
      <c r="G562" s="1106"/>
      <c r="H562" s="1106"/>
      <c r="I562" s="1106"/>
      <c r="J562" s="1106"/>
      <c r="K562" s="1106"/>
      <c r="L562" s="1106"/>
      <c r="M562" s="1106"/>
      <c r="N562" s="1106"/>
      <c r="O562" s="1106"/>
      <c r="U562" s="1106"/>
      <c r="AB562" s="1106"/>
      <c r="AC562" s="1106"/>
      <c r="AD562" s="1106"/>
      <c r="AE562" s="1106"/>
      <c r="AF562" s="1106"/>
      <c r="AG562" s="1106"/>
      <c r="AH562" s="1106"/>
      <c r="AL562" s="1106"/>
      <c r="AT562" s="1106"/>
      <c r="AU562" s="1106"/>
      <c r="AV562" s="1106"/>
      <c r="AW562" s="1106"/>
      <c r="AX562" s="1106"/>
      <c r="AY562" s="1106"/>
      <c r="AZ562" s="1106"/>
      <c r="BA562" s="1106"/>
      <c r="BB562" s="1106"/>
      <c r="BC562" s="1106"/>
      <c r="BD562" s="1106"/>
      <c r="BE562" s="1106"/>
      <c r="BF562" s="1106"/>
      <c r="BG562" s="1106"/>
      <c r="BH562" s="1106"/>
      <c r="BI562" s="1106"/>
      <c r="BJ562" s="1106"/>
      <c r="BK562" s="1106"/>
      <c r="BL562" s="1106"/>
      <c r="BM562" s="1106"/>
      <c r="BN562" s="1106"/>
      <c r="BO562" s="1106"/>
      <c r="BP562" s="1106"/>
      <c r="BQ562" s="1106"/>
      <c r="BR562" s="1106"/>
      <c r="BS562" s="1106"/>
      <c r="BT562" s="1106"/>
      <c r="BU562" s="1106"/>
      <c r="BV562" s="1106"/>
      <c r="BW562" s="1106"/>
      <c r="BX562" s="1106"/>
      <c r="BY562" s="1106"/>
      <c r="BZ562" s="1106"/>
      <c r="CA562" s="1106"/>
    </row>
    <row r="563" spans="3:79" ht="9" customHeight="1" x14ac:dyDescent="0.2">
      <c r="C563" s="1106"/>
      <c r="D563" s="1106"/>
      <c r="E563" s="1106"/>
      <c r="F563" s="1106"/>
      <c r="G563" s="1106"/>
      <c r="H563" s="1106"/>
      <c r="I563" s="1106"/>
      <c r="J563" s="1106"/>
      <c r="K563" s="1106"/>
      <c r="L563" s="1106"/>
      <c r="M563" s="1106"/>
      <c r="N563" s="1106"/>
      <c r="O563" s="1106"/>
      <c r="U563" s="1106"/>
      <c r="AB563" s="1106"/>
      <c r="AC563" s="1106"/>
      <c r="AD563" s="1106"/>
      <c r="AE563" s="1106"/>
      <c r="AF563" s="1106"/>
      <c r="AG563" s="1106"/>
      <c r="AH563" s="1106"/>
      <c r="AL563" s="1106"/>
      <c r="AO563" s="1106"/>
      <c r="AP563" s="1106"/>
      <c r="AT563" s="1106"/>
      <c r="AU563" s="1106"/>
      <c r="AV563" s="1106"/>
      <c r="AW563" s="1106"/>
      <c r="AX563" s="1106"/>
      <c r="AY563" s="1106"/>
      <c r="AZ563" s="1106"/>
      <c r="BA563" s="1106"/>
      <c r="BB563" s="1106"/>
      <c r="BC563" s="1106"/>
      <c r="BD563" s="1106"/>
      <c r="BE563" s="1106"/>
      <c r="BF563" s="1106"/>
      <c r="BG563" s="1106"/>
      <c r="BH563" s="1106"/>
      <c r="BI563" s="1106"/>
      <c r="BJ563" s="1106"/>
      <c r="BK563" s="1106"/>
      <c r="BL563" s="1106"/>
      <c r="BM563" s="1106"/>
      <c r="BN563" s="1106"/>
      <c r="BO563" s="1106"/>
      <c r="BP563" s="1106"/>
      <c r="BQ563" s="1106"/>
      <c r="BR563" s="1106"/>
      <c r="BS563" s="1106"/>
      <c r="BT563" s="1106"/>
      <c r="BU563" s="1106"/>
      <c r="BV563" s="1106"/>
      <c r="BW563" s="1106"/>
      <c r="BX563" s="1106"/>
      <c r="BY563" s="1106"/>
      <c r="BZ563" s="1106"/>
      <c r="CA563" s="1106"/>
    </row>
    <row r="564" spans="3:79" ht="9" customHeight="1" x14ac:dyDescent="0.2">
      <c r="C564" s="1106"/>
      <c r="D564" s="1106"/>
      <c r="E564" s="1106"/>
      <c r="F564" s="1106"/>
      <c r="G564" s="1106"/>
      <c r="H564" s="1106"/>
      <c r="I564" s="1106"/>
      <c r="J564" s="1106"/>
      <c r="K564" s="1106"/>
      <c r="L564" s="1106"/>
      <c r="M564" s="1106"/>
      <c r="N564" s="1106"/>
      <c r="O564" s="1106"/>
      <c r="U564" s="1106"/>
      <c r="AB564" s="1106"/>
      <c r="AC564" s="1106"/>
      <c r="AD564" s="1106"/>
      <c r="AE564" s="1106"/>
      <c r="AF564" s="1106"/>
      <c r="AG564" s="1106"/>
      <c r="AH564" s="1106"/>
      <c r="AL564" s="1106"/>
      <c r="AT564" s="1106"/>
      <c r="AU564" s="1106"/>
      <c r="AV564" s="1106"/>
      <c r="AW564" s="1106"/>
      <c r="AX564" s="1106"/>
      <c r="AY564" s="1106"/>
      <c r="AZ564" s="1106"/>
      <c r="BA564" s="1106"/>
      <c r="BB564" s="1106"/>
      <c r="BC564" s="1106"/>
      <c r="BD564" s="1106"/>
      <c r="BE564" s="1106"/>
      <c r="BF564" s="1106"/>
      <c r="BG564" s="1106"/>
      <c r="BH564" s="1106"/>
      <c r="BI564" s="1106"/>
      <c r="BJ564" s="1106"/>
      <c r="BK564" s="1106"/>
      <c r="BL564" s="1106"/>
      <c r="BM564" s="1106"/>
      <c r="BN564" s="1106"/>
      <c r="BO564" s="1106"/>
      <c r="BP564" s="1106"/>
      <c r="BQ564" s="1106"/>
      <c r="BR564" s="1106"/>
      <c r="BS564" s="1106"/>
      <c r="BT564" s="1106"/>
      <c r="BU564" s="1106"/>
      <c r="BV564" s="1106"/>
      <c r="BW564" s="1106"/>
      <c r="BX564" s="1106"/>
      <c r="BY564" s="1106"/>
      <c r="BZ564" s="1106"/>
      <c r="CA564" s="1106"/>
    </row>
    <row r="565" spans="3:79" ht="9" customHeight="1" x14ac:dyDescent="0.2">
      <c r="C565" s="1106"/>
      <c r="D565" s="1106"/>
      <c r="E565" s="1106"/>
      <c r="F565" s="1106"/>
      <c r="G565" s="1106"/>
      <c r="H565" s="1106"/>
      <c r="I565" s="1106"/>
      <c r="J565" s="1106"/>
      <c r="K565" s="1106"/>
      <c r="L565" s="1106"/>
      <c r="M565" s="1106"/>
      <c r="N565" s="1106"/>
      <c r="O565" s="1106"/>
      <c r="AB565" s="1106"/>
      <c r="AC565" s="1106"/>
      <c r="AD565" s="1106"/>
      <c r="AE565" s="1106"/>
      <c r="AF565" s="1106"/>
      <c r="AG565" s="1106"/>
      <c r="AH565" s="1106"/>
      <c r="AL565" s="1106"/>
      <c r="AZ565" s="1106"/>
      <c r="BA565" s="1106"/>
      <c r="BB565" s="1106"/>
      <c r="BC565" s="1106"/>
      <c r="BD565" s="1106"/>
      <c r="BE565" s="1106"/>
      <c r="BF565" s="1106"/>
      <c r="BG565" s="1106"/>
      <c r="BH565" s="1106"/>
      <c r="BI565" s="1106"/>
      <c r="BJ565" s="1106"/>
      <c r="BK565" s="1106"/>
      <c r="BL565" s="1106"/>
      <c r="BM565" s="1106"/>
      <c r="BN565" s="1106"/>
      <c r="BO565" s="1106"/>
      <c r="BP565" s="1106"/>
      <c r="BQ565" s="1106"/>
      <c r="BR565" s="1106"/>
      <c r="BS565" s="1106"/>
      <c r="BT565" s="1106"/>
      <c r="BU565" s="1106"/>
      <c r="BV565" s="1106"/>
      <c r="BW565" s="1106"/>
      <c r="BX565" s="1106"/>
      <c r="BY565" s="1106"/>
      <c r="BZ565" s="1106"/>
      <c r="CA565" s="1106"/>
    </row>
    <row r="566" spans="3:79" ht="9" customHeight="1" x14ac:dyDescent="0.2">
      <c r="C566" s="1106"/>
      <c r="D566" s="1106"/>
      <c r="E566" s="1106"/>
      <c r="F566" s="1106"/>
      <c r="G566" s="1106"/>
      <c r="H566" s="1106"/>
      <c r="I566" s="1106"/>
      <c r="J566" s="1106"/>
      <c r="K566" s="1106"/>
      <c r="L566" s="1106"/>
      <c r="M566" s="1106"/>
      <c r="N566" s="1106"/>
      <c r="O566" s="1106"/>
      <c r="AB566" s="1106"/>
      <c r="AC566" s="1106"/>
      <c r="AD566" s="1106"/>
      <c r="AE566" s="1106"/>
      <c r="AF566" s="1106"/>
      <c r="AG566" s="1106"/>
      <c r="AH566" s="1106"/>
      <c r="AL566" s="1106"/>
      <c r="AZ566" s="1106"/>
      <c r="BA566" s="1106"/>
      <c r="BB566" s="1106"/>
      <c r="BC566" s="1106"/>
      <c r="BD566" s="1106"/>
      <c r="BE566" s="1106"/>
      <c r="BF566" s="1106"/>
      <c r="BG566" s="1106"/>
      <c r="BH566" s="1106"/>
      <c r="BI566" s="1106"/>
      <c r="BJ566" s="1106"/>
      <c r="BK566" s="1106"/>
      <c r="BL566" s="1106"/>
      <c r="BM566" s="1106"/>
      <c r="BN566" s="1106"/>
      <c r="BO566" s="1106"/>
      <c r="BP566" s="1106"/>
      <c r="BQ566" s="1106"/>
      <c r="BR566" s="1106"/>
      <c r="BS566" s="1106"/>
      <c r="BT566" s="1106"/>
      <c r="BU566" s="1106"/>
      <c r="BV566" s="1106"/>
      <c r="BW566" s="1106"/>
      <c r="BX566" s="1106"/>
      <c r="BY566" s="1106"/>
      <c r="BZ566" s="1106"/>
      <c r="CA566" s="1106"/>
    </row>
    <row r="567" spans="3:79" ht="9" customHeight="1" x14ac:dyDescent="0.2">
      <c r="C567" s="1106"/>
      <c r="D567" s="1106"/>
      <c r="E567" s="1106"/>
      <c r="F567" s="1106"/>
      <c r="G567" s="1106"/>
      <c r="H567" s="1106"/>
      <c r="I567" s="1106"/>
      <c r="J567" s="1106"/>
      <c r="K567" s="1106"/>
      <c r="L567" s="1106"/>
      <c r="M567" s="1106"/>
      <c r="N567" s="1106"/>
      <c r="O567" s="1106"/>
      <c r="AB567" s="1106"/>
      <c r="AC567" s="1106"/>
      <c r="AD567" s="1106"/>
      <c r="AE567" s="1106"/>
      <c r="AF567" s="1106"/>
      <c r="AG567" s="1106"/>
      <c r="AH567" s="1106"/>
      <c r="AL567" s="1106"/>
      <c r="AZ567" s="1106"/>
      <c r="BA567" s="1106"/>
      <c r="BB567" s="1106"/>
      <c r="BC567" s="1106"/>
      <c r="BD567" s="1106"/>
      <c r="BE567" s="1106"/>
      <c r="BF567" s="1106"/>
      <c r="BG567" s="1106"/>
      <c r="BH567" s="1106"/>
      <c r="BI567" s="1106"/>
      <c r="BJ567" s="1106"/>
      <c r="BK567" s="1106"/>
      <c r="BL567" s="1106"/>
      <c r="BM567" s="1106"/>
      <c r="BN567" s="1106"/>
      <c r="BO567" s="1106"/>
      <c r="BP567" s="1106"/>
      <c r="BQ567" s="1106"/>
      <c r="BR567" s="1106"/>
      <c r="BS567" s="1106"/>
      <c r="BT567" s="1106"/>
      <c r="BU567" s="1106"/>
      <c r="BV567" s="1106"/>
      <c r="BW567" s="1106"/>
      <c r="BX567" s="1106"/>
      <c r="BY567" s="1106"/>
      <c r="BZ567" s="1106"/>
      <c r="CA567" s="1106"/>
    </row>
    <row r="568" spans="3:79" ht="9" customHeight="1" x14ac:dyDescent="0.2">
      <c r="C568" s="1106"/>
      <c r="D568" s="1106"/>
      <c r="E568" s="1106"/>
      <c r="F568" s="1106"/>
      <c r="G568" s="1106"/>
      <c r="H568" s="1106"/>
      <c r="I568" s="1106"/>
      <c r="J568" s="1106"/>
      <c r="K568" s="1106"/>
      <c r="L568" s="1106"/>
      <c r="M568" s="1106"/>
      <c r="N568" s="1106"/>
      <c r="O568" s="1106"/>
      <c r="U568" s="1106"/>
      <c r="AB568" s="1106"/>
      <c r="AC568" s="1106"/>
      <c r="AD568" s="1106"/>
      <c r="AE568" s="1106"/>
      <c r="AF568" s="1106"/>
      <c r="AG568" s="1106"/>
      <c r="AH568" s="1106"/>
      <c r="AL568" s="1106"/>
      <c r="AT568" s="1106"/>
      <c r="AU568" s="1106"/>
      <c r="AV568" s="1106"/>
      <c r="AW568" s="1106"/>
      <c r="AX568" s="1106"/>
      <c r="AY568" s="1106"/>
      <c r="AZ568" s="1106"/>
      <c r="BA568" s="1106"/>
      <c r="BB568" s="1106"/>
      <c r="BC568" s="1106"/>
      <c r="BD568" s="1106"/>
      <c r="BE568" s="1106"/>
      <c r="BF568" s="1106"/>
      <c r="BG568" s="1106"/>
      <c r="BH568" s="1106"/>
      <c r="BI568" s="1106"/>
      <c r="BJ568" s="1106"/>
      <c r="BK568" s="1106"/>
      <c r="BL568" s="1106"/>
      <c r="BM568" s="1106"/>
      <c r="BN568" s="1106"/>
      <c r="BO568" s="1106"/>
      <c r="BP568" s="1106"/>
      <c r="BQ568" s="1106"/>
      <c r="BR568" s="1106"/>
      <c r="BS568" s="1106"/>
      <c r="BT568" s="1106"/>
      <c r="BU568" s="1106"/>
      <c r="BV568" s="1106"/>
      <c r="BW568" s="1106"/>
      <c r="BX568" s="1106"/>
      <c r="BY568" s="1106"/>
      <c r="BZ568" s="1106"/>
      <c r="CA568" s="1106"/>
    </row>
    <row r="569" spans="3:79" ht="9" customHeight="1" x14ac:dyDescent="0.2">
      <c r="C569" s="1106"/>
      <c r="D569" s="1106"/>
      <c r="E569" s="1106"/>
      <c r="F569" s="1106"/>
      <c r="G569" s="1106"/>
      <c r="H569" s="1106"/>
      <c r="I569" s="1106"/>
      <c r="J569" s="1106"/>
      <c r="K569" s="1106"/>
      <c r="L569" s="1106"/>
      <c r="M569" s="1106"/>
      <c r="N569" s="1106"/>
      <c r="O569" s="1106"/>
      <c r="U569" s="1106"/>
      <c r="AB569" s="1106"/>
      <c r="AC569" s="1106"/>
      <c r="AD569" s="1106"/>
      <c r="AE569" s="1106"/>
      <c r="AF569" s="1106"/>
      <c r="AG569" s="1106"/>
      <c r="AH569" s="1106"/>
      <c r="AL569" s="1106"/>
      <c r="AO569" s="1106"/>
      <c r="AP569" s="1106"/>
      <c r="AT569" s="1106"/>
      <c r="AU569" s="1106"/>
      <c r="AV569" s="1106"/>
      <c r="AW569" s="1106"/>
      <c r="AX569" s="1106"/>
      <c r="AY569" s="1106"/>
      <c r="AZ569" s="1106"/>
      <c r="BA569" s="1106"/>
      <c r="BB569" s="1106"/>
      <c r="BC569" s="1106"/>
      <c r="BD569" s="1106"/>
      <c r="BE569" s="1106"/>
      <c r="BF569" s="1106"/>
      <c r="BG569" s="1106"/>
      <c r="BH569" s="1106"/>
      <c r="BI569" s="1106"/>
      <c r="BJ569" s="1106"/>
      <c r="BK569" s="1106"/>
      <c r="BL569" s="1106"/>
      <c r="BM569" s="1106"/>
      <c r="BN569" s="1106"/>
      <c r="BO569" s="1106"/>
      <c r="BP569" s="1106"/>
      <c r="BQ569" s="1106"/>
      <c r="BR569" s="1106"/>
      <c r="BS569" s="1106"/>
      <c r="BT569" s="1106"/>
      <c r="BU569" s="1106"/>
      <c r="BV569" s="1106"/>
      <c r="BW569" s="1106"/>
      <c r="BX569" s="1106"/>
      <c r="BY569" s="1106"/>
      <c r="BZ569" s="1106"/>
      <c r="CA569" s="1106"/>
    </row>
    <row r="570" spans="3:79" ht="9" customHeight="1" x14ac:dyDescent="0.2">
      <c r="C570" s="1106"/>
      <c r="D570" s="1106"/>
      <c r="E570" s="1106"/>
      <c r="F570" s="1106"/>
      <c r="G570" s="1106"/>
      <c r="H570" s="1106"/>
      <c r="I570" s="1106"/>
      <c r="J570" s="1106"/>
      <c r="K570" s="1106"/>
      <c r="L570" s="1106"/>
      <c r="M570" s="1106"/>
      <c r="N570" s="1106"/>
      <c r="O570" s="1106"/>
      <c r="U570" s="1106"/>
      <c r="AB570" s="1106"/>
      <c r="AC570" s="1106"/>
      <c r="AD570" s="1106"/>
      <c r="AE570" s="1106"/>
      <c r="AF570" s="1106"/>
      <c r="AG570" s="1106"/>
      <c r="AH570" s="1106"/>
      <c r="AL570" s="1106"/>
      <c r="AT570" s="1106"/>
      <c r="AU570" s="1106"/>
      <c r="AV570" s="1106"/>
      <c r="AW570" s="1106"/>
      <c r="AX570" s="1106"/>
      <c r="AY570" s="1106"/>
      <c r="AZ570" s="1106"/>
      <c r="BA570" s="1106"/>
      <c r="BB570" s="1106"/>
      <c r="BC570" s="1106"/>
      <c r="BD570" s="1106"/>
      <c r="BE570" s="1106"/>
      <c r="BF570" s="1106"/>
      <c r="BG570" s="1106"/>
      <c r="BH570" s="1106"/>
      <c r="BI570" s="1106"/>
      <c r="BJ570" s="1106"/>
      <c r="BK570" s="1106"/>
      <c r="BL570" s="1106"/>
      <c r="BM570" s="1106"/>
      <c r="BN570" s="1106"/>
      <c r="BO570" s="1106"/>
      <c r="BP570" s="1106"/>
      <c r="BQ570" s="1106"/>
      <c r="BR570" s="1106"/>
      <c r="BS570" s="1106"/>
      <c r="BT570" s="1106"/>
      <c r="BU570" s="1106"/>
      <c r="BV570" s="1106"/>
      <c r="BW570" s="1106"/>
      <c r="BX570" s="1106"/>
      <c r="BY570" s="1106"/>
      <c r="BZ570" s="1106"/>
      <c r="CA570" s="1106"/>
    </row>
    <row r="571" spans="3:79" ht="9" customHeight="1" x14ac:dyDescent="0.2">
      <c r="C571" s="1106"/>
      <c r="D571" s="1106"/>
      <c r="E571" s="1106"/>
      <c r="F571" s="1106"/>
      <c r="G571" s="1106"/>
      <c r="H571" s="1106"/>
      <c r="I571" s="1106"/>
      <c r="J571" s="1106"/>
      <c r="K571" s="1106"/>
      <c r="L571" s="1106"/>
      <c r="M571" s="1106"/>
      <c r="N571" s="1106"/>
      <c r="O571" s="1106"/>
      <c r="AB571" s="1106"/>
      <c r="AC571" s="1106"/>
      <c r="AD571" s="1106"/>
      <c r="AE571" s="1106"/>
      <c r="AF571" s="1106"/>
      <c r="AG571" s="1106"/>
      <c r="AH571" s="1106"/>
      <c r="AL571" s="1106"/>
      <c r="AZ571" s="1106"/>
      <c r="BA571" s="1106"/>
      <c r="BB571" s="1106"/>
      <c r="BC571" s="1106"/>
      <c r="BD571" s="1106"/>
      <c r="BE571" s="1106"/>
      <c r="BF571" s="1106"/>
      <c r="BG571" s="1106"/>
      <c r="BH571" s="1106"/>
      <c r="BI571" s="1106"/>
      <c r="BJ571" s="1106"/>
      <c r="BK571" s="1106"/>
      <c r="BL571" s="1106"/>
      <c r="BM571" s="1106"/>
      <c r="BN571" s="1106"/>
      <c r="BO571" s="1106"/>
      <c r="BP571" s="1106"/>
      <c r="BQ571" s="1106"/>
      <c r="BR571" s="1106"/>
      <c r="BS571" s="1106"/>
      <c r="BT571" s="1106"/>
      <c r="BU571" s="1106"/>
      <c r="BV571" s="1106"/>
      <c r="BW571" s="1106"/>
      <c r="BX571" s="1106"/>
      <c r="BY571" s="1106"/>
      <c r="BZ571" s="1106"/>
      <c r="CA571" s="1106"/>
    </row>
    <row r="572" spans="3:79" ht="9" customHeight="1" x14ac:dyDescent="0.2">
      <c r="C572" s="1106"/>
      <c r="D572" s="1106"/>
      <c r="E572" s="1106"/>
      <c r="F572" s="1106"/>
      <c r="G572" s="1106"/>
      <c r="H572" s="1106"/>
      <c r="I572" s="1106"/>
      <c r="J572" s="1106"/>
      <c r="K572" s="1106"/>
      <c r="L572" s="1106"/>
      <c r="M572" s="1106"/>
      <c r="N572" s="1106"/>
      <c r="O572" s="1106"/>
      <c r="AB572" s="1106"/>
      <c r="AC572" s="1106"/>
      <c r="AD572" s="1106"/>
      <c r="AE572" s="1106"/>
      <c r="AF572" s="1106"/>
      <c r="AG572" s="1106"/>
      <c r="AH572" s="1106"/>
      <c r="AL572" s="1106"/>
      <c r="AZ572" s="1106"/>
      <c r="BA572" s="1106"/>
      <c r="BB572" s="1106"/>
      <c r="BC572" s="1106"/>
      <c r="BD572" s="1106"/>
      <c r="BE572" s="1106"/>
      <c r="BF572" s="1106"/>
      <c r="BG572" s="1106"/>
      <c r="BH572" s="1106"/>
      <c r="BI572" s="1106"/>
      <c r="BJ572" s="1106"/>
      <c r="BK572" s="1106"/>
      <c r="BL572" s="1106"/>
      <c r="BM572" s="1106"/>
      <c r="BN572" s="1106"/>
      <c r="BO572" s="1106"/>
      <c r="BP572" s="1106"/>
      <c r="BQ572" s="1106"/>
      <c r="BR572" s="1106"/>
      <c r="BS572" s="1106"/>
      <c r="BT572" s="1106"/>
      <c r="BU572" s="1106"/>
      <c r="BV572" s="1106"/>
      <c r="BW572" s="1106"/>
      <c r="BX572" s="1106"/>
      <c r="BY572" s="1106"/>
      <c r="BZ572" s="1106"/>
      <c r="CA572" s="1106"/>
    </row>
    <row r="573" spans="3:79" ht="9" customHeight="1" x14ac:dyDescent="0.2">
      <c r="C573" s="1106"/>
      <c r="D573" s="1106"/>
      <c r="E573" s="1106"/>
      <c r="F573" s="1106"/>
      <c r="G573" s="1106"/>
      <c r="H573" s="1106"/>
      <c r="I573" s="1106"/>
      <c r="J573" s="1106"/>
      <c r="K573" s="1106"/>
      <c r="L573" s="1106"/>
      <c r="M573" s="1106"/>
      <c r="N573" s="1106"/>
      <c r="O573" s="1106"/>
      <c r="AB573" s="1106"/>
      <c r="AC573" s="1106"/>
      <c r="AD573" s="1106"/>
      <c r="AE573" s="1106"/>
      <c r="AF573" s="1106"/>
      <c r="AG573" s="1106"/>
      <c r="AH573" s="1106"/>
      <c r="AL573" s="1106"/>
      <c r="AZ573" s="1106"/>
      <c r="BA573" s="1106"/>
      <c r="BB573" s="1106"/>
      <c r="BC573" s="1106"/>
      <c r="BD573" s="1106"/>
      <c r="BE573" s="1106"/>
      <c r="BF573" s="1106"/>
      <c r="BG573" s="1106"/>
      <c r="BH573" s="1106"/>
      <c r="BI573" s="1106"/>
      <c r="BJ573" s="1106"/>
      <c r="BK573" s="1106"/>
      <c r="BL573" s="1106"/>
      <c r="BM573" s="1106"/>
      <c r="BN573" s="1106"/>
      <c r="BO573" s="1106"/>
      <c r="BP573" s="1106"/>
      <c r="BQ573" s="1106"/>
      <c r="BR573" s="1106"/>
      <c r="BS573" s="1106"/>
      <c r="BT573" s="1106"/>
      <c r="BU573" s="1106"/>
      <c r="BV573" s="1106"/>
      <c r="BW573" s="1106"/>
      <c r="BX573" s="1106"/>
      <c r="BY573" s="1106"/>
      <c r="BZ573" s="1106"/>
      <c r="CA573" s="1106"/>
    </row>
    <row r="574" spans="3:79" ht="9" customHeight="1" x14ac:dyDescent="0.2">
      <c r="C574" s="1106"/>
      <c r="D574" s="1106"/>
      <c r="E574" s="1106"/>
      <c r="F574" s="1106"/>
      <c r="G574" s="1106"/>
      <c r="H574" s="1106"/>
      <c r="I574" s="1106"/>
      <c r="J574" s="1106"/>
      <c r="K574" s="1106"/>
      <c r="L574" s="1106"/>
      <c r="M574" s="1106"/>
      <c r="N574" s="1106"/>
      <c r="O574" s="1106"/>
      <c r="U574" s="1106"/>
      <c r="AB574" s="1106"/>
      <c r="AC574" s="1106"/>
      <c r="AD574" s="1106"/>
      <c r="AE574" s="1106"/>
      <c r="AF574" s="1106"/>
      <c r="AG574" s="1106"/>
      <c r="AH574" s="1106"/>
      <c r="AL574" s="1106"/>
      <c r="AT574" s="1106"/>
      <c r="AU574" s="1106"/>
      <c r="AV574" s="1106"/>
      <c r="AW574" s="1106"/>
      <c r="AX574" s="1106"/>
      <c r="AY574" s="1106"/>
      <c r="AZ574" s="1106"/>
      <c r="BA574" s="1106"/>
      <c r="BB574" s="1106"/>
      <c r="BC574" s="1106"/>
      <c r="BD574" s="1106"/>
      <c r="BE574" s="1106"/>
      <c r="BF574" s="1106"/>
      <c r="BG574" s="1106"/>
      <c r="BH574" s="1106"/>
      <c r="BI574" s="1106"/>
      <c r="BJ574" s="1106"/>
      <c r="BK574" s="1106"/>
      <c r="BL574" s="1106"/>
      <c r="BM574" s="1106"/>
      <c r="BN574" s="1106"/>
      <c r="BO574" s="1106"/>
      <c r="BP574" s="1106"/>
      <c r="BQ574" s="1106"/>
      <c r="BR574" s="1106"/>
      <c r="BS574" s="1106"/>
      <c r="BT574" s="1106"/>
      <c r="BU574" s="1106"/>
      <c r="BV574" s="1106"/>
      <c r="BW574" s="1106"/>
      <c r="BX574" s="1106"/>
      <c r="BY574" s="1106"/>
      <c r="BZ574" s="1106"/>
      <c r="CA574" s="1106"/>
    </row>
    <row r="575" spans="3:79" ht="9" customHeight="1" x14ac:dyDescent="0.2">
      <c r="C575" s="1106"/>
      <c r="D575" s="1106"/>
      <c r="E575" s="1106"/>
      <c r="F575" s="1106"/>
      <c r="G575" s="1106"/>
      <c r="H575" s="1106"/>
      <c r="I575" s="1106"/>
      <c r="J575" s="1106"/>
      <c r="K575" s="1106"/>
      <c r="L575" s="1106"/>
      <c r="M575" s="1106"/>
      <c r="N575" s="1106"/>
      <c r="O575" s="1106"/>
      <c r="U575" s="1106"/>
      <c r="AB575" s="1106"/>
      <c r="AC575" s="1106"/>
      <c r="AD575" s="1106"/>
      <c r="AE575" s="1106"/>
      <c r="AF575" s="1106"/>
      <c r="AG575" s="1106"/>
      <c r="AH575" s="1106"/>
      <c r="AL575" s="1106"/>
      <c r="AO575" s="1106"/>
      <c r="AP575" s="1106"/>
      <c r="AT575" s="1106"/>
      <c r="AU575" s="1106"/>
      <c r="AV575" s="1106"/>
      <c r="AW575" s="1106"/>
      <c r="AX575" s="1106"/>
      <c r="AY575" s="1106"/>
      <c r="AZ575" s="1106"/>
      <c r="BA575" s="1106"/>
      <c r="BB575" s="1106"/>
      <c r="BC575" s="1106"/>
      <c r="BD575" s="1106"/>
      <c r="BE575" s="1106"/>
      <c r="BF575" s="1106"/>
      <c r="BG575" s="1106"/>
      <c r="BH575" s="1106"/>
      <c r="BI575" s="1106"/>
      <c r="BJ575" s="1106"/>
      <c r="BK575" s="1106"/>
      <c r="BL575" s="1106"/>
      <c r="BM575" s="1106"/>
      <c r="BN575" s="1106"/>
      <c r="BO575" s="1106"/>
      <c r="BP575" s="1106"/>
      <c r="BQ575" s="1106"/>
      <c r="BR575" s="1106"/>
      <c r="BS575" s="1106"/>
      <c r="BT575" s="1106"/>
      <c r="BU575" s="1106"/>
      <c r="BV575" s="1106"/>
      <c r="BW575" s="1106"/>
      <c r="BX575" s="1106"/>
      <c r="BY575" s="1106"/>
      <c r="BZ575" s="1106"/>
      <c r="CA575" s="1106"/>
    </row>
    <row r="576" spans="3:79" ht="9" customHeight="1" x14ac:dyDescent="0.2">
      <c r="C576" s="1106"/>
      <c r="D576" s="1106"/>
      <c r="E576" s="1106"/>
      <c r="F576" s="1106"/>
      <c r="G576" s="1106"/>
      <c r="H576" s="1106"/>
      <c r="I576" s="1106"/>
      <c r="J576" s="1106"/>
      <c r="K576" s="1106"/>
      <c r="L576" s="1106"/>
      <c r="M576" s="1106"/>
      <c r="N576" s="1106"/>
      <c r="O576" s="1106"/>
      <c r="U576" s="1106"/>
      <c r="AB576" s="1106"/>
      <c r="AC576" s="1106"/>
      <c r="AD576" s="1106"/>
      <c r="AE576" s="1106"/>
      <c r="AF576" s="1106"/>
      <c r="AG576" s="1106"/>
      <c r="AH576" s="1106"/>
      <c r="AL576" s="1106"/>
      <c r="AT576" s="1106"/>
      <c r="AU576" s="1106"/>
      <c r="AV576" s="1106"/>
      <c r="AW576" s="1106"/>
      <c r="AX576" s="1106"/>
      <c r="AY576" s="1106"/>
      <c r="AZ576" s="1106"/>
      <c r="BA576" s="1106"/>
      <c r="BB576" s="1106"/>
      <c r="BC576" s="1106"/>
      <c r="BD576" s="1106"/>
      <c r="BE576" s="1106"/>
      <c r="BF576" s="1106"/>
      <c r="BG576" s="1106"/>
      <c r="BH576" s="1106"/>
      <c r="BI576" s="1106"/>
      <c r="BJ576" s="1106"/>
      <c r="BK576" s="1106"/>
      <c r="BL576" s="1106"/>
      <c r="BM576" s="1106"/>
      <c r="BN576" s="1106"/>
      <c r="BO576" s="1106"/>
      <c r="BP576" s="1106"/>
      <c r="BQ576" s="1106"/>
      <c r="BR576" s="1106"/>
      <c r="BS576" s="1106"/>
      <c r="BT576" s="1106"/>
      <c r="BU576" s="1106"/>
      <c r="BV576" s="1106"/>
      <c r="BW576" s="1106"/>
      <c r="BX576" s="1106"/>
      <c r="BY576" s="1106"/>
      <c r="BZ576" s="1106"/>
      <c r="CA576" s="1106"/>
    </row>
    <row r="577" spans="3:79" ht="9" customHeight="1" x14ac:dyDescent="0.2">
      <c r="C577" s="1106"/>
      <c r="D577" s="1106"/>
      <c r="E577" s="1106"/>
      <c r="F577" s="1106"/>
      <c r="G577" s="1106"/>
      <c r="H577" s="1106"/>
      <c r="I577" s="1106"/>
      <c r="J577" s="1106"/>
      <c r="K577" s="1106"/>
      <c r="L577" s="1106"/>
      <c r="M577" s="1106"/>
      <c r="N577" s="1106"/>
      <c r="O577" s="1106"/>
      <c r="AB577" s="1106"/>
      <c r="AC577" s="1106"/>
      <c r="AD577" s="1106"/>
      <c r="AE577" s="1106"/>
      <c r="AF577" s="1106"/>
      <c r="AG577" s="1106"/>
      <c r="AH577" s="1106"/>
      <c r="AL577" s="1106"/>
      <c r="AZ577" s="1106"/>
      <c r="BA577" s="1106"/>
      <c r="BB577" s="1106"/>
      <c r="BC577" s="1106"/>
      <c r="BD577" s="1106"/>
      <c r="BE577" s="1106"/>
      <c r="BF577" s="1106"/>
      <c r="BG577" s="1106"/>
      <c r="BH577" s="1106"/>
      <c r="BI577" s="1106"/>
      <c r="BJ577" s="1106"/>
      <c r="BK577" s="1106"/>
      <c r="BL577" s="1106"/>
      <c r="BM577" s="1106"/>
      <c r="BN577" s="1106"/>
      <c r="BO577" s="1106"/>
      <c r="BP577" s="1106"/>
      <c r="BQ577" s="1106"/>
      <c r="BR577" s="1106"/>
      <c r="BS577" s="1106"/>
      <c r="BT577" s="1106"/>
      <c r="BU577" s="1106"/>
      <c r="BV577" s="1106"/>
      <c r="BW577" s="1106"/>
      <c r="BX577" s="1106"/>
      <c r="BY577" s="1106"/>
      <c r="BZ577" s="1106"/>
      <c r="CA577" s="1106"/>
    </row>
    <row r="578" spans="3:79" ht="9" customHeight="1" x14ac:dyDescent="0.2">
      <c r="C578" s="1106"/>
      <c r="D578" s="1106"/>
      <c r="E578" s="1106"/>
      <c r="F578" s="1106"/>
      <c r="G578" s="1106"/>
      <c r="H578" s="1106"/>
      <c r="I578" s="1106"/>
      <c r="J578" s="1106"/>
      <c r="K578" s="1106"/>
      <c r="L578" s="1106"/>
      <c r="M578" s="1106"/>
      <c r="N578" s="1106"/>
      <c r="O578" s="1106"/>
      <c r="AB578" s="1106"/>
      <c r="AC578" s="1106"/>
      <c r="AD578" s="1106"/>
      <c r="AE578" s="1106"/>
      <c r="AF578" s="1106"/>
      <c r="AG578" s="1106"/>
      <c r="AH578" s="1106"/>
      <c r="AL578" s="1106"/>
      <c r="AZ578" s="1106"/>
      <c r="BA578" s="1106"/>
      <c r="BB578" s="1106"/>
      <c r="BC578" s="1106"/>
      <c r="BD578" s="1106"/>
      <c r="BE578" s="1106"/>
      <c r="BF578" s="1106"/>
      <c r="BG578" s="1106"/>
      <c r="BH578" s="1106"/>
      <c r="BI578" s="1106"/>
      <c r="BJ578" s="1106"/>
      <c r="BK578" s="1106"/>
      <c r="BL578" s="1106"/>
      <c r="BM578" s="1106"/>
      <c r="BN578" s="1106"/>
      <c r="BO578" s="1106"/>
      <c r="BP578" s="1106"/>
      <c r="BQ578" s="1106"/>
      <c r="BR578" s="1106"/>
      <c r="BS578" s="1106"/>
      <c r="BT578" s="1106"/>
      <c r="BU578" s="1106"/>
      <c r="BV578" s="1106"/>
      <c r="BW578" s="1106"/>
      <c r="BX578" s="1106"/>
      <c r="BY578" s="1106"/>
      <c r="BZ578" s="1106"/>
      <c r="CA578" s="1106"/>
    </row>
    <row r="579" spans="3:79" ht="9" customHeight="1" x14ac:dyDescent="0.2">
      <c r="C579" s="1106"/>
      <c r="D579" s="1106"/>
      <c r="E579" s="1106"/>
      <c r="F579" s="1106"/>
      <c r="G579" s="1106"/>
      <c r="H579" s="1106"/>
      <c r="I579" s="1106"/>
      <c r="J579" s="1106"/>
      <c r="K579" s="1106"/>
      <c r="L579" s="1106"/>
      <c r="M579" s="1106"/>
      <c r="N579" s="1106"/>
      <c r="O579" s="1106"/>
      <c r="AB579" s="1106"/>
      <c r="AC579" s="1106"/>
      <c r="AD579" s="1106"/>
      <c r="AE579" s="1106"/>
      <c r="AF579" s="1106"/>
      <c r="AG579" s="1106"/>
      <c r="AH579" s="1106"/>
      <c r="AL579" s="1106"/>
      <c r="AZ579" s="1106"/>
      <c r="BA579" s="1106"/>
      <c r="BB579" s="1106"/>
      <c r="BC579" s="1106"/>
      <c r="BD579" s="1106"/>
      <c r="BE579" s="1106"/>
      <c r="BF579" s="1106"/>
      <c r="BG579" s="1106"/>
      <c r="BH579" s="1106"/>
      <c r="BI579" s="1106"/>
      <c r="BJ579" s="1106"/>
      <c r="BK579" s="1106"/>
      <c r="BL579" s="1106"/>
      <c r="BM579" s="1106"/>
      <c r="BN579" s="1106"/>
      <c r="BO579" s="1106"/>
      <c r="BP579" s="1106"/>
      <c r="BQ579" s="1106"/>
      <c r="BR579" s="1106"/>
      <c r="BS579" s="1106"/>
      <c r="BT579" s="1106"/>
      <c r="BU579" s="1106"/>
      <c r="BV579" s="1106"/>
      <c r="BW579" s="1106"/>
      <c r="BX579" s="1106"/>
      <c r="BY579" s="1106"/>
      <c r="BZ579" s="1106"/>
      <c r="CA579" s="1106"/>
    </row>
    <row r="580" spans="3:79" ht="9" customHeight="1" x14ac:dyDescent="0.2">
      <c r="C580" s="1106"/>
      <c r="D580" s="1106"/>
      <c r="E580" s="1106"/>
      <c r="F580" s="1106"/>
      <c r="G580" s="1106"/>
      <c r="H580" s="1106"/>
      <c r="I580" s="1106"/>
      <c r="J580" s="1106"/>
      <c r="K580" s="1106"/>
      <c r="L580" s="1106"/>
      <c r="M580" s="1106"/>
      <c r="N580" s="1106"/>
      <c r="O580" s="1106"/>
      <c r="U580" s="1106"/>
      <c r="AB580" s="1106"/>
      <c r="AC580" s="1106"/>
      <c r="AD580" s="1106"/>
      <c r="AE580" s="1106"/>
      <c r="AF580" s="1106"/>
      <c r="AG580" s="1106"/>
      <c r="AH580" s="1106"/>
      <c r="AL580" s="1106"/>
      <c r="AT580" s="1106"/>
      <c r="AU580" s="1106"/>
      <c r="AV580" s="1106"/>
      <c r="AW580" s="1106"/>
      <c r="AX580" s="1106"/>
      <c r="AY580" s="1106"/>
      <c r="AZ580" s="1106"/>
      <c r="BA580" s="1106"/>
      <c r="BB580" s="1106"/>
      <c r="BC580" s="1106"/>
      <c r="BD580" s="1106"/>
      <c r="BE580" s="1106"/>
      <c r="BF580" s="1106"/>
      <c r="BG580" s="1106"/>
      <c r="BH580" s="1106"/>
      <c r="BI580" s="1106"/>
      <c r="BJ580" s="1106"/>
      <c r="BK580" s="1106"/>
      <c r="BL580" s="1106"/>
      <c r="BM580" s="1106"/>
      <c r="BN580" s="1106"/>
      <c r="BO580" s="1106"/>
      <c r="BP580" s="1106"/>
      <c r="BQ580" s="1106"/>
      <c r="BR580" s="1106"/>
      <c r="BS580" s="1106"/>
      <c r="BT580" s="1106"/>
      <c r="BU580" s="1106"/>
      <c r="BV580" s="1106"/>
      <c r="BW580" s="1106"/>
      <c r="BX580" s="1106"/>
      <c r="BY580" s="1106"/>
      <c r="BZ580" s="1106"/>
      <c r="CA580" s="1106"/>
    </row>
    <row r="581" spans="3:79" ht="9" customHeight="1" x14ac:dyDescent="0.2">
      <c r="C581" s="1106"/>
      <c r="D581" s="1106"/>
      <c r="E581" s="1106"/>
      <c r="F581" s="1106"/>
      <c r="G581" s="1106"/>
      <c r="H581" s="1106"/>
      <c r="I581" s="1106"/>
      <c r="J581" s="1106"/>
      <c r="K581" s="1106"/>
      <c r="L581" s="1106"/>
      <c r="M581" s="1106"/>
      <c r="N581" s="1106"/>
      <c r="O581" s="1106"/>
      <c r="U581" s="1106"/>
      <c r="AB581" s="1106"/>
      <c r="AC581" s="1106"/>
      <c r="AD581" s="1106"/>
      <c r="AE581" s="1106"/>
      <c r="AF581" s="1106"/>
      <c r="AG581" s="1106"/>
      <c r="AH581" s="1106"/>
      <c r="AL581" s="1106"/>
      <c r="AO581" s="1106"/>
      <c r="AP581" s="1106"/>
      <c r="AT581" s="1106"/>
      <c r="AU581" s="1106"/>
      <c r="AV581" s="1106"/>
      <c r="AW581" s="1106"/>
      <c r="AX581" s="1106"/>
      <c r="AY581" s="1106"/>
      <c r="AZ581" s="1106"/>
      <c r="BA581" s="1106"/>
      <c r="BB581" s="1106"/>
      <c r="BC581" s="1106"/>
      <c r="BD581" s="1106"/>
      <c r="BE581" s="1106"/>
      <c r="BF581" s="1106"/>
      <c r="BG581" s="1106"/>
      <c r="BH581" s="1106"/>
      <c r="BI581" s="1106"/>
      <c r="BJ581" s="1106"/>
      <c r="BK581" s="1106"/>
      <c r="BL581" s="1106"/>
      <c r="BM581" s="1106"/>
      <c r="BN581" s="1106"/>
      <c r="BO581" s="1106"/>
      <c r="BP581" s="1106"/>
      <c r="BQ581" s="1106"/>
      <c r="BR581" s="1106"/>
      <c r="BS581" s="1106"/>
      <c r="BT581" s="1106"/>
      <c r="BU581" s="1106"/>
      <c r="BV581" s="1106"/>
      <c r="BW581" s="1106"/>
      <c r="BX581" s="1106"/>
      <c r="BY581" s="1106"/>
      <c r="BZ581" s="1106"/>
      <c r="CA581" s="1106"/>
    </row>
    <row r="582" spans="3:79" ht="9" customHeight="1" x14ac:dyDescent="0.2">
      <c r="C582" s="1106"/>
      <c r="D582" s="1106"/>
      <c r="E582" s="1106"/>
      <c r="F582" s="1106"/>
      <c r="G582" s="1106"/>
      <c r="H582" s="1106"/>
      <c r="I582" s="1106"/>
      <c r="J582" s="1106"/>
      <c r="K582" s="1106"/>
      <c r="L582" s="1106"/>
      <c r="M582" s="1106"/>
      <c r="N582" s="1106"/>
      <c r="O582" s="1106"/>
      <c r="U582" s="1106"/>
      <c r="AB582" s="1106"/>
      <c r="AC582" s="1106"/>
      <c r="AD582" s="1106"/>
      <c r="AE582" s="1106"/>
      <c r="AF582" s="1106"/>
      <c r="AG582" s="1106"/>
      <c r="AH582" s="1106"/>
      <c r="AL582" s="1106"/>
      <c r="AT582" s="1106"/>
      <c r="AU582" s="1106"/>
      <c r="AV582" s="1106"/>
      <c r="AW582" s="1106"/>
      <c r="AX582" s="1106"/>
      <c r="AY582" s="1106"/>
      <c r="AZ582" s="1106"/>
      <c r="BA582" s="1106"/>
      <c r="BB582" s="1106"/>
      <c r="BC582" s="1106"/>
      <c r="BD582" s="1106"/>
      <c r="BE582" s="1106"/>
      <c r="BF582" s="1106"/>
      <c r="BG582" s="1106"/>
      <c r="BH582" s="1106"/>
      <c r="BI582" s="1106"/>
      <c r="BJ582" s="1106"/>
      <c r="BK582" s="1106"/>
      <c r="BL582" s="1106"/>
      <c r="BM582" s="1106"/>
      <c r="BN582" s="1106"/>
      <c r="BO582" s="1106"/>
      <c r="BP582" s="1106"/>
      <c r="BQ582" s="1106"/>
      <c r="BR582" s="1106"/>
      <c r="BS582" s="1106"/>
      <c r="BT582" s="1106"/>
      <c r="BU582" s="1106"/>
      <c r="BV582" s="1106"/>
      <c r="BW582" s="1106"/>
      <c r="BX582" s="1106"/>
      <c r="BY582" s="1106"/>
      <c r="BZ582" s="1106"/>
      <c r="CA582" s="1106"/>
    </row>
    <row r="583" spans="3:79" ht="9" customHeight="1" x14ac:dyDescent="0.2">
      <c r="C583" s="1106"/>
      <c r="D583" s="1106"/>
      <c r="E583" s="1106"/>
      <c r="F583" s="1106"/>
      <c r="G583" s="1106"/>
      <c r="H583" s="1106"/>
      <c r="I583" s="1106"/>
      <c r="J583" s="1106"/>
      <c r="K583" s="1106"/>
      <c r="L583" s="1106"/>
      <c r="M583" s="1106"/>
      <c r="N583" s="1106"/>
      <c r="O583" s="1106"/>
      <c r="AB583" s="1106"/>
      <c r="AC583" s="1106"/>
      <c r="AD583" s="1106"/>
      <c r="AE583" s="1106"/>
      <c r="AF583" s="1106"/>
      <c r="AG583" s="1106"/>
      <c r="AH583" s="1106"/>
      <c r="AL583" s="1106"/>
      <c r="AZ583" s="1106"/>
      <c r="BA583" s="1106"/>
      <c r="BB583" s="1106"/>
      <c r="BC583" s="1106"/>
      <c r="BD583" s="1106"/>
      <c r="BE583" s="1106"/>
      <c r="BF583" s="1106"/>
      <c r="BG583" s="1106"/>
      <c r="BH583" s="1106"/>
      <c r="BI583" s="1106"/>
      <c r="BJ583" s="1106"/>
      <c r="BK583" s="1106"/>
      <c r="BL583" s="1106"/>
      <c r="BM583" s="1106"/>
      <c r="BN583" s="1106"/>
      <c r="BO583" s="1106"/>
      <c r="BP583" s="1106"/>
      <c r="BQ583" s="1106"/>
      <c r="BR583" s="1106"/>
      <c r="BS583" s="1106"/>
      <c r="BT583" s="1106"/>
      <c r="BU583" s="1106"/>
      <c r="BV583" s="1106"/>
      <c r="BW583" s="1106"/>
      <c r="BX583" s="1106"/>
      <c r="BY583" s="1106"/>
      <c r="BZ583" s="1106"/>
      <c r="CA583" s="1106"/>
    </row>
    <row r="584" spans="3:79" ht="9" customHeight="1" x14ac:dyDescent="0.2">
      <c r="C584" s="1106"/>
      <c r="D584" s="1106"/>
      <c r="E584" s="1106"/>
      <c r="F584" s="1106"/>
      <c r="G584" s="1106"/>
      <c r="H584" s="1106"/>
      <c r="I584" s="1106"/>
      <c r="J584" s="1106"/>
      <c r="K584" s="1106"/>
      <c r="L584" s="1106"/>
      <c r="M584" s="1106"/>
      <c r="N584" s="1106"/>
      <c r="O584" s="1106"/>
      <c r="AB584" s="1106"/>
      <c r="AC584" s="1106"/>
      <c r="AD584" s="1106"/>
      <c r="AE584" s="1106"/>
      <c r="AF584" s="1106"/>
      <c r="AG584" s="1106"/>
      <c r="AH584" s="1106"/>
      <c r="AL584" s="1106"/>
      <c r="AZ584" s="1106"/>
      <c r="BA584" s="1106"/>
      <c r="BB584" s="1106"/>
      <c r="BC584" s="1106"/>
      <c r="BD584" s="1106"/>
      <c r="BE584" s="1106"/>
      <c r="BF584" s="1106"/>
      <c r="BG584" s="1106"/>
      <c r="BH584" s="1106"/>
      <c r="BI584" s="1106"/>
      <c r="BJ584" s="1106"/>
      <c r="BK584" s="1106"/>
      <c r="BL584" s="1106"/>
      <c r="BM584" s="1106"/>
      <c r="BN584" s="1106"/>
      <c r="BO584" s="1106"/>
      <c r="BP584" s="1106"/>
      <c r="BQ584" s="1106"/>
      <c r="BR584" s="1106"/>
      <c r="BS584" s="1106"/>
      <c r="BT584" s="1106"/>
      <c r="BU584" s="1106"/>
      <c r="BV584" s="1106"/>
      <c r="BW584" s="1106"/>
      <c r="BX584" s="1106"/>
      <c r="BY584" s="1106"/>
      <c r="BZ584" s="1106"/>
      <c r="CA584" s="1106"/>
    </row>
    <row r="585" spans="3:79" ht="9" customHeight="1" x14ac:dyDescent="0.2">
      <c r="C585" s="1106"/>
      <c r="D585" s="1106"/>
      <c r="E585" s="1106"/>
      <c r="F585" s="1106"/>
      <c r="G585" s="1106"/>
      <c r="H585" s="1106"/>
      <c r="I585" s="1106"/>
      <c r="J585" s="1106"/>
      <c r="K585" s="1106"/>
      <c r="L585" s="1106"/>
      <c r="M585" s="1106"/>
      <c r="N585" s="1106"/>
      <c r="O585" s="1106"/>
      <c r="AB585" s="1106"/>
      <c r="AC585" s="1106"/>
      <c r="AD585" s="1106"/>
      <c r="AE585" s="1106"/>
      <c r="AF585" s="1106"/>
      <c r="AG585" s="1106"/>
      <c r="AH585" s="1106"/>
      <c r="AL585" s="1106"/>
      <c r="AZ585" s="1106"/>
      <c r="BA585" s="1106"/>
      <c r="BB585" s="1106"/>
      <c r="BC585" s="1106"/>
      <c r="BD585" s="1106"/>
      <c r="BE585" s="1106"/>
      <c r="BF585" s="1106"/>
      <c r="BG585" s="1106"/>
      <c r="BH585" s="1106"/>
      <c r="BI585" s="1106"/>
      <c r="BJ585" s="1106"/>
      <c r="BK585" s="1106"/>
      <c r="BL585" s="1106"/>
      <c r="BM585" s="1106"/>
      <c r="BN585" s="1106"/>
      <c r="BO585" s="1106"/>
      <c r="BP585" s="1106"/>
      <c r="BQ585" s="1106"/>
      <c r="BR585" s="1106"/>
      <c r="BS585" s="1106"/>
      <c r="BT585" s="1106"/>
      <c r="BU585" s="1106"/>
      <c r="BV585" s="1106"/>
      <c r="BW585" s="1106"/>
      <c r="BX585" s="1106"/>
      <c r="BY585" s="1106"/>
      <c r="BZ585" s="1106"/>
      <c r="CA585" s="1106"/>
    </row>
    <row r="586" spans="3:79" ht="9" customHeight="1" x14ac:dyDescent="0.2">
      <c r="C586" s="1106"/>
      <c r="D586" s="1106"/>
      <c r="E586" s="1106"/>
      <c r="F586" s="1106"/>
      <c r="G586" s="1106"/>
      <c r="H586" s="1106"/>
      <c r="I586" s="1106"/>
      <c r="J586" s="1106"/>
      <c r="K586" s="1106"/>
      <c r="L586" s="1106"/>
      <c r="M586" s="1106"/>
      <c r="N586" s="1106"/>
      <c r="O586" s="1106"/>
      <c r="U586" s="1106"/>
      <c r="AB586" s="1106"/>
      <c r="AC586" s="1106"/>
      <c r="AD586" s="1106"/>
      <c r="AE586" s="1106"/>
      <c r="AF586" s="1106"/>
      <c r="AG586" s="1106"/>
      <c r="AH586" s="1106"/>
      <c r="AL586" s="1106"/>
      <c r="AT586" s="1106"/>
      <c r="AU586" s="1106"/>
      <c r="AV586" s="1106"/>
      <c r="AW586" s="1106"/>
      <c r="AX586" s="1106"/>
      <c r="AY586" s="1106"/>
      <c r="AZ586" s="1106"/>
      <c r="BA586" s="1106"/>
      <c r="BB586" s="1106"/>
      <c r="BC586" s="1106"/>
      <c r="BD586" s="1106"/>
      <c r="BE586" s="1106"/>
      <c r="BF586" s="1106"/>
      <c r="BG586" s="1106"/>
      <c r="BH586" s="1106"/>
      <c r="BI586" s="1106"/>
      <c r="BJ586" s="1106"/>
      <c r="BK586" s="1106"/>
      <c r="BL586" s="1106"/>
      <c r="BM586" s="1106"/>
      <c r="BN586" s="1106"/>
      <c r="BO586" s="1106"/>
      <c r="BP586" s="1106"/>
      <c r="BQ586" s="1106"/>
      <c r="BR586" s="1106"/>
      <c r="BS586" s="1106"/>
      <c r="BT586" s="1106"/>
      <c r="BU586" s="1106"/>
      <c r="BV586" s="1106"/>
      <c r="BW586" s="1106"/>
      <c r="BX586" s="1106"/>
      <c r="BY586" s="1106"/>
      <c r="BZ586" s="1106"/>
      <c r="CA586" s="1106"/>
    </row>
    <row r="587" spans="3:79" ht="9" customHeight="1" x14ac:dyDescent="0.2">
      <c r="C587" s="1106"/>
      <c r="D587" s="1106"/>
      <c r="E587" s="1106"/>
      <c r="F587" s="1106"/>
      <c r="G587" s="1106"/>
      <c r="H587" s="1106"/>
      <c r="I587" s="1106"/>
      <c r="J587" s="1106"/>
      <c r="K587" s="1106"/>
      <c r="L587" s="1106"/>
      <c r="M587" s="1106"/>
      <c r="N587" s="1106"/>
      <c r="O587" s="1106"/>
      <c r="U587" s="1106"/>
      <c r="AB587" s="1106"/>
      <c r="AC587" s="1106"/>
      <c r="AD587" s="1106"/>
      <c r="AE587" s="1106"/>
      <c r="AF587" s="1106"/>
      <c r="AG587" s="1106"/>
      <c r="AH587" s="1106"/>
      <c r="AL587" s="1106"/>
      <c r="AO587" s="1106"/>
      <c r="AP587" s="1106"/>
      <c r="AT587" s="1106"/>
      <c r="AU587" s="1106"/>
      <c r="AV587" s="1106"/>
      <c r="AW587" s="1106"/>
      <c r="AX587" s="1106"/>
      <c r="AY587" s="1106"/>
      <c r="AZ587" s="1106"/>
      <c r="BA587" s="1106"/>
      <c r="BB587" s="1106"/>
      <c r="BC587" s="1106"/>
      <c r="BD587" s="1106"/>
      <c r="BE587" s="1106"/>
      <c r="BF587" s="1106"/>
      <c r="BG587" s="1106"/>
      <c r="BH587" s="1106"/>
      <c r="BI587" s="1106"/>
      <c r="BJ587" s="1106"/>
      <c r="BK587" s="1106"/>
      <c r="BL587" s="1106"/>
      <c r="BM587" s="1106"/>
      <c r="BN587" s="1106"/>
      <c r="BO587" s="1106"/>
      <c r="BP587" s="1106"/>
      <c r="BQ587" s="1106"/>
      <c r="BR587" s="1106"/>
      <c r="BS587" s="1106"/>
      <c r="BT587" s="1106"/>
      <c r="BU587" s="1106"/>
      <c r="BV587" s="1106"/>
      <c r="BW587" s="1106"/>
      <c r="BX587" s="1106"/>
      <c r="BY587" s="1106"/>
      <c r="BZ587" s="1106"/>
      <c r="CA587" s="1106"/>
    </row>
    <row r="588" spans="3:79" ht="9" customHeight="1" x14ac:dyDescent="0.2">
      <c r="C588" s="1106"/>
      <c r="D588" s="1106"/>
      <c r="E588" s="1106"/>
      <c r="F588" s="1106"/>
      <c r="G588" s="1106"/>
      <c r="H588" s="1106"/>
      <c r="I588" s="1106"/>
      <c r="J588" s="1106"/>
      <c r="K588" s="1106"/>
      <c r="L588" s="1106"/>
      <c r="M588" s="1106"/>
      <c r="N588" s="1106"/>
      <c r="O588" s="1106"/>
      <c r="U588" s="1106"/>
      <c r="AB588" s="1106"/>
      <c r="AC588" s="1106"/>
      <c r="AD588" s="1106"/>
      <c r="AE588" s="1106"/>
      <c r="AF588" s="1106"/>
      <c r="AG588" s="1106"/>
      <c r="AH588" s="1106"/>
      <c r="AL588" s="1106"/>
      <c r="AT588" s="1106"/>
      <c r="AU588" s="1106"/>
      <c r="AV588" s="1106"/>
      <c r="AW588" s="1106"/>
      <c r="AX588" s="1106"/>
      <c r="AY588" s="1106"/>
      <c r="AZ588" s="1106"/>
      <c r="BA588" s="1106"/>
      <c r="BB588" s="1106"/>
      <c r="BC588" s="1106"/>
      <c r="BD588" s="1106"/>
      <c r="BE588" s="1106"/>
      <c r="BF588" s="1106"/>
      <c r="BG588" s="1106"/>
      <c r="BH588" s="1106"/>
      <c r="BI588" s="1106"/>
      <c r="BJ588" s="1106"/>
      <c r="BK588" s="1106"/>
      <c r="BL588" s="1106"/>
      <c r="BM588" s="1106"/>
      <c r="BN588" s="1106"/>
      <c r="BO588" s="1106"/>
      <c r="BP588" s="1106"/>
      <c r="BQ588" s="1106"/>
      <c r="BR588" s="1106"/>
      <c r="BS588" s="1106"/>
      <c r="BT588" s="1106"/>
      <c r="BU588" s="1106"/>
      <c r="BV588" s="1106"/>
      <c r="BW588" s="1106"/>
      <c r="BX588" s="1106"/>
      <c r="BY588" s="1106"/>
      <c r="BZ588" s="1106"/>
      <c r="CA588" s="1106"/>
    </row>
    <row r="589" spans="3:79" ht="9" customHeight="1" x14ac:dyDescent="0.2">
      <c r="C589" s="1106"/>
      <c r="D589" s="1106"/>
      <c r="E589" s="1106"/>
      <c r="F589" s="1106"/>
      <c r="G589" s="1106"/>
      <c r="H589" s="1106"/>
      <c r="I589" s="1106"/>
      <c r="J589" s="1106"/>
      <c r="K589" s="1106"/>
      <c r="L589" s="1106"/>
      <c r="M589" s="1106"/>
      <c r="N589" s="1106"/>
      <c r="O589" s="1106"/>
      <c r="AB589" s="1106"/>
      <c r="AC589" s="1106"/>
      <c r="AD589" s="1106"/>
      <c r="AE589" s="1106"/>
      <c r="AF589" s="1106"/>
      <c r="AG589" s="1106"/>
      <c r="AH589" s="1106"/>
      <c r="AL589" s="1106"/>
      <c r="AZ589" s="1106"/>
      <c r="BA589" s="1106"/>
      <c r="BB589" s="1106"/>
      <c r="BC589" s="1106"/>
      <c r="BD589" s="1106"/>
      <c r="BE589" s="1106"/>
      <c r="BF589" s="1106"/>
      <c r="BG589" s="1106"/>
      <c r="BH589" s="1106"/>
      <c r="BI589" s="1106"/>
      <c r="BJ589" s="1106"/>
      <c r="BK589" s="1106"/>
      <c r="BL589" s="1106"/>
      <c r="BM589" s="1106"/>
      <c r="BN589" s="1106"/>
      <c r="BO589" s="1106"/>
      <c r="BP589" s="1106"/>
      <c r="BQ589" s="1106"/>
      <c r="BR589" s="1106"/>
      <c r="BS589" s="1106"/>
      <c r="BT589" s="1106"/>
      <c r="BU589" s="1106"/>
      <c r="BV589" s="1106"/>
      <c r="BW589" s="1106"/>
      <c r="BX589" s="1106"/>
      <c r="BY589" s="1106"/>
      <c r="BZ589" s="1106"/>
      <c r="CA589" s="1106"/>
    </row>
    <row r="590" spans="3:79" ht="9" customHeight="1" x14ac:dyDescent="0.2">
      <c r="C590" s="1106"/>
      <c r="D590" s="1106"/>
      <c r="E590" s="1106"/>
      <c r="F590" s="1106"/>
      <c r="G590" s="1106"/>
      <c r="H590" s="1106"/>
      <c r="I590" s="1106"/>
      <c r="J590" s="1106"/>
      <c r="K590" s="1106"/>
      <c r="L590" s="1106"/>
      <c r="M590" s="1106"/>
      <c r="N590" s="1106"/>
      <c r="O590" s="1106"/>
      <c r="AB590" s="1106"/>
      <c r="AC590" s="1106"/>
      <c r="AD590" s="1106"/>
      <c r="AE590" s="1106"/>
      <c r="AF590" s="1106"/>
      <c r="AG590" s="1106"/>
      <c r="AH590" s="1106"/>
      <c r="AL590" s="1106"/>
      <c r="AZ590" s="1106"/>
      <c r="BA590" s="1106"/>
      <c r="BB590" s="1106"/>
      <c r="BC590" s="1106"/>
      <c r="BD590" s="1106"/>
      <c r="BE590" s="1106"/>
      <c r="BF590" s="1106"/>
      <c r="BG590" s="1106"/>
      <c r="BH590" s="1106"/>
      <c r="BI590" s="1106"/>
      <c r="BJ590" s="1106"/>
      <c r="BK590" s="1106"/>
      <c r="BL590" s="1106"/>
      <c r="BM590" s="1106"/>
      <c r="BN590" s="1106"/>
      <c r="BO590" s="1106"/>
      <c r="BP590" s="1106"/>
      <c r="BQ590" s="1106"/>
      <c r="BR590" s="1106"/>
      <c r="BS590" s="1106"/>
      <c r="BT590" s="1106"/>
      <c r="BU590" s="1106"/>
      <c r="BV590" s="1106"/>
      <c r="BW590" s="1106"/>
      <c r="BX590" s="1106"/>
      <c r="BY590" s="1106"/>
      <c r="BZ590" s="1106"/>
      <c r="CA590" s="1106"/>
    </row>
    <row r="591" spans="3:79" ht="9" customHeight="1" x14ac:dyDescent="0.2">
      <c r="C591" s="1106"/>
      <c r="D591" s="1106"/>
      <c r="E591" s="1106"/>
      <c r="F591" s="1106"/>
      <c r="G591" s="1106"/>
      <c r="H591" s="1106"/>
      <c r="I591" s="1106"/>
      <c r="J591" s="1106"/>
      <c r="K591" s="1106"/>
      <c r="L591" s="1106"/>
      <c r="M591" s="1106"/>
      <c r="N591" s="1106"/>
      <c r="O591" s="1106"/>
      <c r="AB591" s="1106"/>
      <c r="AC591" s="1106"/>
      <c r="AD591" s="1106"/>
      <c r="AE591" s="1106"/>
      <c r="AF591" s="1106"/>
      <c r="AG591" s="1106"/>
      <c r="AH591" s="1106"/>
      <c r="AL591" s="1106"/>
      <c r="AZ591" s="1106"/>
      <c r="BA591" s="1106"/>
      <c r="BB591" s="1106"/>
      <c r="BC591" s="1106"/>
      <c r="BD591" s="1106"/>
      <c r="BE591" s="1106"/>
      <c r="BF591" s="1106"/>
      <c r="BG591" s="1106"/>
      <c r="BH591" s="1106"/>
      <c r="BI591" s="1106"/>
      <c r="BJ591" s="1106"/>
      <c r="BK591" s="1106"/>
      <c r="BL591" s="1106"/>
      <c r="BM591" s="1106"/>
      <c r="BN591" s="1106"/>
      <c r="BO591" s="1106"/>
      <c r="BP591" s="1106"/>
      <c r="BQ591" s="1106"/>
      <c r="BR591" s="1106"/>
      <c r="BS591" s="1106"/>
      <c r="BT591" s="1106"/>
      <c r="BU591" s="1106"/>
      <c r="BV591" s="1106"/>
      <c r="BW591" s="1106"/>
      <c r="BX591" s="1106"/>
      <c r="BY591" s="1106"/>
      <c r="BZ591" s="1106"/>
      <c r="CA591" s="1106"/>
    </row>
    <row r="592" spans="3:79" ht="9" customHeight="1" x14ac:dyDescent="0.2">
      <c r="C592" s="1106"/>
      <c r="D592" s="1106"/>
      <c r="E592" s="1106"/>
      <c r="F592" s="1106"/>
      <c r="G592" s="1106"/>
      <c r="H592" s="1106"/>
      <c r="I592" s="1106"/>
      <c r="J592" s="1106"/>
      <c r="K592" s="1106"/>
      <c r="L592" s="1106"/>
      <c r="M592" s="1106"/>
      <c r="N592" s="1106"/>
      <c r="O592" s="1106"/>
      <c r="U592" s="1106"/>
      <c r="AB592" s="1106"/>
      <c r="AC592" s="1106"/>
      <c r="AD592" s="1106"/>
      <c r="AE592" s="1106"/>
      <c r="AF592" s="1106"/>
      <c r="AG592" s="1106"/>
      <c r="AH592" s="1106"/>
      <c r="AL592" s="1106"/>
      <c r="AT592" s="1106"/>
      <c r="AU592" s="1106"/>
      <c r="AV592" s="1106"/>
      <c r="AW592" s="1106"/>
      <c r="AX592" s="1106"/>
      <c r="AY592" s="1106"/>
      <c r="AZ592" s="1106"/>
      <c r="BA592" s="1106"/>
      <c r="BB592" s="1106"/>
      <c r="BC592" s="1106"/>
      <c r="BD592" s="1106"/>
      <c r="BE592" s="1106"/>
      <c r="BF592" s="1106"/>
      <c r="BG592" s="1106"/>
      <c r="BH592" s="1106"/>
      <c r="BI592" s="1106"/>
      <c r="BJ592" s="1106"/>
      <c r="BK592" s="1106"/>
      <c r="BL592" s="1106"/>
      <c r="BM592" s="1106"/>
      <c r="BN592" s="1106"/>
      <c r="BO592" s="1106"/>
      <c r="BP592" s="1106"/>
      <c r="BQ592" s="1106"/>
      <c r="BR592" s="1106"/>
      <c r="BS592" s="1106"/>
      <c r="BT592" s="1106"/>
      <c r="BU592" s="1106"/>
      <c r="BV592" s="1106"/>
      <c r="BW592" s="1106"/>
      <c r="BX592" s="1106"/>
      <c r="BY592" s="1106"/>
      <c r="BZ592" s="1106"/>
      <c r="CA592" s="1106"/>
    </row>
    <row r="593" spans="3:79" ht="9" customHeight="1" x14ac:dyDescent="0.2">
      <c r="C593" s="1106"/>
      <c r="D593" s="1106"/>
      <c r="E593" s="1106"/>
      <c r="F593" s="1106"/>
      <c r="G593" s="1106"/>
      <c r="H593" s="1106"/>
      <c r="I593" s="1106"/>
      <c r="J593" s="1106"/>
      <c r="K593" s="1106"/>
      <c r="L593" s="1106"/>
      <c r="M593" s="1106"/>
      <c r="N593" s="1106"/>
      <c r="O593" s="1106"/>
      <c r="U593" s="1106"/>
      <c r="AB593" s="1106"/>
      <c r="AC593" s="1106"/>
      <c r="AD593" s="1106"/>
      <c r="AE593" s="1106"/>
      <c r="AF593" s="1106"/>
      <c r="AG593" s="1106"/>
      <c r="AH593" s="1106"/>
      <c r="AL593" s="1106"/>
      <c r="AO593" s="1106"/>
      <c r="AP593" s="1106"/>
      <c r="AT593" s="1106"/>
      <c r="AU593" s="1106"/>
      <c r="AV593" s="1106"/>
      <c r="AW593" s="1106"/>
      <c r="AX593" s="1106"/>
      <c r="AY593" s="1106"/>
      <c r="AZ593" s="1106"/>
      <c r="BA593" s="1106"/>
      <c r="BB593" s="1106"/>
      <c r="BC593" s="1106"/>
      <c r="BD593" s="1106"/>
      <c r="BE593" s="1106"/>
      <c r="BF593" s="1106"/>
      <c r="BG593" s="1106"/>
      <c r="BH593" s="1106"/>
      <c r="BI593" s="1106"/>
      <c r="BJ593" s="1106"/>
      <c r="BK593" s="1106"/>
      <c r="BL593" s="1106"/>
      <c r="BM593" s="1106"/>
      <c r="BN593" s="1106"/>
      <c r="BO593" s="1106"/>
      <c r="BP593" s="1106"/>
      <c r="BQ593" s="1106"/>
      <c r="BR593" s="1106"/>
      <c r="BS593" s="1106"/>
      <c r="BT593" s="1106"/>
      <c r="BU593" s="1106"/>
      <c r="BV593" s="1106"/>
      <c r="BW593" s="1106"/>
      <c r="BX593" s="1106"/>
      <c r="BY593" s="1106"/>
      <c r="BZ593" s="1106"/>
      <c r="CA593" s="1106"/>
    </row>
    <row r="594" spans="3:79" ht="9" customHeight="1" x14ac:dyDescent="0.2">
      <c r="C594" s="1106"/>
      <c r="D594" s="1106"/>
      <c r="E594" s="1106"/>
      <c r="F594" s="1106"/>
      <c r="G594" s="1106"/>
      <c r="H594" s="1106"/>
      <c r="I594" s="1106"/>
      <c r="J594" s="1106"/>
      <c r="K594" s="1106"/>
      <c r="L594" s="1106"/>
      <c r="M594" s="1106"/>
      <c r="N594" s="1106"/>
      <c r="O594" s="1106"/>
      <c r="U594" s="1106"/>
      <c r="AB594" s="1106"/>
      <c r="AC594" s="1106"/>
      <c r="AD594" s="1106"/>
      <c r="AE594" s="1106"/>
      <c r="AF594" s="1106"/>
      <c r="AG594" s="1106"/>
      <c r="AH594" s="1106"/>
      <c r="AL594" s="1106"/>
      <c r="AT594" s="1106"/>
      <c r="AU594" s="1106"/>
      <c r="AV594" s="1106"/>
      <c r="AW594" s="1106"/>
      <c r="AX594" s="1106"/>
      <c r="AY594" s="1106"/>
      <c r="AZ594" s="1106"/>
      <c r="BA594" s="1106"/>
      <c r="BB594" s="1106"/>
      <c r="BC594" s="1106"/>
      <c r="BD594" s="1106"/>
      <c r="BE594" s="1106"/>
      <c r="BF594" s="1106"/>
      <c r="BG594" s="1106"/>
      <c r="BH594" s="1106"/>
      <c r="BI594" s="1106"/>
      <c r="BJ594" s="1106"/>
      <c r="BK594" s="1106"/>
      <c r="BL594" s="1106"/>
      <c r="BM594" s="1106"/>
      <c r="BN594" s="1106"/>
      <c r="BO594" s="1106"/>
      <c r="BP594" s="1106"/>
      <c r="BQ594" s="1106"/>
      <c r="BR594" s="1106"/>
      <c r="BS594" s="1106"/>
      <c r="BT594" s="1106"/>
      <c r="BU594" s="1106"/>
      <c r="BV594" s="1106"/>
      <c r="BW594" s="1106"/>
      <c r="BX594" s="1106"/>
      <c r="BY594" s="1106"/>
      <c r="BZ594" s="1106"/>
      <c r="CA594" s="1106"/>
    </row>
    <row r="595" spans="3:79" ht="9" customHeight="1" x14ac:dyDescent="0.2">
      <c r="C595" s="1106"/>
      <c r="D595" s="1106"/>
      <c r="E595" s="1106"/>
      <c r="F595" s="1106"/>
      <c r="G595" s="1106"/>
      <c r="H595" s="1106"/>
      <c r="I595" s="1106"/>
      <c r="J595" s="1106"/>
      <c r="K595" s="1106"/>
      <c r="L595" s="1106"/>
      <c r="M595" s="1106"/>
      <c r="N595" s="1106"/>
      <c r="O595" s="1106"/>
      <c r="AB595" s="1106"/>
      <c r="AC595" s="1106"/>
      <c r="AD595" s="1106"/>
      <c r="AE595" s="1106"/>
      <c r="AF595" s="1106"/>
      <c r="AG595" s="1106"/>
      <c r="AH595" s="1106"/>
      <c r="AL595" s="1106"/>
      <c r="AZ595" s="1106"/>
      <c r="BA595" s="1106"/>
      <c r="BB595" s="1106"/>
      <c r="BC595" s="1106"/>
      <c r="BD595" s="1106"/>
      <c r="BE595" s="1106"/>
      <c r="BF595" s="1106"/>
      <c r="BG595" s="1106"/>
      <c r="BH595" s="1106"/>
      <c r="BI595" s="1106"/>
      <c r="BJ595" s="1106"/>
      <c r="BK595" s="1106"/>
      <c r="BL595" s="1106"/>
      <c r="BM595" s="1106"/>
      <c r="BN595" s="1106"/>
      <c r="BO595" s="1106"/>
      <c r="BP595" s="1106"/>
      <c r="BQ595" s="1106"/>
      <c r="BR595" s="1106"/>
      <c r="BS595" s="1106"/>
      <c r="BT595" s="1106"/>
      <c r="BU595" s="1106"/>
      <c r="BV595" s="1106"/>
      <c r="BW595" s="1106"/>
      <c r="BX595" s="1106"/>
      <c r="BY595" s="1106"/>
      <c r="BZ595" s="1106"/>
      <c r="CA595" s="1106"/>
    </row>
    <row r="596" spans="3:79" ht="9" customHeight="1" x14ac:dyDescent="0.2">
      <c r="C596" s="1106"/>
      <c r="D596" s="1106"/>
      <c r="E596" s="1106"/>
      <c r="F596" s="1106"/>
      <c r="G596" s="1106"/>
      <c r="H596" s="1106"/>
      <c r="I596" s="1106"/>
      <c r="J596" s="1106"/>
      <c r="K596" s="1106"/>
      <c r="L596" s="1106"/>
      <c r="M596" s="1106"/>
      <c r="N596" s="1106"/>
      <c r="O596" s="1106"/>
      <c r="AB596" s="1106"/>
      <c r="AC596" s="1106"/>
      <c r="AD596" s="1106"/>
      <c r="AE596" s="1106"/>
      <c r="AF596" s="1106"/>
      <c r="AG596" s="1106"/>
      <c r="AH596" s="1106"/>
      <c r="AL596" s="1106"/>
      <c r="AZ596" s="1106"/>
      <c r="BA596" s="1106"/>
      <c r="BB596" s="1106"/>
      <c r="BC596" s="1106"/>
      <c r="BD596" s="1106"/>
      <c r="BE596" s="1106"/>
      <c r="BF596" s="1106"/>
      <c r="BG596" s="1106"/>
      <c r="BH596" s="1106"/>
      <c r="BI596" s="1106"/>
      <c r="BJ596" s="1106"/>
      <c r="BK596" s="1106"/>
      <c r="BL596" s="1106"/>
      <c r="BM596" s="1106"/>
      <c r="BN596" s="1106"/>
      <c r="BO596" s="1106"/>
      <c r="BP596" s="1106"/>
      <c r="BQ596" s="1106"/>
      <c r="BR596" s="1106"/>
      <c r="BS596" s="1106"/>
      <c r="BT596" s="1106"/>
      <c r="BU596" s="1106"/>
      <c r="BV596" s="1106"/>
      <c r="BW596" s="1106"/>
      <c r="BX596" s="1106"/>
      <c r="BY596" s="1106"/>
      <c r="BZ596" s="1106"/>
      <c r="CA596" s="1106"/>
    </row>
    <row r="597" spans="3:79" ht="9" customHeight="1" x14ac:dyDescent="0.2">
      <c r="C597" s="1106"/>
      <c r="D597" s="1106"/>
      <c r="E597" s="1106"/>
      <c r="F597" s="1106"/>
      <c r="G597" s="1106"/>
      <c r="H597" s="1106"/>
      <c r="I597" s="1106"/>
      <c r="J597" s="1106"/>
      <c r="K597" s="1106"/>
      <c r="L597" s="1106"/>
      <c r="M597" s="1106"/>
      <c r="N597" s="1106"/>
      <c r="O597" s="1106"/>
      <c r="AB597" s="1106"/>
      <c r="AC597" s="1106"/>
      <c r="AD597" s="1106"/>
      <c r="AE597" s="1106"/>
      <c r="AF597" s="1106"/>
      <c r="AG597" s="1106"/>
      <c r="AH597" s="1106"/>
      <c r="AL597" s="1106"/>
      <c r="AZ597" s="1106"/>
      <c r="BA597" s="1106"/>
      <c r="BB597" s="1106"/>
      <c r="BC597" s="1106"/>
      <c r="BD597" s="1106"/>
      <c r="BE597" s="1106"/>
      <c r="BF597" s="1106"/>
      <c r="BG597" s="1106"/>
      <c r="BH597" s="1106"/>
      <c r="BI597" s="1106"/>
      <c r="BJ597" s="1106"/>
      <c r="BK597" s="1106"/>
      <c r="BL597" s="1106"/>
      <c r="BM597" s="1106"/>
      <c r="BN597" s="1106"/>
      <c r="BO597" s="1106"/>
      <c r="BP597" s="1106"/>
      <c r="BQ597" s="1106"/>
      <c r="BR597" s="1106"/>
      <c r="BS597" s="1106"/>
      <c r="BT597" s="1106"/>
      <c r="BU597" s="1106"/>
      <c r="BV597" s="1106"/>
      <c r="BW597" s="1106"/>
      <c r="BX597" s="1106"/>
      <c r="BY597" s="1106"/>
      <c r="BZ597" s="1106"/>
      <c r="CA597" s="1106"/>
    </row>
    <row r="598" spans="3:79" ht="9" customHeight="1" x14ac:dyDescent="0.2">
      <c r="C598" s="1106"/>
      <c r="D598" s="1106"/>
      <c r="E598" s="1106"/>
      <c r="F598" s="1106"/>
      <c r="G598" s="1106"/>
      <c r="H598" s="1106"/>
      <c r="I598" s="1106"/>
      <c r="J598" s="1106"/>
      <c r="K598" s="1106"/>
      <c r="L598" s="1106"/>
      <c r="M598" s="1106"/>
      <c r="N598" s="1106"/>
      <c r="O598" s="1106"/>
      <c r="U598" s="1106"/>
      <c r="AB598" s="1106"/>
      <c r="AC598" s="1106"/>
      <c r="AD598" s="1106"/>
      <c r="AE598" s="1106"/>
      <c r="AF598" s="1106"/>
      <c r="AG598" s="1106"/>
      <c r="AH598" s="1106"/>
      <c r="AL598" s="1106"/>
      <c r="AT598" s="1106"/>
      <c r="AU598" s="1106"/>
      <c r="AV598" s="1106"/>
      <c r="AW598" s="1106"/>
      <c r="AX598" s="1106"/>
      <c r="AY598" s="1106"/>
      <c r="AZ598" s="1106"/>
      <c r="BA598" s="1106"/>
      <c r="BB598" s="1106"/>
      <c r="BC598" s="1106"/>
      <c r="BD598" s="1106"/>
      <c r="BE598" s="1106"/>
      <c r="BF598" s="1106"/>
      <c r="BG598" s="1106"/>
      <c r="BH598" s="1106"/>
      <c r="BI598" s="1106"/>
      <c r="BJ598" s="1106"/>
      <c r="BK598" s="1106"/>
      <c r="BL598" s="1106"/>
      <c r="BM598" s="1106"/>
      <c r="BN598" s="1106"/>
      <c r="BO598" s="1106"/>
      <c r="BP598" s="1106"/>
      <c r="BQ598" s="1106"/>
      <c r="BR598" s="1106"/>
      <c r="BS598" s="1106"/>
      <c r="BT598" s="1106"/>
      <c r="BU598" s="1106"/>
      <c r="BV598" s="1106"/>
      <c r="BW598" s="1106"/>
      <c r="BX598" s="1106"/>
      <c r="BY598" s="1106"/>
      <c r="BZ598" s="1106"/>
      <c r="CA598" s="1106"/>
    </row>
    <row r="599" spans="3:79" ht="9" customHeight="1" x14ac:dyDescent="0.2">
      <c r="C599" s="1106"/>
      <c r="D599" s="1106"/>
      <c r="E599" s="1106"/>
      <c r="F599" s="1106"/>
      <c r="G599" s="1106"/>
      <c r="H599" s="1106"/>
      <c r="I599" s="1106"/>
      <c r="J599" s="1106"/>
      <c r="K599" s="1106"/>
      <c r="L599" s="1106"/>
      <c r="M599" s="1106"/>
      <c r="N599" s="1106"/>
      <c r="O599" s="1106"/>
      <c r="U599" s="1106"/>
      <c r="AB599" s="1106"/>
      <c r="AC599" s="1106"/>
      <c r="AD599" s="1106"/>
      <c r="AE599" s="1106"/>
      <c r="AF599" s="1106"/>
      <c r="AG599" s="1106"/>
      <c r="AH599" s="1106"/>
      <c r="AL599" s="1106"/>
      <c r="AO599" s="1106"/>
      <c r="AP599" s="1106"/>
      <c r="AT599" s="1106"/>
      <c r="AU599" s="1106"/>
      <c r="AV599" s="1106"/>
      <c r="AW599" s="1106"/>
      <c r="AX599" s="1106"/>
      <c r="AY599" s="1106"/>
      <c r="AZ599" s="1106"/>
      <c r="BA599" s="1106"/>
      <c r="BB599" s="1106"/>
      <c r="BC599" s="1106"/>
      <c r="BD599" s="1106"/>
      <c r="BE599" s="1106"/>
      <c r="BF599" s="1106"/>
      <c r="BG599" s="1106"/>
      <c r="BH599" s="1106"/>
      <c r="BI599" s="1106"/>
      <c r="BJ599" s="1106"/>
      <c r="BK599" s="1106"/>
      <c r="BL599" s="1106"/>
      <c r="BM599" s="1106"/>
      <c r="BN599" s="1106"/>
      <c r="BO599" s="1106"/>
      <c r="BP599" s="1106"/>
      <c r="BQ599" s="1106"/>
      <c r="BR599" s="1106"/>
      <c r="BS599" s="1106"/>
      <c r="BT599" s="1106"/>
      <c r="BU599" s="1106"/>
      <c r="BV599" s="1106"/>
      <c r="BW599" s="1106"/>
      <c r="BX599" s="1106"/>
      <c r="BY599" s="1106"/>
      <c r="BZ599" s="1106"/>
      <c r="CA599" s="1106"/>
    </row>
    <row r="600" spans="3:79" ht="9" customHeight="1" x14ac:dyDescent="0.2">
      <c r="C600" s="1106"/>
      <c r="D600" s="1106"/>
      <c r="E600" s="1106"/>
      <c r="F600" s="1106"/>
      <c r="G600" s="1106"/>
      <c r="H600" s="1106"/>
      <c r="I600" s="1106"/>
      <c r="J600" s="1106"/>
      <c r="K600" s="1106"/>
      <c r="L600" s="1106"/>
      <c r="M600" s="1106"/>
      <c r="N600" s="1106"/>
      <c r="O600" s="1106"/>
      <c r="U600" s="1106"/>
      <c r="AB600" s="1106"/>
      <c r="AC600" s="1106"/>
      <c r="AD600" s="1106"/>
      <c r="AE600" s="1106"/>
      <c r="AF600" s="1106"/>
      <c r="AG600" s="1106"/>
      <c r="AH600" s="1106"/>
      <c r="AL600" s="1106"/>
      <c r="AT600" s="1106"/>
      <c r="AU600" s="1106"/>
      <c r="AV600" s="1106"/>
      <c r="AW600" s="1106"/>
      <c r="AX600" s="1106"/>
      <c r="AY600" s="1106"/>
      <c r="AZ600" s="1106"/>
      <c r="BA600" s="1106"/>
      <c r="BB600" s="1106"/>
      <c r="BC600" s="1106"/>
      <c r="BD600" s="1106"/>
      <c r="BE600" s="1106"/>
      <c r="BF600" s="1106"/>
      <c r="BG600" s="1106"/>
      <c r="BH600" s="1106"/>
      <c r="BI600" s="1106"/>
      <c r="BJ600" s="1106"/>
      <c r="BK600" s="1106"/>
      <c r="BL600" s="1106"/>
      <c r="BM600" s="1106"/>
      <c r="BN600" s="1106"/>
      <c r="BO600" s="1106"/>
      <c r="BP600" s="1106"/>
      <c r="BQ600" s="1106"/>
      <c r="BR600" s="1106"/>
      <c r="BS600" s="1106"/>
      <c r="BT600" s="1106"/>
      <c r="BU600" s="1106"/>
      <c r="BV600" s="1106"/>
      <c r="BW600" s="1106"/>
      <c r="BX600" s="1106"/>
      <c r="BY600" s="1106"/>
      <c r="BZ600" s="1106"/>
      <c r="CA600" s="1106"/>
    </row>
    <row r="601" spans="3:79" ht="9" customHeight="1" x14ac:dyDescent="0.2">
      <c r="C601" s="1106"/>
      <c r="D601" s="1106"/>
      <c r="E601" s="1106"/>
      <c r="F601" s="1106"/>
      <c r="G601" s="1106"/>
      <c r="H601" s="1106"/>
      <c r="I601" s="1106"/>
      <c r="J601" s="1106"/>
      <c r="K601" s="1106"/>
      <c r="L601" s="1106"/>
      <c r="M601" s="1106"/>
      <c r="N601" s="1106"/>
      <c r="O601" s="1106"/>
      <c r="AB601" s="1106"/>
      <c r="AC601" s="1106"/>
      <c r="AD601" s="1106"/>
      <c r="AE601" s="1106"/>
      <c r="AF601" s="1106"/>
      <c r="AG601" s="1106"/>
      <c r="AH601" s="1106"/>
      <c r="AL601" s="1106"/>
      <c r="AZ601" s="1106"/>
      <c r="BA601" s="1106"/>
      <c r="BB601" s="1106"/>
      <c r="BC601" s="1106"/>
      <c r="BD601" s="1106"/>
      <c r="BE601" s="1106"/>
      <c r="BF601" s="1106"/>
      <c r="BG601" s="1106"/>
      <c r="BH601" s="1106"/>
      <c r="BI601" s="1106"/>
      <c r="BJ601" s="1106"/>
      <c r="BK601" s="1106"/>
      <c r="BL601" s="1106"/>
      <c r="BM601" s="1106"/>
      <c r="BN601" s="1106"/>
      <c r="BO601" s="1106"/>
      <c r="BP601" s="1106"/>
      <c r="BQ601" s="1106"/>
      <c r="BR601" s="1106"/>
      <c r="BS601" s="1106"/>
      <c r="BT601" s="1106"/>
      <c r="BU601" s="1106"/>
      <c r="BV601" s="1106"/>
      <c r="BW601" s="1106"/>
      <c r="BX601" s="1106"/>
      <c r="BY601" s="1106"/>
      <c r="BZ601" s="1106"/>
      <c r="CA601" s="1106"/>
    </row>
    <row r="602" spans="3:79" ht="9" customHeight="1" x14ac:dyDescent="0.2">
      <c r="C602" s="1106"/>
      <c r="D602" s="1106"/>
      <c r="E602" s="1106"/>
      <c r="F602" s="1106"/>
      <c r="G602" s="1106"/>
      <c r="H602" s="1106"/>
      <c r="I602" s="1106"/>
      <c r="J602" s="1106"/>
      <c r="K602" s="1106"/>
      <c r="L602" s="1106"/>
      <c r="M602" s="1106"/>
      <c r="N602" s="1106"/>
      <c r="O602" s="1106"/>
      <c r="AB602" s="1106"/>
      <c r="AC602" s="1106"/>
      <c r="AD602" s="1106"/>
      <c r="AE602" s="1106"/>
      <c r="AF602" s="1106"/>
      <c r="AG602" s="1106"/>
      <c r="AH602" s="1106"/>
      <c r="AL602" s="1106"/>
      <c r="AZ602" s="1106"/>
      <c r="BA602" s="1106"/>
      <c r="BB602" s="1106"/>
      <c r="BC602" s="1106"/>
      <c r="BD602" s="1106"/>
      <c r="BE602" s="1106"/>
      <c r="BF602" s="1106"/>
      <c r="BG602" s="1106"/>
      <c r="BH602" s="1106"/>
      <c r="BI602" s="1106"/>
      <c r="BJ602" s="1106"/>
      <c r="BK602" s="1106"/>
      <c r="BL602" s="1106"/>
      <c r="BM602" s="1106"/>
      <c r="BN602" s="1106"/>
      <c r="BO602" s="1106"/>
      <c r="BP602" s="1106"/>
      <c r="BQ602" s="1106"/>
      <c r="BR602" s="1106"/>
      <c r="BS602" s="1106"/>
      <c r="BT602" s="1106"/>
      <c r="BU602" s="1106"/>
      <c r="BV602" s="1106"/>
      <c r="BW602" s="1106"/>
      <c r="BX602" s="1106"/>
      <c r="BY602" s="1106"/>
      <c r="BZ602" s="1106"/>
      <c r="CA602" s="1106"/>
    </row>
    <row r="603" spans="3:79" ht="9" customHeight="1" x14ac:dyDescent="0.2">
      <c r="C603" s="1106"/>
      <c r="D603" s="1106"/>
      <c r="E603" s="1106"/>
      <c r="F603" s="1106"/>
      <c r="G603" s="1106"/>
      <c r="H603" s="1106"/>
      <c r="I603" s="1106"/>
      <c r="J603" s="1106"/>
      <c r="K603" s="1106"/>
      <c r="L603" s="1106"/>
      <c r="M603" s="1106"/>
      <c r="N603" s="1106"/>
      <c r="O603" s="1106"/>
      <c r="AB603" s="1106"/>
      <c r="AC603" s="1106"/>
      <c r="AD603" s="1106"/>
      <c r="AE603" s="1106"/>
      <c r="AF603" s="1106"/>
      <c r="AG603" s="1106"/>
      <c r="AH603" s="1106"/>
      <c r="AL603" s="1106"/>
      <c r="AZ603" s="1106"/>
      <c r="BA603" s="1106"/>
      <c r="BB603" s="1106"/>
      <c r="BC603" s="1106"/>
      <c r="BD603" s="1106"/>
      <c r="BE603" s="1106"/>
      <c r="BF603" s="1106"/>
      <c r="BG603" s="1106"/>
      <c r="BH603" s="1106"/>
      <c r="BI603" s="1106"/>
      <c r="BJ603" s="1106"/>
      <c r="BK603" s="1106"/>
      <c r="BL603" s="1106"/>
      <c r="BM603" s="1106"/>
      <c r="BN603" s="1106"/>
      <c r="BO603" s="1106"/>
      <c r="BP603" s="1106"/>
      <c r="BQ603" s="1106"/>
      <c r="BR603" s="1106"/>
      <c r="BS603" s="1106"/>
      <c r="BT603" s="1106"/>
      <c r="BU603" s="1106"/>
      <c r="BV603" s="1106"/>
      <c r="BW603" s="1106"/>
      <c r="BX603" s="1106"/>
      <c r="BY603" s="1106"/>
      <c r="BZ603" s="1106"/>
      <c r="CA603" s="1106"/>
    </row>
    <row r="604" spans="3:79" ht="9" customHeight="1" x14ac:dyDescent="0.2">
      <c r="C604" s="1106"/>
      <c r="D604" s="1106"/>
      <c r="E604" s="1106"/>
      <c r="F604" s="1106"/>
      <c r="G604" s="1106"/>
      <c r="H604" s="1106"/>
      <c r="I604" s="1106"/>
      <c r="J604" s="1106"/>
      <c r="K604" s="1106"/>
      <c r="L604" s="1106"/>
      <c r="M604" s="1106"/>
      <c r="N604" s="1106"/>
      <c r="O604" s="1106"/>
      <c r="U604" s="1106"/>
      <c r="AB604" s="1106"/>
      <c r="AC604" s="1106"/>
      <c r="AD604" s="1106"/>
      <c r="AE604" s="1106"/>
      <c r="AF604" s="1106"/>
      <c r="AG604" s="1106"/>
      <c r="AH604" s="1106"/>
      <c r="AL604" s="1106"/>
      <c r="AT604" s="1106"/>
      <c r="AU604" s="1106"/>
      <c r="AV604" s="1106"/>
      <c r="AW604" s="1106"/>
      <c r="AX604" s="1106"/>
      <c r="AY604" s="1106"/>
      <c r="AZ604" s="1106"/>
      <c r="BA604" s="1106"/>
      <c r="BB604" s="1106"/>
      <c r="BC604" s="1106"/>
      <c r="BD604" s="1106"/>
      <c r="BE604" s="1106"/>
      <c r="BF604" s="1106"/>
      <c r="BG604" s="1106"/>
      <c r="BH604" s="1106"/>
      <c r="BI604" s="1106"/>
      <c r="BJ604" s="1106"/>
      <c r="BK604" s="1106"/>
      <c r="BL604" s="1106"/>
      <c r="BM604" s="1106"/>
      <c r="BN604" s="1106"/>
      <c r="BO604" s="1106"/>
      <c r="BP604" s="1106"/>
      <c r="BQ604" s="1106"/>
      <c r="BR604" s="1106"/>
      <c r="BS604" s="1106"/>
      <c r="BT604" s="1106"/>
      <c r="BU604" s="1106"/>
      <c r="BV604" s="1106"/>
      <c r="BW604" s="1106"/>
      <c r="BX604" s="1106"/>
      <c r="BY604" s="1106"/>
      <c r="BZ604" s="1106"/>
      <c r="CA604" s="1106"/>
    </row>
    <row r="605" spans="3:79" ht="9" customHeight="1" x14ac:dyDescent="0.2">
      <c r="C605" s="1106"/>
      <c r="D605" s="1106"/>
      <c r="E605" s="1106"/>
      <c r="F605" s="1106"/>
      <c r="G605" s="1106"/>
      <c r="H605" s="1106"/>
      <c r="I605" s="1106"/>
      <c r="J605" s="1106"/>
      <c r="K605" s="1106"/>
      <c r="L605" s="1106"/>
      <c r="M605" s="1106"/>
      <c r="N605" s="1106"/>
      <c r="O605" s="1106"/>
      <c r="U605" s="1106"/>
      <c r="AB605" s="1106"/>
      <c r="AC605" s="1106"/>
      <c r="AD605" s="1106"/>
      <c r="AE605" s="1106"/>
      <c r="AF605" s="1106"/>
      <c r="AG605" s="1106"/>
      <c r="AH605" s="1106"/>
      <c r="AL605" s="1106"/>
      <c r="AO605" s="1106"/>
      <c r="AP605" s="1106"/>
      <c r="AT605" s="1106"/>
      <c r="AU605" s="1106"/>
      <c r="AV605" s="1106"/>
      <c r="AW605" s="1106"/>
      <c r="AX605" s="1106"/>
      <c r="AY605" s="1106"/>
      <c r="AZ605" s="1106"/>
      <c r="BA605" s="1106"/>
      <c r="BB605" s="1106"/>
      <c r="BC605" s="1106"/>
      <c r="BD605" s="1106"/>
      <c r="BE605" s="1106"/>
      <c r="BF605" s="1106"/>
      <c r="BG605" s="1106"/>
      <c r="BH605" s="1106"/>
      <c r="BI605" s="1106"/>
      <c r="BJ605" s="1106"/>
      <c r="BK605" s="1106"/>
      <c r="BL605" s="1106"/>
      <c r="BM605" s="1106"/>
      <c r="BN605" s="1106"/>
      <c r="BO605" s="1106"/>
      <c r="BP605" s="1106"/>
      <c r="BQ605" s="1106"/>
      <c r="BR605" s="1106"/>
      <c r="BS605" s="1106"/>
      <c r="BT605" s="1106"/>
      <c r="BU605" s="1106"/>
      <c r="BV605" s="1106"/>
      <c r="BW605" s="1106"/>
      <c r="BX605" s="1106"/>
      <c r="BY605" s="1106"/>
      <c r="BZ605" s="1106"/>
      <c r="CA605" s="1106"/>
    </row>
    <row r="606" spans="3:79" ht="9" customHeight="1" x14ac:dyDescent="0.2">
      <c r="C606" s="1106"/>
      <c r="D606" s="1106"/>
      <c r="E606" s="1106"/>
      <c r="F606" s="1106"/>
      <c r="G606" s="1106"/>
      <c r="H606" s="1106"/>
      <c r="I606" s="1106"/>
      <c r="J606" s="1106"/>
      <c r="K606" s="1106"/>
      <c r="L606" s="1106"/>
      <c r="M606" s="1106"/>
      <c r="N606" s="1106"/>
      <c r="O606" s="1106"/>
      <c r="U606" s="1106"/>
      <c r="AB606" s="1106"/>
      <c r="AC606" s="1106"/>
      <c r="AD606" s="1106"/>
      <c r="AE606" s="1106"/>
      <c r="AF606" s="1106"/>
      <c r="AG606" s="1106"/>
      <c r="AH606" s="1106"/>
      <c r="AL606" s="1106"/>
      <c r="AT606" s="1106"/>
      <c r="AU606" s="1106"/>
      <c r="AV606" s="1106"/>
      <c r="AW606" s="1106"/>
      <c r="AX606" s="1106"/>
      <c r="AY606" s="1106"/>
      <c r="AZ606" s="1106"/>
      <c r="BA606" s="1106"/>
      <c r="BB606" s="1106"/>
      <c r="BC606" s="1106"/>
      <c r="BD606" s="1106"/>
      <c r="BE606" s="1106"/>
      <c r="BF606" s="1106"/>
      <c r="BG606" s="1106"/>
      <c r="BH606" s="1106"/>
      <c r="BI606" s="1106"/>
      <c r="BJ606" s="1106"/>
      <c r="BK606" s="1106"/>
      <c r="BL606" s="1106"/>
      <c r="BM606" s="1106"/>
      <c r="BN606" s="1106"/>
      <c r="BO606" s="1106"/>
      <c r="BP606" s="1106"/>
      <c r="BQ606" s="1106"/>
      <c r="BR606" s="1106"/>
      <c r="BS606" s="1106"/>
      <c r="BT606" s="1106"/>
      <c r="BU606" s="1106"/>
      <c r="BV606" s="1106"/>
      <c r="BW606" s="1106"/>
      <c r="BX606" s="1106"/>
      <c r="BY606" s="1106"/>
      <c r="BZ606" s="1106"/>
      <c r="CA606" s="1106"/>
    </row>
    <row r="607" spans="3:79" ht="9" customHeight="1" x14ac:dyDescent="0.2">
      <c r="C607" s="1106"/>
      <c r="D607" s="1106"/>
      <c r="E607" s="1106"/>
      <c r="F607" s="1106"/>
      <c r="G607" s="1106"/>
      <c r="H607" s="1106"/>
      <c r="I607" s="1106"/>
      <c r="J607" s="1106"/>
      <c r="K607" s="1106"/>
      <c r="L607" s="1106"/>
      <c r="M607" s="1106"/>
      <c r="N607" s="1106"/>
      <c r="O607" s="1106"/>
      <c r="AB607" s="1106"/>
      <c r="AC607" s="1106"/>
      <c r="AD607" s="1106"/>
      <c r="AE607" s="1106"/>
      <c r="AF607" s="1106"/>
      <c r="AG607" s="1106"/>
      <c r="AH607" s="1106"/>
      <c r="AL607" s="1106"/>
      <c r="AZ607" s="1106"/>
      <c r="BA607" s="1106"/>
      <c r="BB607" s="1106"/>
      <c r="BC607" s="1106"/>
      <c r="BD607" s="1106"/>
      <c r="BE607" s="1106"/>
      <c r="BF607" s="1106"/>
      <c r="BG607" s="1106"/>
      <c r="BH607" s="1106"/>
      <c r="BI607" s="1106"/>
      <c r="BJ607" s="1106"/>
      <c r="BK607" s="1106"/>
      <c r="BL607" s="1106"/>
      <c r="BM607" s="1106"/>
      <c r="BN607" s="1106"/>
      <c r="BO607" s="1106"/>
      <c r="BP607" s="1106"/>
      <c r="BQ607" s="1106"/>
      <c r="BR607" s="1106"/>
      <c r="BS607" s="1106"/>
      <c r="BT607" s="1106"/>
      <c r="BU607" s="1106"/>
      <c r="BV607" s="1106"/>
      <c r="BW607" s="1106"/>
      <c r="BX607" s="1106"/>
      <c r="BY607" s="1106"/>
      <c r="BZ607" s="1106"/>
      <c r="CA607" s="1106"/>
    </row>
    <row r="608" spans="3:79" ht="9" customHeight="1" x14ac:dyDescent="0.2">
      <c r="C608" s="1106"/>
      <c r="D608" s="1106"/>
      <c r="E608" s="1106"/>
      <c r="F608" s="1106"/>
      <c r="G608" s="1106"/>
      <c r="H608" s="1106"/>
      <c r="I608" s="1106"/>
      <c r="J608" s="1106"/>
      <c r="K608" s="1106"/>
      <c r="L608" s="1106"/>
      <c r="M608" s="1106"/>
      <c r="N608" s="1106"/>
      <c r="O608" s="1106"/>
      <c r="AB608" s="1106"/>
      <c r="AC608" s="1106"/>
      <c r="AD608" s="1106"/>
      <c r="AE608" s="1106"/>
      <c r="AF608" s="1106"/>
      <c r="AG608" s="1106"/>
      <c r="AH608" s="1106"/>
      <c r="AL608" s="1106"/>
      <c r="AZ608" s="1106"/>
      <c r="BA608" s="1106"/>
      <c r="BB608" s="1106"/>
      <c r="BC608" s="1106"/>
      <c r="BD608" s="1106"/>
      <c r="BE608" s="1106"/>
      <c r="BF608" s="1106"/>
      <c r="BG608" s="1106"/>
      <c r="BH608" s="1106"/>
      <c r="BI608" s="1106"/>
      <c r="BJ608" s="1106"/>
      <c r="BK608" s="1106"/>
      <c r="BL608" s="1106"/>
      <c r="BM608" s="1106"/>
      <c r="BN608" s="1106"/>
      <c r="BO608" s="1106"/>
      <c r="BP608" s="1106"/>
      <c r="BQ608" s="1106"/>
      <c r="BR608" s="1106"/>
      <c r="BS608" s="1106"/>
      <c r="BT608" s="1106"/>
      <c r="BU608" s="1106"/>
      <c r="BV608" s="1106"/>
      <c r="BW608" s="1106"/>
      <c r="BX608" s="1106"/>
      <c r="BY608" s="1106"/>
      <c r="BZ608" s="1106"/>
      <c r="CA608" s="1106"/>
    </row>
    <row r="609" spans="3:79" ht="9" customHeight="1" x14ac:dyDescent="0.2">
      <c r="C609" s="1106"/>
      <c r="D609" s="1106"/>
      <c r="E609" s="1106"/>
      <c r="F609" s="1106"/>
      <c r="G609" s="1106"/>
      <c r="H609" s="1106"/>
      <c r="I609" s="1106"/>
      <c r="J609" s="1106"/>
      <c r="K609" s="1106"/>
      <c r="L609" s="1106"/>
      <c r="M609" s="1106"/>
      <c r="N609" s="1106"/>
      <c r="O609" s="1106"/>
      <c r="AB609" s="1106"/>
      <c r="AC609" s="1106"/>
      <c r="AD609" s="1106"/>
      <c r="AE609" s="1106"/>
      <c r="AF609" s="1106"/>
      <c r="AG609" s="1106"/>
      <c r="AH609" s="1106"/>
      <c r="AL609" s="1106"/>
      <c r="AZ609" s="1106"/>
      <c r="BA609" s="1106"/>
      <c r="BB609" s="1106"/>
      <c r="BC609" s="1106"/>
      <c r="BD609" s="1106"/>
      <c r="BE609" s="1106"/>
      <c r="BF609" s="1106"/>
      <c r="BG609" s="1106"/>
      <c r="BH609" s="1106"/>
      <c r="BI609" s="1106"/>
      <c r="BJ609" s="1106"/>
      <c r="BK609" s="1106"/>
      <c r="BL609" s="1106"/>
      <c r="BM609" s="1106"/>
      <c r="BN609" s="1106"/>
      <c r="BO609" s="1106"/>
      <c r="BP609" s="1106"/>
      <c r="BQ609" s="1106"/>
      <c r="BR609" s="1106"/>
      <c r="BS609" s="1106"/>
      <c r="BT609" s="1106"/>
      <c r="BU609" s="1106"/>
      <c r="BV609" s="1106"/>
      <c r="BW609" s="1106"/>
      <c r="BX609" s="1106"/>
      <c r="BY609" s="1106"/>
      <c r="BZ609" s="1106"/>
      <c r="CA609" s="1106"/>
    </row>
    <row r="610" spans="3:79" ht="9" customHeight="1" x14ac:dyDescent="0.2">
      <c r="C610" s="1106"/>
      <c r="D610" s="1106"/>
      <c r="E610" s="1106"/>
      <c r="F610" s="1106"/>
      <c r="G610" s="1106"/>
      <c r="H610" s="1106"/>
      <c r="I610" s="1106"/>
      <c r="J610" s="1106"/>
      <c r="K610" s="1106"/>
      <c r="L610" s="1106"/>
      <c r="M610" s="1106"/>
      <c r="N610" s="1106"/>
      <c r="O610" s="1106"/>
      <c r="U610" s="1106"/>
      <c r="AB610" s="1106"/>
      <c r="AC610" s="1106"/>
      <c r="AD610" s="1106"/>
      <c r="AE610" s="1106"/>
      <c r="AF610" s="1106"/>
      <c r="AG610" s="1106"/>
      <c r="AH610" s="1106"/>
      <c r="AL610" s="1106"/>
      <c r="AT610" s="1106"/>
      <c r="AU610" s="1106"/>
      <c r="AV610" s="1106"/>
      <c r="AW610" s="1106"/>
      <c r="AX610" s="1106"/>
      <c r="AY610" s="1106"/>
      <c r="AZ610" s="1106"/>
      <c r="BA610" s="1106"/>
      <c r="BB610" s="1106"/>
      <c r="BC610" s="1106"/>
      <c r="BD610" s="1106"/>
      <c r="BE610" s="1106"/>
      <c r="BF610" s="1106"/>
      <c r="BG610" s="1106"/>
      <c r="BH610" s="1106"/>
      <c r="BI610" s="1106"/>
      <c r="BJ610" s="1106"/>
      <c r="BK610" s="1106"/>
      <c r="BL610" s="1106"/>
      <c r="BM610" s="1106"/>
      <c r="BN610" s="1106"/>
      <c r="BO610" s="1106"/>
      <c r="BP610" s="1106"/>
      <c r="BQ610" s="1106"/>
      <c r="BR610" s="1106"/>
      <c r="BS610" s="1106"/>
      <c r="BT610" s="1106"/>
      <c r="BU610" s="1106"/>
      <c r="BV610" s="1106"/>
      <c r="BW610" s="1106"/>
      <c r="BX610" s="1106"/>
      <c r="BY610" s="1106"/>
      <c r="BZ610" s="1106"/>
      <c r="CA610" s="1106"/>
    </row>
    <row r="611" spans="3:79" ht="9" customHeight="1" x14ac:dyDescent="0.2">
      <c r="C611" s="1106"/>
      <c r="D611" s="1106"/>
      <c r="E611" s="1106"/>
      <c r="F611" s="1106"/>
      <c r="G611" s="1106"/>
      <c r="H611" s="1106"/>
      <c r="I611" s="1106"/>
      <c r="J611" s="1106"/>
      <c r="K611" s="1106"/>
      <c r="L611" s="1106"/>
      <c r="M611" s="1106"/>
      <c r="N611" s="1106"/>
      <c r="O611" s="1106"/>
      <c r="U611" s="1106"/>
      <c r="AB611" s="1106"/>
      <c r="AC611" s="1106"/>
      <c r="AD611" s="1106"/>
      <c r="AE611" s="1106"/>
      <c r="AF611" s="1106"/>
      <c r="AG611" s="1106"/>
      <c r="AH611" s="1106"/>
      <c r="AL611" s="1106"/>
      <c r="AO611" s="1106"/>
      <c r="AP611" s="1106"/>
      <c r="AT611" s="1106"/>
      <c r="AU611" s="1106"/>
      <c r="AV611" s="1106"/>
      <c r="AW611" s="1106"/>
      <c r="AX611" s="1106"/>
      <c r="AY611" s="1106"/>
      <c r="AZ611" s="1106"/>
      <c r="BA611" s="1106"/>
      <c r="BB611" s="1106"/>
      <c r="BC611" s="1106"/>
      <c r="BD611" s="1106"/>
      <c r="BE611" s="1106"/>
      <c r="BF611" s="1106"/>
      <c r="BG611" s="1106"/>
      <c r="BH611" s="1106"/>
      <c r="BI611" s="1106"/>
      <c r="BJ611" s="1106"/>
      <c r="BK611" s="1106"/>
      <c r="BL611" s="1106"/>
      <c r="BM611" s="1106"/>
      <c r="BN611" s="1106"/>
      <c r="BO611" s="1106"/>
      <c r="BP611" s="1106"/>
      <c r="BQ611" s="1106"/>
      <c r="BR611" s="1106"/>
      <c r="BS611" s="1106"/>
      <c r="BT611" s="1106"/>
      <c r="BU611" s="1106"/>
      <c r="BV611" s="1106"/>
      <c r="BW611" s="1106"/>
      <c r="BX611" s="1106"/>
      <c r="BY611" s="1106"/>
      <c r="BZ611" s="1106"/>
      <c r="CA611" s="1106"/>
    </row>
    <row r="612" spans="3:79" ht="9" customHeight="1" x14ac:dyDescent="0.2">
      <c r="C612" s="1106"/>
      <c r="D612" s="1106"/>
      <c r="E612" s="1106"/>
      <c r="F612" s="1106"/>
      <c r="G612" s="1106"/>
      <c r="H612" s="1106"/>
      <c r="I612" s="1106"/>
      <c r="J612" s="1106"/>
      <c r="K612" s="1106"/>
      <c r="L612" s="1106"/>
      <c r="M612" s="1106"/>
      <c r="N612" s="1106"/>
      <c r="O612" s="1106"/>
      <c r="U612" s="1106"/>
      <c r="AB612" s="1106"/>
      <c r="AC612" s="1106"/>
      <c r="AD612" s="1106"/>
      <c r="AE612" s="1106"/>
      <c r="AF612" s="1106"/>
      <c r="AG612" s="1106"/>
      <c r="AH612" s="1106"/>
      <c r="AL612" s="1106"/>
      <c r="AT612" s="1106"/>
      <c r="AU612" s="1106"/>
      <c r="AV612" s="1106"/>
      <c r="AW612" s="1106"/>
      <c r="AX612" s="1106"/>
      <c r="AY612" s="1106"/>
      <c r="AZ612" s="1106"/>
      <c r="BA612" s="1106"/>
      <c r="BB612" s="1106"/>
      <c r="BC612" s="1106"/>
      <c r="BD612" s="1106"/>
      <c r="BE612" s="1106"/>
      <c r="BF612" s="1106"/>
      <c r="BG612" s="1106"/>
      <c r="BH612" s="1106"/>
      <c r="BI612" s="1106"/>
      <c r="BJ612" s="1106"/>
      <c r="BK612" s="1106"/>
      <c r="BL612" s="1106"/>
      <c r="BM612" s="1106"/>
      <c r="BN612" s="1106"/>
      <c r="BO612" s="1106"/>
      <c r="BP612" s="1106"/>
      <c r="BQ612" s="1106"/>
      <c r="BR612" s="1106"/>
      <c r="BS612" s="1106"/>
      <c r="BT612" s="1106"/>
      <c r="BU612" s="1106"/>
      <c r="BV612" s="1106"/>
      <c r="BW612" s="1106"/>
      <c r="BX612" s="1106"/>
      <c r="BY612" s="1106"/>
      <c r="BZ612" s="1106"/>
      <c r="CA612" s="1106"/>
    </row>
    <row r="613" spans="3:79" ht="9" customHeight="1" x14ac:dyDescent="0.2">
      <c r="C613" s="1106"/>
      <c r="D613" s="1106"/>
      <c r="E613" s="1106"/>
      <c r="F613" s="1106"/>
      <c r="G613" s="1106"/>
      <c r="H613" s="1106"/>
      <c r="I613" s="1106"/>
      <c r="J613" s="1106"/>
      <c r="K613" s="1106"/>
      <c r="L613" s="1106"/>
      <c r="M613" s="1106"/>
      <c r="N613" s="1106"/>
      <c r="O613" s="1106"/>
      <c r="AB613" s="1106"/>
      <c r="AC613" s="1106"/>
      <c r="AD613" s="1106"/>
      <c r="AE613" s="1106"/>
      <c r="AF613" s="1106"/>
      <c r="AG613" s="1106"/>
      <c r="AH613" s="1106"/>
      <c r="AL613" s="1106"/>
      <c r="AZ613" s="1106"/>
      <c r="BA613" s="1106"/>
      <c r="BB613" s="1106"/>
      <c r="BC613" s="1106"/>
      <c r="BD613" s="1106"/>
      <c r="BE613" s="1106"/>
      <c r="BF613" s="1106"/>
      <c r="BG613" s="1106"/>
      <c r="BH613" s="1106"/>
      <c r="BI613" s="1106"/>
      <c r="BJ613" s="1106"/>
      <c r="BK613" s="1106"/>
      <c r="BL613" s="1106"/>
      <c r="BM613" s="1106"/>
      <c r="BN613" s="1106"/>
      <c r="BO613" s="1106"/>
      <c r="BP613" s="1106"/>
      <c r="BQ613" s="1106"/>
      <c r="BR613" s="1106"/>
      <c r="BS613" s="1106"/>
      <c r="BT613" s="1106"/>
      <c r="BU613" s="1106"/>
      <c r="BV613" s="1106"/>
      <c r="BW613" s="1106"/>
      <c r="BX613" s="1106"/>
      <c r="BY613" s="1106"/>
      <c r="BZ613" s="1106"/>
      <c r="CA613" s="1106"/>
    </row>
    <row r="614" spans="3:79" ht="9" customHeight="1" x14ac:dyDescent="0.2">
      <c r="C614" s="1106"/>
      <c r="D614" s="1106"/>
      <c r="E614" s="1106"/>
      <c r="F614" s="1106"/>
      <c r="G614" s="1106"/>
      <c r="H614" s="1106"/>
      <c r="I614" s="1106"/>
      <c r="J614" s="1106"/>
      <c r="K614" s="1106"/>
      <c r="L614" s="1106"/>
      <c r="M614" s="1106"/>
      <c r="N614" s="1106"/>
      <c r="O614" s="1106"/>
      <c r="AB614" s="1106"/>
      <c r="AC614" s="1106"/>
      <c r="AD614" s="1106"/>
      <c r="AE614" s="1106"/>
      <c r="AF614" s="1106"/>
      <c r="AG614" s="1106"/>
      <c r="AH614" s="1106"/>
      <c r="AL614" s="1106"/>
      <c r="AZ614" s="1106"/>
      <c r="BA614" s="1106"/>
      <c r="BB614" s="1106"/>
      <c r="BC614" s="1106"/>
      <c r="BD614" s="1106"/>
      <c r="BE614" s="1106"/>
      <c r="BF614" s="1106"/>
      <c r="BG614" s="1106"/>
      <c r="BH614" s="1106"/>
      <c r="BI614" s="1106"/>
      <c r="BJ614" s="1106"/>
      <c r="BK614" s="1106"/>
      <c r="BL614" s="1106"/>
      <c r="BM614" s="1106"/>
      <c r="BN614" s="1106"/>
      <c r="BO614" s="1106"/>
      <c r="BP614" s="1106"/>
      <c r="BQ614" s="1106"/>
      <c r="BR614" s="1106"/>
      <c r="BS614" s="1106"/>
      <c r="BT614" s="1106"/>
      <c r="BU614" s="1106"/>
      <c r="BV614" s="1106"/>
      <c r="BW614" s="1106"/>
      <c r="BX614" s="1106"/>
      <c r="BY614" s="1106"/>
      <c r="BZ614" s="1106"/>
      <c r="CA614" s="1106"/>
    </row>
    <row r="615" spans="3:79" ht="9" customHeight="1" x14ac:dyDescent="0.2">
      <c r="C615" s="1106"/>
      <c r="D615" s="1106"/>
      <c r="E615" s="1106"/>
      <c r="F615" s="1106"/>
      <c r="G615" s="1106"/>
      <c r="H615" s="1106"/>
      <c r="I615" s="1106"/>
      <c r="J615" s="1106"/>
      <c r="K615" s="1106"/>
      <c r="L615" s="1106"/>
      <c r="M615" s="1106"/>
      <c r="N615" s="1106"/>
      <c r="O615" s="1106"/>
      <c r="AB615" s="1106"/>
      <c r="AC615" s="1106"/>
      <c r="AD615" s="1106"/>
      <c r="AE615" s="1106"/>
      <c r="AF615" s="1106"/>
      <c r="AG615" s="1106"/>
      <c r="AH615" s="1106"/>
      <c r="AL615" s="1106"/>
      <c r="AZ615" s="1106"/>
      <c r="BA615" s="1106"/>
      <c r="BB615" s="1106"/>
      <c r="BC615" s="1106"/>
      <c r="BD615" s="1106"/>
      <c r="BE615" s="1106"/>
      <c r="BF615" s="1106"/>
      <c r="BG615" s="1106"/>
      <c r="BH615" s="1106"/>
      <c r="BI615" s="1106"/>
      <c r="BJ615" s="1106"/>
      <c r="BK615" s="1106"/>
      <c r="BL615" s="1106"/>
      <c r="BM615" s="1106"/>
      <c r="BN615" s="1106"/>
      <c r="BO615" s="1106"/>
      <c r="BP615" s="1106"/>
      <c r="BQ615" s="1106"/>
      <c r="BR615" s="1106"/>
      <c r="BS615" s="1106"/>
      <c r="BT615" s="1106"/>
      <c r="BU615" s="1106"/>
      <c r="BV615" s="1106"/>
      <c r="BW615" s="1106"/>
      <c r="BX615" s="1106"/>
      <c r="BY615" s="1106"/>
      <c r="BZ615" s="1106"/>
      <c r="CA615" s="1106"/>
    </row>
    <row r="616" spans="3:79" ht="9" customHeight="1" x14ac:dyDescent="0.2">
      <c r="C616" s="1106"/>
      <c r="D616" s="1106"/>
      <c r="E616" s="1106"/>
      <c r="F616" s="1106"/>
      <c r="G616" s="1106"/>
      <c r="H616" s="1106"/>
      <c r="I616" s="1106"/>
      <c r="J616" s="1106"/>
      <c r="K616" s="1106"/>
      <c r="L616" s="1106"/>
      <c r="M616" s="1106"/>
      <c r="N616" s="1106"/>
      <c r="O616" s="1106"/>
      <c r="U616" s="1106"/>
      <c r="AB616" s="1106"/>
      <c r="AC616" s="1106"/>
      <c r="AD616" s="1106"/>
      <c r="AE616" s="1106"/>
      <c r="AF616" s="1106"/>
      <c r="AG616" s="1106"/>
      <c r="AH616" s="1106"/>
      <c r="AL616" s="1106"/>
      <c r="AT616" s="1106"/>
      <c r="AU616" s="1106"/>
      <c r="AV616" s="1106"/>
      <c r="AW616" s="1106"/>
      <c r="AX616" s="1106"/>
      <c r="AY616" s="1106"/>
      <c r="AZ616" s="1106"/>
      <c r="BA616" s="1106"/>
      <c r="BB616" s="1106"/>
      <c r="BC616" s="1106"/>
      <c r="BD616" s="1106"/>
      <c r="BE616" s="1106"/>
      <c r="BF616" s="1106"/>
      <c r="BG616" s="1106"/>
      <c r="BH616" s="1106"/>
      <c r="BI616" s="1106"/>
      <c r="BJ616" s="1106"/>
      <c r="BK616" s="1106"/>
      <c r="BL616" s="1106"/>
      <c r="BM616" s="1106"/>
      <c r="BN616" s="1106"/>
      <c r="BO616" s="1106"/>
      <c r="BP616" s="1106"/>
      <c r="BQ616" s="1106"/>
      <c r="BR616" s="1106"/>
      <c r="BS616" s="1106"/>
      <c r="BT616" s="1106"/>
      <c r="BU616" s="1106"/>
      <c r="BV616" s="1106"/>
      <c r="BW616" s="1106"/>
      <c r="BX616" s="1106"/>
      <c r="BY616" s="1106"/>
      <c r="BZ616" s="1106"/>
      <c r="CA616" s="1106"/>
    </row>
    <row r="617" spans="3:79" ht="9" customHeight="1" x14ac:dyDescent="0.2">
      <c r="C617" s="1106"/>
      <c r="D617" s="1106"/>
      <c r="E617" s="1106"/>
      <c r="F617" s="1106"/>
      <c r="G617" s="1106"/>
      <c r="H617" s="1106"/>
      <c r="I617" s="1106"/>
      <c r="J617" s="1106"/>
      <c r="K617" s="1106"/>
      <c r="L617" s="1106"/>
      <c r="M617" s="1106"/>
      <c r="N617" s="1106"/>
      <c r="O617" s="1106"/>
      <c r="U617" s="1106"/>
      <c r="AB617" s="1106"/>
      <c r="AC617" s="1106"/>
      <c r="AD617" s="1106"/>
      <c r="AE617" s="1106"/>
      <c r="AF617" s="1106"/>
      <c r="AG617" s="1106"/>
      <c r="AH617" s="1106"/>
      <c r="AL617" s="1106"/>
      <c r="AO617" s="1106"/>
      <c r="AP617" s="1106"/>
      <c r="AT617" s="1106"/>
      <c r="AU617" s="1106"/>
      <c r="AV617" s="1106"/>
      <c r="AW617" s="1106"/>
      <c r="AX617" s="1106"/>
      <c r="AY617" s="1106"/>
      <c r="AZ617" s="1106"/>
      <c r="BA617" s="1106"/>
      <c r="BB617" s="1106"/>
      <c r="BC617" s="1106"/>
      <c r="BD617" s="1106"/>
      <c r="BE617" s="1106"/>
      <c r="BF617" s="1106"/>
      <c r="BG617" s="1106"/>
      <c r="BH617" s="1106"/>
      <c r="BI617" s="1106"/>
      <c r="BJ617" s="1106"/>
      <c r="BK617" s="1106"/>
      <c r="BL617" s="1106"/>
      <c r="BM617" s="1106"/>
      <c r="BN617" s="1106"/>
      <c r="BO617" s="1106"/>
      <c r="BP617" s="1106"/>
      <c r="BQ617" s="1106"/>
      <c r="BR617" s="1106"/>
      <c r="BS617" s="1106"/>
      <c r="BT617" s="1106"/>
      <c r="BU617" s="1106"/>
      <c r="BV617" s="1106"/>
      <c r="BW617" s="1106"/>
      <c r="BX617" s="1106"/>
      <c r="BY617" s="1106"/>
      <c r="BZ617" s="1106"/>
      <c r="CA617" s="1106"/>
    </row>
    <row r="618" spans="3:79" ht="9" customHeight="1" x14ac:dyDescent="0.2">
      <c r="C618" s="1106"/>
      <c r="D618" s="1106"/>
      <c r="E618" s="1106"/>
      <c r="F618" s="1106"/>
      <c r="G618" s="1106"/>
      <c r="H618" s="1106"/>
      <c r="I618" s="1106"/>
      <c r="J618" s="1106"/>
      <c r="K618" s="1106"/>
      <c r="L618" s="1106"/>
      <c r="M618" s="1106"/>
      <c r="N618" s="1106"/>
      <c r="O618" s="1106"/>
      <c r="U618" s="1106"/>
      <c r="AB618" s="1106"/>
      <c r="AC618" s="1106"/>
      <c r="AD618" s="1106"/>
      <c r="AE618" s="1106"/>
      <c r="AF618" s="1106"/>
      <c r="AG618" s="1106"/>
      <c r="AH618" s="1106"/>
      <c r="AL618" s="1106"/>
      <c r="AT618" s="1106"/>
      <c r="AU618" s="1106"/>
      <c r="AV618" s="1106"/>
      <c r="AW618" s="1106"/>
      <c r="AX618" s="1106"/>
      <c r="AY618" s="1106"/>
      <c r="AZ618" s="1106"/>
      <c r="BA618" s="1106"/>
      <c r="BB618" s="1106"/>
      <c r="BC618" s="1106"/>
      <c r="BD618" s="1106"/>
      <c r="BE618" s="1106"/>
      <c r="BF618" s="1106"/>
      <c r="BG618" s="1106"/>
      <c r="BH618" s="1106"/>
      <c r="BI618" s="1106"/>
      <c r="BJ618" s="1106"/>
      <c r="BK618" s="1106"/>
      <c r="BL618" s="1106"/>
      <c r="BM618" s="1106"/>
      <c r="BN618" s="1106"/>
      <c r="BO618" s="1106"/>
      <c r="BP618" s="1106"/>
      <c r="BQ618" s="1106"/>
      <c r="BR618" s="1106"/>
      <c r="BS618" s="1106"/>
      <c r="BT618" s="1106"/>
      <c r="BU618" s="1106"/>
      <c r="BV618" s="1106"/>
      <c r="BW618" s="1106"/>
      <c r="BX618" s="1106"/>
      <c r="BY618" s="1106"/>
      <c r="BZ618" s="1106"/>
      <c r="CA618" s="1106"/>
    </row>
    <row r="619" spans="3:79" ht="9" customHeight="1" x14ac:dyDescent="0.2">
      <c r="C619" s="1106"/>
      <c r="D619" s="1106"/>
      <c r="E619" s="1106"/>
      <c r="F619" s="1106"/>
      <c r="G619" s="1106"/>
      <c r="H619" s="1106"/>
      <c r="I619" s="1106"/>
      <c r="J619" s="1106"/>
      <c r="K619" s="1106"/>
      <c r="L619" s="1106"/>
      <c r="M619" s="1106"/>
      <c r="N619" s="1106"/>
      <c r="O619" s="1106"/>
      <c r="AB619" s="1106"/>
      <c r="AC619" s="1106"/>
      <c r="AD619" s="1106"/>
      <c r="AE619" s="1106"/>
      <c r="AF619" s="1106"/>
      <c r="AG619" s="1106"/>
      <c r="AH619" s="1106"/>
      <c r="AL619" s="1106"/>
      <c r="AZ619" s="1106"/>
      <c r="BA619" s="1106"/>
      <c r="BB619" s="1106"/>
      <c r="BC619" s="1106"/>
      <c r="BD619" s="1106"/>
      <c r="BE619" s="1106"/>
      <c r="BF619" s="1106"/>
      <c r="BG619" s="1106"/>
      <c r="BH619" s="1106"/>
      <c r="BI619" s="1106"/>
      <c r="BJ619" s="1106"/>
      <c r="BK619" s="1106"/>
      <c r="BL619" s="1106"/>
      <c r="BM619" s="1106"/>
      <c r="BN619" s="1106"/>
      <c r="BO619" s="1106"/>
      <c r="BP619" s="1106"/>
      <c r="BQ619" s="1106"/>
      <c r="BR619" s="1106"/>
      <c r="BS619" s="1106"/>
      <c r="BT619" s="1106"/>
      <c r="BU619" s="1106"/>
      <c r="BV619" s="1106"/>
      <c r="BW619" s="1106"/>
      <c r="BX619" s="1106"/>
      <c r="BY619" s="1106"/>
      <c r="BZ619" s="1106"/>
      <c r="CA619" s="1106"/>
    </row>
    <row r="620" spans="3:79" ht="9" customHeight="1" x14ac:dyDescent="0.2">
      <c r="C620" s="1106"/>
      <c r="D620" s="1106"/>
      <c r="E620" s="1106"/>
      <c r="F620" s="1106"/>
      <c r="G620" s="1106"/>
      <c r="H620" s="1106"/>
      <c r="I620" s="1106"/>
      <c r="J620" s="1106"/>
      <c r="K620" s="1106"/>
      <c r="L620" s="1106"/>
      <c r="M620" s="1106"/>
      <c r="N620" s="1106"/>
      <c r="O620" s="1106"/>
      <c r="AB620" s="1106"/>
      <c r="AC620" s="1106"/>
      <c r="AD620" s="1106"/>
      <c r="AE620" s="1106"/>
      <c r="AF620" s="1106"/>
      <c r="AG620" s="1106"/>
      <c r="AH620" s="1106"/>
      <c r="AL620" s="1106"/>
      <c r="AZ620" s="1106"/>
      <c r="BA620" s="1106"/>
      <c r="BB620" s="1106"/>
      <c r="BC620" s="1106"/>
      <c r="BD620" s="1106"/>
      <c r="BE620" s="1106"/>
      <c r="BF620" s="1106"/>
      <c r="BG620" s="1106"/>
      <c r="BH620" s="1106"/>
      <c r="BI620" s="1106"/>
      <c r="BJ620" s="1106"/>
      <c r="BK620" s="1106"/>
      <c r="BL620" s="1106"/>
      <c r="BM620" s="1106"/>
      <c r="BN620" s="1106"/>
      <c r="BO620" s="1106"/>
      <c r="BP620" s="1106"/>
      <c r="BQ620" s="1106"/>
      <c r="BR620" s="1106"/>
      <c r="BS620" s="1106"/>
      <c r="BT620" s="1106"/>
      <c r="BU620" s="1106"/>
      <c r="BV620" s="1106"/>
      <c r="BW620" s="1106"/>
      <c r="BX620" s="1106"/>
      <c r="BY620" s="1106"/>
      <c r="BZ620" s="1106"/>
      <c r="CA620" s="1106"/>
    </row>
    <row r="621" spans="3:79" ht="9" customHeight="1" x14ac:dyDescent="0.2">
      <c r="C621" s="1106"/>
      <c r="D621" s="1106"/>
      <c r="E621" s="1106"/>
      <c r="F621" s="1106"/>
      <c r="G621" s="1106"/>
      <c r="H621" s="1106"/>
      <c r="I621" s="1106"/>
      <c r="J621" s="1106"/>
      <c r="K621" s="1106"/>
      <c r="L621" s="1106"/>
      <c r="M621" s="1106"/>
      <c r="N621" s="1106"/>
      <c r="O621" s="1106"/>
      <c r="AB621" s="1106"/>
      <c r="AC621" s="1106"/>
      <c r="AD621" s="1106"/>
      <c r="AE621" s="1106"/>
      <c r="AF621" s="1106"/>
      <c r="AG621" s="1106"/>
      <c r="AH621" s="1106"/>
      <c r="AL621" s="1106"/>
      <c r="AZ621" s="1106"/>
      <c r="BA621" s="1106"/>
      <c r="BB621" s="1106"/>
      <c r="BC621" s="1106"/>
      <c r="BD621" s="1106"/>
      <c r="BE621" s="1106"/>
      <c r="BF621" s="1106"/>
      <c r="BG621" s="1106"/>
      <c r="BH621" s="1106"/>
      <c r="BI621" s="1106"/>
      <c r="BJ621" s="1106"/>
      <c r="BK621" s="1106"/>
      <c r="BL621" s="1106"/>
      <c r="BM621" s="1106"/>
      <c r="BN621" s="1106"/>
      <c r="BO621" s="1106"/>
      <c r="BP621" s="1106"/>
      <c r="BQ621" s="1106"/>
      <c r="BR621" s="1106"/>
      <c r="BS621" s="1106"/>
      <c r="BT621" s="1106"/>
      <c r="BU621" s="1106"/>
      <c r="BV621" s="1106"/>
      <c r="BW621" s="1106"/>
      <c r="BX621" s="1106"/>
      <c r="BY621" s="1106"/>
      <c r="BZ621" s="1106"/>
      <c r="CA621" s="1106"/>
    </row>
    <row r="622" spans="3:79" ht="9" customHeight="1" x14ac:dyDescent="0.2">
      <c r="C622" s="1106"/>
      <c r="D622" s="1106"/>
      <c r="E622" s="1106"/>
      <c r="F622" s="1106"/>
      <c r="G622" s="1106"/>
      <c r="H622" s="1106"/>
      <c r="I622" s="1106"/>
      <c r="J622" s="1106"/>
      <c r="K622" s="1106"/>
      <c r="L622" s="1106"/>
      <c r="M622" s="1106"/>
      <c r="N622" s="1106"/>
      <c r="O622" s="1106"/>
      <c r="U622" s="1106"/>
      <c r="AB622" s="1106"/>
      <c r="AC622" s="1106"/>
      <c r="AD622" s="1106"/>
      <c r="AE622" s="1106"/>
      <c r="AF622" s="1106"/>
      <c r="AG622" s="1106"/>
      <c r="AH622" s="1106"/>
      <c r="AL622" s="1106"/>
      <c r="AT622" s="1106"/>
      <c r="AU622" s="1106"/>
      <c r="AV622" s="1106"/>
      <c r="AW622" s="1106"/>
      <c r="AX622" s="1106"/>
      <c r="AY622" s="1106"/>
      <c r="AZ622" s="1106"/>
      <c r="BA622" s="1106"/>
      <c r="BB622" s="1106"/>
      <c r="BC622" s="1106"/>
      <c r="BD622" s="1106"/>
      <c r="BE622" s="1106"/>
      <c r="BF622" s="1106"/>
      <c r="BG622" s="1106"/>
      <c r="BH622" s="1106"/>
      <c r="BI622" s="1106"/>
      <c r="BJ622" s="1106"/>
      <c r="BK622" s="1106"/>
      <c r="BL622" s="1106"/>
      <c r="BM622" s="1106"/>
      <c r="BN622" s="1106"/>
      <c r="BO622" s="1106"/>
      <c r="BP622" s="1106"/>
      <c r="BQ622" s="1106"/>
      <c r="BR622" s="1106"/>
      <c r="BS622" s="1106"/>
      <c r="BT622" s="1106"/>
      <c r="BU622" s="1106"/>
      <c r="BV622" s="1106"/>
      <c r="BW622" s="1106"/>
      <c r="BX622" s="1106"/>
      <c r="BY622" s="1106"/>
      <c r="BZ622" s="1106"/>
      <c r="CA622" s="1106"/>
    </row>
    <row r="623" spans="3:79" ht="9" customHeight="1" x14ac:dyDescent="0.2">
      <c r="C623" s="1106"/>
      <c r="D623" s="1106"/>
      <c r="E623" s="1106"/>
      <c r="F623" s="1106"/>
      <c r="G623" s="1106"/>
      <c r="H623" s="1106"/>
      <c r="I623" s="1106"/>
      <c r="J623" s="1106"/>
      <c r="K623" s="1106"/>
      <c r="L623" s="1106"/>
      <c r="M623" s="1106"/>
      <c r="N623" s="1106"/>
      <c r="O623" s="1106"/>
      <c r="U623" s="1106"/>
      <c r="AB623" s="1106"/>
      <c r="AC623" s="1106"/>
      <c r="AD623" s="1106"/>
      <c r="AE623" s="1106"/>
      <c r="AF623" s="1106"/>
      <c r="AG623" s="1106"/>
      <c r="AH623" s="1106"/>
      <c r="AL623" s="1106"/>
      <c r="AO623" s="1106"/>
      <c r="AP623" s="1106"/>
      <c r="AT623" s="1106"/>
      <c r="AU623" s="1106"/>
      <c r="AV623" s="1106"/>
      <c r="AW623" s="1106"/>
      <c r="AX623" s="1106"/>
      <c r="AY623" s="1106"/>
      <c r="AZ623" s="1106"/>
      <c r="BA623" s="1106"/>
      <c r="BB623" s="1106"/>
      <c r="BC623" s="1106"/>
      <c r="BD623" s="1106"/>
      <c r="BE623" s="1106"/>
      <c r="BF623" s="1106"/>
      <c r="BG623" s="1106"/>
      <c r="BH623" s="1106"/>
      <c r="BI623" s="1106"/>
      <c r="BJ623" s="1106"/>
      <c r="BK623" s="1106"/>
      <c r="BL623" s="1106"/>
      <c r="BM623" s="1106"/>
      <c r="BN623" s="1106"/>
      <c r="BO623" s="1106"/>
      <c r="BP623" s="1106"/>
      <c r="BQ623" s="1106"/>
      <c r="BR623" s="1106"/>
      <c r="BS623" s="1106"/>
      <c r="BT623" s="1106"/>
      <c r="BU623" s="1106"/>
      <c r="BV623" s="1106"/>
      <c r="BW623" s="1106"/>
      <c r="BX623" s="1106"/>
      <c r="BY623" s="1106"/>
      <c r="BZ623" s="1106"/>
      <c r="CA623" s="1106"/>
    </row>
    <row r="624" spans="3:79" ht="9" customHeight="1" x14ac:dyDescent="0.2">
      <c r="C624" s="1106"/>
      <c r="D624" s="1106"/>
      <c r="E624" s="1106"/>
      <c r="F624" s="1106"/>
      <c r="G624" s="1106"/>
      <c r="H624" s="1106"/>
      <c r="I624" s="1106"/>
      <c r="J624" s="1106"/>
      <c r="K624" s="1106"/>
      <c r="L624" s="1106"/>
      <c r="M624" s="1106"/>
      <c r="N624" s="1106"/>
      <c r="O624" s="1106"/>
      <c r="U624" s="1106"/>
      <c r="AB624" s="1106"/>
      <c r="AC624" s="1106"/>
      <c r="AD624" s="1106"/>
      <c r="AE624" s="1106"/>
      <c r="AF624" s="1106"/>
      <c r="AG624" s="1106"/>
      <c r="AH624" s="1106"/>
      <c r="AL624" s="1106"/>
      <c r="AT624" s="1106"/>
      <c r="AU624" s="1106"/>
      <c r="AV624" s="1106"/>
      <c r="AW624" s="1106"/>
      <c r="AX624" s="1106"/>
      <c r="AY624" s="1106"/>
      <c r="AZ624" s="1106"/>
      <c r="BA624" s="1106"/>
      <c r="BB624" s="1106"/>
      <c r="BC624" s="1106"/>
      <c r="BD624" s="1106"/>
      <c r="BE624" s="1106"/>
      <c r="BF624" s="1106"/>
      <c r="BG624" s="1106"/>
      <c r="BH624" s="1106"/>
      <c r="BI624" s="1106"/>
      <c r="BJ624" s="1106"/>
      <c r="BK624" s="1106"/>
      <c r="BL624" s="1106"/>
      <c r="BM624" s="1106"/>
      <c r="BN624" s="1106"/>
      <c r="BO624" s="1106"/>
      <c r="BP624" s="1106"/>
      <c r="BQ624" s="1106"/>
      <c r="BR624" s="1106"/>
      <c r="BS624" s="1106"/>
      <c r="BT624" s="1106"/>
      <c r="BU624" s="1106"/>
      <c r="BV624" s="1106"/>
      <c r="BW624" s="1106"/>
      <c r="BX624" s="1106"/>
      <c r="BY624" s="1106"/>
      <c r="BZ624" s="1106"/>
      <c r="CA624" s="1106"/>
    </row>
    <row r="625" spans="3:79" ht="9" customHeight="1" x14ac:dyDescent="0.2">
      <c r="C625" s="1106"/>
      <c r="D625" s="1106"/>
      <c r="E625" s="1106"/>
      <c r="F625" s="1106"/>
      <c r="G625" s="1106"/>
      <c r="H625" s="1106"/>
      <c r="I625" s="1106"/>
      <c r="J625" s="1106"/>
      <c r="K625" s="1106"/>
      <c r="L625" s="1106"/>
      <c r="M625" s="1106"/>
      <c r="N625" s="1106"/>
      <c r="O625" s="1106"/>
      <c r="AB625" s="1106"/>
      <c r="AC625" s="1106"/>
      <c r="AD625" s="1106"/>
      <c r="AE625" s="1106"/>
      <c r="AF625" s="1106"/>
      <c r="AG625" s="1106"/>
      <c r="AH625" s="1106"/>
      <c r="AL625" s="1106"/>
      <c r="AZ625" s="1106"/>
      <c r="BA625" s="1106"/>
      <c r="BB625" s="1106"/>
      <c r="BC625" s="1106"/>
      <c r="BD625" s="1106"/>
      <c r="BE625" s="1106"/>
      <c r="BF625" s="1106"/>
      <c r="BG625" s="1106"/>
      <c r="BH625" s="1106"/>
      <c r="BI625" s="1106"/>
      <c r="BJ625" s="1106"/>
      <c r="BK625" s="1106"/>
      <c r="BL625" s="1106"/>
      <c r="BM625" s="1106"/>
      <c r="BN625" s="1106"/>
      <c r="BO625" s="1106"/>
      <c r="BP625" s="1106"/>
      <c r="BQ625" s="1106"/>
      <c r="BR625" s="1106"/>
      <c r="BS625" s="1106"/>
      <c r="BT625" s="1106"/>
      <c r="BU625" s="1106"/>
      <c r="BV625" s="1106"/>
      <c r="BW625" s="1106"/>
      <c r="BX625" s="1106"/>
      <c r="BY625" s="1106"/>
      <c r="BZ625" s="1106"/>
      <c r="CA625" s="1106"/>
    </row>
    <row r="626" spans="3:79" ht="9" customHeight="1" x14ac:dyDescent="0.2">
      <c r="C626" s="1106"/>
      <c r="D626" s="1106"/>
      <c r="E626" s="1106"/>
      <c r="F626" s="1106"/>
      <c r="G626" s="1106"/>
      <c r="H626" s="1106"/>
      <c r="I626" s="1106"/>
      <c r="J626" s="1106"/>
      <c r="K626" s="1106"/>
      <c r="L626" s="1106"/>
      <c r="M626" s="1106"/>
      <c r="N626" s="1106"/>
      <c r="O626" s="1106"/>
      <c r="AB626" s="1106"/>
      <c r="AC626" s="1106"/>
      <c r="AD626" s="1106"/>
      <c r="AE626" s="1106"/>
      <c r="AF626" s="1106"/>
      <c r="AG626" s="1106"/>
      <c r="AH626" s="1106"/>
      <c r="AL626" s="1106"/>
      <c r="AZ626" s="1106"/>
      <c r="BA626" s="1106"/>
      <c r="BB626" s="1106"/>
      <c r="BC626" s="1106"/>
      <c r="BD626" s="1106"/>
      <c r="BE626" s="1106"/>
      <c r="BF626" s="1106"/>
      <c r="BG626" s="1106"/>
      <c r="BH626" s="1106"/>
      <c r="BI626" s="1106"/>
      <c r="BJ626" s="1106"/>
      <c r="BK626" s="1106"/>
      <c r="BL626" s="1106"/>
      <c r="BM626" s="1106"/>
      <c r="BN626" s="1106"/>
      <c r="BO626" s="1106"/>
      <c r="BP626" s="1106"/>
      <c r="BQ626" s="1106"/>
      <c r="BR626" s="1106"/>
      <c r="BS626" s="1106"/>
      <c r="BT626" s="1106"/>
      <c r="BU626" s="1106"/>
      <c r="BV626" s="1106"/>
      <c r="BW626" s="1106"/>
      <c r="BX626" s="1106"/>
      <c r="BY626" s="1106"/>
      <c r="BZ626" s="1106"/>
      <c r="CA626" s="1106"/>
    </row>
    <row r="627" spans="3:79" ht="9" customHeight="1" x14ac:dyDescent="0.2">
      <c r="C627" s="1106"/>
      <c r="D627" s="1106"/>
      <c r="E627" s="1106"/>
      <c r="F627" s="1106"/>
      <c r="G627" s="1106"/>
      <c r="H627" s="1106"/>
      <c r="I627" s="1106"/>
      <c r="J627" s="1106"/>
      <c r="K627" s="1106"/>
      <c r="L627" s="1106"/>
      <c r="M627" s="1106"/>
      <c r="N627" s="1106"/>
      <c r="O627" s="1106"/>
      <c r="AB627" s="1106"/>
      <c r="AC627" s="1106"/>
      <c r="AD627" s="1106"/>
      <c r="AE627" s="1106"/>
      <c r="AF627" s="1106"/>
      <c r="AG627" s="1106"/>
      <c r="AH627" s="1106"/>
      <c r="AL627" s="1106"/>
      <c r="AZ627" s="1106"/>
      <c r="BA627" s="1106"/>
      <c r="BB627" s="1106"/>
      <c r="BC627" s="1106"/>
      <c r="BD627" s="1106"/>
      <c r="BE627" s="1106"/>
      <c r="BF627" s="1106"/>
      <c r="BG627" s="1106"/>
      <c r="BH627" s="1106"/>
      <c r="BI627" s="1106"/>
      <c r="BJ627" s="1106"/>
      <c r="BK627" s="1106"/>
      <c r="BL627" s="1106"/>
      <c r="BM627" s="1106"/>
      <c r="BN627" s="1106"/>
      <c r="BO627" s="1106"/>
      <c r="BP627" s="1106"/>
      <c r="BQ627" s="1106"/>
      <c r="BR627" s="1106"/>
      <c r="BS627" s="1106"/>
      <c r="BT627" s="1106"/>
      <c r="BU627" s="1106"/>
      <c r="BV627" s="1106"/>
      <c r="BW627" s="1106"/>
      <c r="BX627" s="1106"/>
      <c r="BY627" s="1106"/>
      <c r="BZ627" s="1106"/>
      <c r="CA627" s="1106"/>
    </row>
    <row r="628" spans="3:79" ht="9" customHeight="1" x14ac:dyDescent="0.2">
      <c r="C628" s="1106"/>
      <c r="D628" s="1106"/>
      <c r="E628" s="1106"/>
      <c r="F628" s="1106"/>
      <c r="G628" s="1106"/>
      <c r="H628" s="1106"/>
      <c r="I628" s="1106"/>
      <c r="J628" s="1106"/>
      <c r="K628" s="1106"/>
      <c r="L628" s="1106"/>
      <c r="M628" s="1106"/>
      <c r="N628" s="1106"/>
      <c r="O628" s="1106"/>
      <c r="U628" s="1106"/>
      <c r="AB628" s="1106"/>
      <c r="AC628" s="1106"/>
      <c r="AD628" s="1106"/>
      <c r="AE628" s="1106"/>
      <c r="AF628" s="1106"/>
      <c r="AG628" s="1106"/>
      <c r="AH628" s="1106"/>
      <c r="AL628" s="1106"/>
      <c r="AT628" s="1106"/>
      <c r="AU628" s="1106"/>
      <c r="AV628" s="1106"/>
      <c r="AW628" s="1106"/>
      <c r="AX628" s="1106"/>
      <c r="AY628" s="1106"/>
      <c r="AZ628" s="1106"/>
      <c r="BA628" s="1106"/>
      <c r="BB628" s="1106"/>
      <c r="BC628" s="1106"/>
      <c r="BD628" s="1106"/>
      <c r="BE628" s="1106"/>
      <c r="BF628" s="1106"/>
      <c r="BG628" s="1106"/>
      <c r="BH628" s="1106"/>
      <c r="BI628" s="1106"/>
      <c r="BJ628" s="1106"/>
      <c r="BK628" s="1106"/>
      <c r="BL628" s="1106"/>
      <c r="BM628" s="1106"/>
      <c r="BN628" s="1106"/>
      <c r="BO628" s="1106"/>
      <c r="BP628" s="1106"/>
      <c r="BQ628" s="1106"/>
      <c r="BR628" s="1106"/>
      <c r="BS628" s="1106"/>
      <c r="BT628" s="1106"/>
      <c r="BU628" s="1106"/>
      <c r="BV628" s="1106"/>
      <c r="BW628" s="1106"/>
      <c r="BX628" s="1106"/>
      <c r="BY628" s="1106"/>
      <c r="BZ628" s="1106"/>
      <c r="CA628" s="1106"/>
    </row>
    <row r="629" spans="3:79" ht="9" customHeight="1" x14ac:dyDescent="0.2">
      <c r="C629" s="1106"/>
      <c r="D629" s="1106"/>
      <c r="E629" s="1106"/>
      <c r="F629" s="1106"/>
      <c r="G629" s="1106"/>
      <c r="H629" s="1106"/>
      <c r="I629" s="1106"/>
      <c r="J629" s="1106"/>
      <c r="K629" s="1106"/>
      <c r="L629" s="1106"/>
      <c r="M629" s="1106"/>
      <c r="N629" s="1106"/>
      <c r="O629" s="1106"/>
      <c r="U629" s="1106"/>
      <c r="AB629" s="1106"/>
      <c r="AC629" s="1106"/>
      <c r="AD629" s="1106"/>
      <c r="AE629" s="1106"/>
      <c r="AF629" s="1106"/>
      <c r="AG629" s="1106"/>
      <c r="AH629" s="1106"/>
      <c r="AL629" s="1106"/>
      <c r="AO629" s="1106"/>
      <c r="AP629" s="1106"/>
      <c r="AT629" s="1106"/>
      <c r="AU629" s="1106"/>
      <c r="AV629" s="1106"/>
      <c r="AW629" s="1106"/>
      <c r="AX629" s="1106"/>
      <c r="AY629" s="1106"/>
      <c r="AZ629" s="1106"/>
      <c r="BA629" s="1106"/>
      <c r="BB629" s="1106"/>
      <c r="BC629" s="1106"/>
      <c r="BD629" s="1106"/>
      <c r="BE629" s="1106"/>
      <c r="BF629" s="1106"/>
      <c r="BG629" s="1106"/>
      <c r="BH629" s="1106"/>
      <c r="BI629" s="1106"/>
      <c r="BJ629" s="1106"/>
      <c r="BK629" s="1106"/>
      <c r="BL629" s="1106"/>
      <c r="BM629" s="1106"/>
      <c r="BN629" s="1106"/>
      <c r="BO629" s="1106"/>
      <c r="BP629" s="1106"/>
      <c r="BQ629" s="1106"/>
      <c r="BR629" s="1106"/>
      <c r="BS629" s="1106"/>
      <c r="BT629" s="1106"/>
      <c r="BU629" s="1106"/>
      <c r="BV629" s="1106"/>
      <c r="BW629" s="1106"/>
      <c r="BX629" s="1106"/>
      <c r="BY629" s="1106"/>
      <c r="BZ629" s="1106"/>
      <c r="CA629" s="1106"/>
    </row>
    <row r="630" spans="3:79" ht="9" customHeight="1" x14ac:dyDescent="0.2">
      <c r="C630" s="1106"/>
      <c r="D630" s="1106"/>
      <c r="E630" s="1106"/>
      <c r="F630" s="1106"/>
      <c r="G630" s="1106"/>
      <c r="H630" s="1106"/>
      <c r="I630" s="1106"/>
      <c r="J630" s="1106"/>
      <c r="K630" s="1106"/>
      <c r="L630" s="1106"/>
      <c r="M630" s="1106"/>
      <c r="N630" s="1106"/>
      <c r="O630" s="1106"/>
      <c r="U630" s="1106"/>
      <c r="AB630" s="1106"/>
      <c r="AC630" s="1106"/>
      <c r="AD630" s="1106"/>
      <c r="AE630" s="1106"/>
      <c r="AF630" s="1106"/>
      <c r="AG630" s="1106"/>
      <c r="AH630" s="1106"/>
      <c r="AL630" s="1106"/>
      <c r="AT630" s="1106"/>
      <c r="AU630" s="1106"/>
      <c r="AV630" s="1106"/>
      <c r="AW630" s="1106"/>
      <c r="AX630" s="1106"/>
      <c r="AY630" s="1106"/>
      <c r="AZ630" s="1106"/>
      <c r="BA630" s="1106"/>
      <c r="BB630" s="1106"/>
      <c r="BC630" s="1106"/>
      <c r="BD630" s="1106"/>
      <c r="BE630" s="1106"/>
      <c r="BF630" s="1106"/>
      <c r="BG630" s="1106"/>
      <c r="BH630" s="1106"/>
      <c r="BI630" s="1106"/>
      <c r="BJ630" s="1106"/>
      <c r="BK630" s="1106"/>
      <c r="BL630" s="1106"/>
      <c r="BM630" s="1106"/>
      <c r="BN630" s="1106"/>
      <c r="BO630" s="1106"/>
      <c r="BP630" s="1106"/>
      <c r="BQ630" s="1106"/>
      <c r="BR630" s="1106"/>
      <c r="BS630" s="1106"/>
      <c r="BT630" s="1106"/>
      <c r="BU630" s="1106"/>
      <c r="BV630" s="1106"/>
      <c r="BW630" s="1106"/>
      <c r="BX630" s="1106"/>
      <c r="BY630" s="1106"/>
      <c r="BZ630" s="1106"/>
      <c r="CA630" s="1106"/>
    </row>
    <row r="631" spans="3:79" ht="9" customHeight="1" x14ac:dyDescent="0.2">
      <c r="C631" s="1106"/>
      <c r="D631" s="1106"/>
      <c r="E631" s="1106"/>
      <c r="F631" s="1106"/>
      <c r="G631" s="1106"/>
      <c r="H631" s="1106"/>
      <c r="I631" s="1106"/>
      <c r="J631" s="1106"/>
      <c r="K631" s="1106"/>
      <c r="L631" s="1106"/>
      <c r="M631" s="1106"/>
      <c r="N631" s="1106"/>
      <c r="O631" s="1106"/>
      <c r="AB631" s="1106"/>
      <c r="AC631" s="1106"/>
      <c r="AD631" s="1106"/>
      <c r="AE631" s="1106"/>
      <c r="AF631" s="1106"/>
      <c r="AG631" s="1106"/>
      <c r="AH631" s="1106"/>
      <c r="AL631" s="1106"/>
      <c r="AZ631" s="1106"/>
      <c r="BA631" s="1106"/>
      <c r="BB631" s="1106"/>
      <c r="BC631" s="1106"/>
      <c r="BD631" s="1106"/>
      <c r="BE631" s="1106"/>
      <c r="BF631" s="1106"/>
      <c r="BG631" s="1106"/>
      <c r="BH631" s="1106"/>
      <c r="BI631" s="1106"/>
      <c r="BJ631" s="1106"/>
      <c r="BK631" s="1106"/>
      <c r="BL631" s="1106"/>
      <c r="BM631" s="1106"/>
      <c r="BN631" s="1106"/>
      <c r="BO631" s="1106"/>
      <c r="BP631" s="1106"/>
      <c r="BQ631" s="1106"/>
      <c r="BR631" s="1106"/>
      <c r="BS631" s="1106"/>
      <c r="BT631" s="1106"/>
      <c r="BU631" s="1106"/>
      <c r="BV631" s="1106"/>
      <c r="BW631" s="1106"/>
      <c r="BX631" s="1106"/>
      <c r="BY631" s="1106"/>
      <c r="BZ631" s="1106"/>
      <c r="CA631" s="1106"/>
    </row>
    <row r="632" spans="3:79" ht="9" customHeight="1" x14ac:dyDescent="0.2">
      <c r="C632" s="1106"/>
      <c r="D632" s="1106"/>
      <c r="E632" s="1106"/>
      <c r="F632" s="1106"/>
      <c r="G632" s="1106"/>
      <c r="H632" s="1106"/>
      <c r="I632" s="1106"/>
      <c r="J632" s="1106"/>
      <c r="K632" s="1106"/>
      <c r="L632" s="1106"/>
      <c r="M632" s="1106"/>
      <c r="N632" s="1106"/>
      <c r="O632" s="1106"/>
      <c r="AB632" s="1106"/>
      <c r="AC632" s="1106"/>
      <c r="AD632" s="1106"/>
      <c r="AE632" s="1106"/>
      <c r="AF632" s="1106"/>
      <c r="AG632" s="1106"/>
      <c r="AH632" s="1106"/>
      <c r="AL632" s="1106"/>
      <c r="AZ632" s="1106"/>
      <c r="BA632" s="1106"/>
      <c r="BB632" s="1106"/>
      <c r="BC632" s="1106"/>
      <c r="BD632" s="1106"/>
      <c r="BE632" s="1106"/>
      <c r="BF632" s="1106"/>
      <c r="BG632" s="1106"/>
      <c r="BH632" s="1106"/>
      <c r="BI632" s="1106"/>
      <c r="BJ632" s="1106"/>
      <c r="BK632" s="1106"/>
      <c r="BL632" s="1106"/>
      <c r="BM632" s="1106"/>
      <c r="BN632" s="1106"/>
      <c r="BO632" s="1106"/>
      <c r="BP632" s="1106"/>
      <c r="BQ632" s="1106"/>
      <c r="BR632" s="1106"/>
      <c r="BS632" s="1106"/>
      <c r="BT632" s="1106"/>
      <c r="BU632" s="1106"/>
      <c r="BV632" s="1106"/>
      <c r="BW632" s="1106"/>
      <c r="BX632" s="1106"/>
      <c r="BY632" s="1106"/>
      <c r="BZ632" s="1106"/>
      <c r="CA632" s="1106"/>
    </row>
    <row r="633" spans="3:79" ht="9" customHeight="1" x14ac:dyDescent="0.2">
      <c r="C633" s="1106"/>
      <c r="D633" s="1106"/>
      <c r="E633" s="1106"/>
      <c r="F633" s="1106"/>
      <c r="G633" s="1106"/>
      <c r="H633" s="1106"/>
      <c r="I633" s="1106"/>
      <c r="J633" s="1106"/>
      <c r="K633" s="1106"/>
      <c r="L633" s="1106"/>
      <c r="M633" s="1106"/>
      <c r="N633" s="1106"/>
      <c r="O633" s="1106"/>
      <c r="AB633" s="1106"/>
      <c r="AC633" s="1106"/>
      <c r="AD633" s="1106"/>
      <c r="AE633" s="1106"/>
      <c r="AF633" s="1106"/>
      <c r="AG633" s="1106"/>
      <c r="AH633" s="1106"/>
      <c r="AL633" s="1106"/>
      <c r="AZ633" s="1106"/>
      <c r="BA633" s="1106"/>
      <c r="BB633" s="1106"/>
      <c r="BC633" s="1106"/>
      <c r="BD633" s="1106"/>
      <c r="BE633" s="1106"/>
      <c r="BF633" s="1106"/>
      <c r="BG633" s="1106"/>
      <c r="BH633" s="1106"/>
      <c r="BI633" s="1106"/>
      <c r="BJ633" s="1106"/>
      <c r="BK633" s="1106"/>
      <c r="BL633" s="1106"/>
      <c r="BM633" s="1106"/>
      <c r="BN633" s="1106"/>
      <c r="BO633" s="1106"/>
      <c r="BP633" s="1106"/>
      <c r="BQ633" s="1106"/>
      <c r="BR633" s="1106"/>
      <c r="BS633" s="1106"/>
      <c r="BT633" s="1106"/>
      <c r="BU633" s="1106"/>
      <c r="BV633" s="1106"/>
      <c r="BW633" s="1106"/>
      <c r="BX633" s="1106"/>
      <c r="BY633" s="1106"/>
      <c r="BZ633" s="1106"/>
      <c r="CA633" s="1106"/>
    </row>
    <row r="634" spans="3:79" ht="9" customHeight="1" x14ac:dyDescent="0.2">
      <c r="C634" s="1106"/>
      <c r="D634" s="1106"/>
      <c r="E634" s="1106"/>
      <c r="F634" s="1106"/>
      <c r="G634" s="1106"/>
      <c r="H634" s="1106"/>
      <c r="I634" s="1106"/>
      <c r="J634" s="1106"/>
      <c r="K634" s="1106"/>
      <c r="L634" s="1106"/>
      <c r="M634" s="1106"/>
      <c r="N634" s="1106"/>
      <c r="O634" s="1106"/>
      <c r="U634" s="1106"/>
      <c r="AB634" s="1106"/>
      <c r="AC634" s="1106"/>
      <c r="AD634" s="1106"/>
      <c r="AE634" s="1106"/>
      <c r="AF634" s="1106"/>
      <c r="AG634" s="1106"/>
      <c r="AH634" s="1106"/>
      <c r="AL634" s="1106"/>
      <c r="AT634" s="1106"/>
      <c r="AU634" s="1106"/>
      <c r="AV634" s="1106"/>
      <c r="AW634" s="1106"/>
      <c r="AX634" s="1106"/>
      <c r="AY634" s="1106"/>
      <c r="AZ634" s="1106"/>
      <c r="BA634" s="1106"/>
      <c r="BB634" s="1106"/>
      <c r="BC634" s="1106"/>
      <c r="BD634" s="1106"/>
      <c r="BE634" s="1106"/>
      <c r="BF634" s="1106"/>
      <c r="BG634" s="1106"/>
      <c r="BH634" s="1106"/>
      <c r="BI634" s="1106"/>
      <c r="BJ634" s="1106"/>
      <c r="BK634" s="1106"/>
      <c r="BL634" s="1106"/>
      <c r="BM634" s="1106"/>
      <c r="BN634" s="1106"/>
      <c r="BO634" s="1106"/>
      <c r="BP634" s="1106"/>
      <c r="BQ634" s="1106"/>
      <c r="BR634" s="1106"/>
      <c r="BS634" s="1106"/>
      <c r="BT634" s="1106"/>
      <c r="BU634" s="1106"/>
      <c r="BV634" s="1106"/>
      <c r="BW634" s="1106"/>
      <c r="BX634" s="1106"/>
      <c r="BY634" s="1106"/>
      <c r="BZ634" s="1106"/>
      <c r="CA634" s="1106"/>
    </row>
    <row r="635" spans="3:79" ht="9" customHeight="1" x14ac:dyDescent="0.2">
      <c r="C635" s="1106"/>
      <c r="D635" s="1106"/>
      <c r="E635" s="1106"/>
      <c r="F635" s="1106"/>
      <c r="G635" s="1106"/>
      <c r="H635" s="1106"/>
      <c r="I635" s="1106"/>
      <c r="J635" s="1106"/>
      <c r="K635" s="1106"/>
      <c r="L635" s="1106"/>
      <c r="M635" s="1106"/>
      <c r="N635" s="1106"/>
      <c r="O635" s="1106"/>
      <c r="U635" s="1106"/>
      <c r="AB635" s="1106"/>
      <c r="AC635" s="1106"/>
      <c r="AD635" s="1106"/>
      <c r="AE635" s="1106"/>
      <c r="AF635" s="1106"/>
      <c r="AG635" s="1106"/>
      <c r="AH635" s="1106"/>
      <c r="AL635" s="1106"/>
      <c r="AO635" s="1106"/>
      <c r="AP635" s="1106"/>
      <c r="AT635" s="1106"/>
      <c r="AU635" s="1106"/>
      <c r="AV635" s="1106"/>
      <c r="AW635" s="1106"/>
      <c r="AX635" s="1106"/>
      <c r="AY635" s="1106"/>
      <c r="AZ635" s="1106"/>
      <c r="BA635" s="1106"/>
      <c r="BB635" s="1106"/>
      <c r="BC635" s="1106"/>
      <c r="BD635" s="1106"/>
      <c r="BE635" s="1106"/>
      <c r="BF635" s="1106"/>
      <c r="BG635" s="1106"/>
      <c r="BH635" s="1106"/>
      <c r="BI635" s="1106"/>
      <c r="BJ635" s="1106"/>
      <c r="BK635" s="1106"/>
      <c r="BL635" s="1106"/>
      <c r="BM635" s="1106"/>
      <c r="BN635" s="1106"/>
      <c r="BO635" s="1106"/>
      <c r="BP635" s="1106"/>
      <c r="BQ635" s="1106"/>
      <c r="BR635" s="1106"/>
      <c r="BS635" s="1106"/>
      <c r="BT635" s="1106"/>
      <c r="BU635" s="1106"/>
      <c r="BV635" s="1106"/>
      <c r="BW635" s="1106"/>
      <c r="BX635" s="1106"/>
      <c r="BY635" s="1106"/>
      <c r="BZ635" s="1106"/>
      <c r="CA635" s="1106"/>
    </row>
    <row r="636" spans="3:79" ht="9" customHeight="1" x14ac:dyDescent="0.2">
      <c r="C636" s="1106"/>
      <c r="D636" s="1106"/>
      <c r="E636" s="1106"/>
      <c r="F636" s="1106"/>
      <c r="G636" s="1106"/>
      <c r="H636" s="1106"/>
      <c r="I636" s="1106"/>
      <c r="J636" s="1106"/>
      <c r="K636" s="1106"/>
      <c r="L636" s="1106"/>
      <c r="M636" s="1106"/>
      <c r="N636" s="1106"/>
      <c r="O636" s="1106"/>
      <c r="U636" s="1106"/>
      <c r="AB636" s="1106"/>
      <c r="AC636" s="1106"/>
      <c r="AD636" s="1106"/>
      <c r="AE636" s="1106"/>
      <c r="AF636" s="1106"/>
      <c r="AG636" s="1106"/>
      <c r="AH636" s="1106"/>
      <c r="AL636" s="1106"/>
      <c r="AT636" s="1106"/>
      <c r="AU636" s="1106"/>
      <c r="AV636" s="1106"/>
      <c r="AW636" s="1106"/>
      <c r="AX636" s="1106"/>
      <c r="AY636" s="1106"/>
      <c r="AZ636" s="1106"/>
      <c r="BA636" s="1106"/>
      <c r="BB636" s="1106"/>
      <c r="BC636" s="1106"/>
      <c r="BD636" s="1106"/>
      <c r="BE636" s="1106"/>
      <c r="BF636" s="1106"/>
      <c r="BG636" s="1106"/>
      <c r="BH636" s="1106"/>
      <c r="BI636" s="1106"/>
      <c r="BJ636" s="1106"/>
      <c r="BK636" s="1106"/>
      <c r="BL636" s="1106"/>
      <c r="BM636" s="1106"/>
      <c r="BN636" s="1106"/>
      <c r="BO636" s="1106"/>
      <c r="BP636" s="1106"/>
      <c r="BQ636" s="1106"/>
      <c r="BR636" s="1106"/>
      <c r="BS636" s="1106"/>
      <c r="BT636" s="1106"/>
      <c r="BU636" s="1106"/>
      <c r="BV636" s="1106"/>
      <c r="BW636" s="1106"/>
      <c r="BX636" s="1106"/>
      <c r="BY636" s="1106"/>
      <c r="BZ636" s="1106"/>
      <c r="CA636" s="1106"/>
    </row>
    <row r="637" spans="3:79" ht="9" customHeight="1" x14ac:dyDescent="0.2">
      <c r="C637" s="1106"/>
      <c r="D637" s="1106"/>
      <c r="E637" s="1106"/>
      <c r="F637" s="1106"/>
      <c r="G637" s="1106"/>
      <c r="H637" s="1106"/>
      <c r="I637" s="1106"/>
      <c r="J637" s="1106"/>
      <c r="K637" s="1106"/>
      <c r="L637" s="1106"/>
      <c r="M637" s="1106"/>
      <c r="N637" s="1106"/>
      <c r="O637" s="1106"/>
      <c r="AB637" s="1106"/>
      <c r="AC637" s="1106"/>
      <c r="AD637" s="1106"/>
      <c r="AE637" s="1106"/>
      <c r="AF637" s="1106"/>
      <c r="AG637" s="1106"/>
      <c r="AH637" s="1106"/>
      <c r="AL637" s="1106"/>
      <c r="AZ637" s="1106"/>
      <c r="BA637" s="1106"/>
      <c r="BB637" s="1106"/>
      <c r="BC637" s="1106"/>
      <c r="BD637" s="1106"/>
      <c r="BE637" s="1106"/>
      <c r="BF637" s="1106"/>
      <c r="BG637" s="1106"/>
      <c r="BH637" s="1106"/>
      <c r="BI637" s="1106"/>
      <c r="BJ637" s="1106"/>
      <c r="BK637" s="1106"/>
      <c r="BL637" s="1106"/>
      <c r="BM637" s="1106"/>
      <c r="BN637" s="1106"/>
      <c r="BO637" s="1106"/>
      <c r="BP637" s="1106"/>
      <c r="BQ637" s="1106"/>
      <c r="BR637" s="1106"/>
      <c r="BS637" s="1106"/>
      <c r="BT637" s="1106"/>
      <c r="BU637" s="1106"/>
      <c r="BV637" s="1106"/>
      <c r="BW637" s="1106"/>
      <c r="BX637" s="1106"/>
      <c r="BY637" s="1106"/>
      <c r="BZ637" s="1106"/>
      <c r="CA637" s="1106"/>
    </row>
    <row r="638" spans="3:79" ht="9" customHeight="1" x14ac:dyDescent="0.2">
      <c r="C638" s="1106"/>
      <c r="D638" s="1106"/>
      <c r="E638" s="1106"/>
      <c r="F638" s="1106"/>
      <c r="G638" s="1106"/>
      <c r="H638" s="1106"/>
      <c r="I638" s="1106"/>
      <c r="J638" s="1106"/>
      <c r="K638" s="1106"/>
      <c r="L638" s="1106"/>
      <c r="M638" s="1106"/>
      <c r="N638" s="1106"/>
      <c r="O638" s="1106"/>
      <c r="AB638" s="1106"/>
      <c r="AC638" s="1106"/>
      <c r="AD638" s="1106"/>
      <c r="AE638" s="1106"/>
      <c r="AF638" s="1106"/>
      <c r="AG638" s="1106"/>
      <c r="AH638" s="1106"/>
      <c r="AL638" s="1106"/>
      <c r="AZ638" s="1106"/>
      <c r="BA638" s="1106"/>
      <c r="BB638" s="1106"/>
      <c r="BC638" s="1106"/>
      <c r="BD638" s="1106"/>
      <c r="BE638" s="1106"/>
      <c r="BF638" s="1106"/>
      <c r="BG638" s="1106"/>
      <c r="BH638" s="1106"/>
      <c r="BI638" s="1106"/>
      <c r="BJ638" s="1106"/>
      <c r="BK638" s="1106"/>
      <c r="BL638" s="1106"/>
      <c r="BM638" s="1106"/>
      <c r="BN638" s="1106"/>
      <c r="BO638" s="1106"/>
      <c r="BP638" s="1106"/>
      <c r="BQ638" s="1106"/>
      <c r="BR638" s="1106"/>
      <c r="BS638" s="1106"/>
      <c r="BT638" s="1106"/>
      <c r="BU638" s="1106"/>
      <c r="BV638" s="1106"/>
      <c r="BW638" s="1106"/>
      <c r="BX638" s="1106"/>
      <c r="BY638" s="1106"/>
      <c r="BZ638" s="1106"/>
      <c r="CA638" s="1106"/>
    </row>
    <row r="639" spans="3:79" ht="9" customHeight="1" x14ac:dyDescent="0.2">
      <c r="C639" s="1106"/>
      <c r="D639" s="1106"/>
      <c r="E639" s="1106"/>
      <c r="F639" s="1106"/>
      <c r="G639" s="1106"/>
      <c r="H639" s="1106"/>
      <c r="I639" s="1106"/>
      <c r="J639" s="1106"/>
      <c r="K639" s="1106"/>
      <c r="L639" s="1106"/>
      <c r="M639" s="1106"/>
      <c r="N639" s="1106"/>
      <c r="O639" s="1106"/>
      <c r="AB639" s="1106"/>
      <c r="AC639" s="1106"/>
      <c r="AD639" s="1106"/>
      <c r="AE639" s="1106"/>
      <c r="AF639" s="1106"/>
      <c r="AG639" s="1106"/>
      <c r="AH639" s="1106"/>
      <c r="AL639" s="1106"/>
      <c r="AZ639" s="1106"/>
      <c r="BA639" s="1106"/>
      <c r="BB639" s="1106"/>
      <c r="BC639" s="1106"/>
      <c r="BD639" s="1106"/>
      <c r="BE639" s="1106"/>
      <c r="BF639" s="1106"/>
      <c r="BG639" s="1106"/>
      <c r="BH639" s="1106"/>
      <c r="BI639" s="1106"/>
      <c r="BJ639" s="1106"/>
      <c r="BK639" s="1106"/>
      <c r="BL639" s="1106"/>
      <c r="BM639" s="1106"/>
      <c r="BN639" s="1106"/>
      <c r="BO639" s="1106"/>
      <c r="BP639" s="1106"/>
      <c r="BQ639" s="1106"/>
      <c r="BR639" s="1106"/>
      <c r="BS639" s="1106"/>
      <c r="BT639" s="1106"/>
      <c r="BU639" s="1106"/>
      <c r="BV639" s="1106"/>
      <c r="BW639" s="1106"/>
      <c r="BX639" s="1106"/>
      <c r="BY639" s="1106"/>
      <c r="BZ639" s="1106"/>
      <c r="CA639" s="1106"/>
    </row>
    <row r="640" spans="3:79" ht="9" customHeight="1" x14ac:dyDescent="0.2">
      <c r="C640" s="1106"/>
      <c r="D640" s="1106"/>
      <c r="E640" s="1106"/>
      <c r="F640" s="1106"/>
      <c r="G640" s="1106"/>
      <c r="H640" s="1106"/>
      <c r="I640" s="1106"/>
      <c r="J640" s="1106"/>
      <c r="K640" s="1106"/>
      <c r="L640" s="1106"/>
      <c r="M640" s="1106"/>
      <c r="N640" s="1106"/>
      <c r="O640" s="1106"/>
      <c r="U640" s="1106"/>
      <c r="AB640" s="1106"/>
      <c r="AC640" s="1106"/>
      <c r="AD640" s="1106"/>
      <c r="AE640" s="1106"/>
      <c r="AF640" s="1106"/>
      <c r="AG640" s="1106"/>
      <c r="AH640" s="1106"/>
      <c r="AL640" s="1106"/>
      <c r="AT640" s="1106"/>
      <c r="AU640" s="1106"/>
      <c r="AV640" s="1106"/>
      <c r="AW640" s="1106"/>
      <c r="AX640" s="1106"/>
      <c r="AY640" s="1106"/>
      <c r="AZ640" s="1106"/>
      <c r="BA640" s="1106"/>
      <c r="BB640" s="1106"/>
      <c r="BC640" s="1106"/>
      <c r="BD640" s="1106"/>
      <c r="BE640" s="1106"/>
      <c r="BF640" s="1106"/>
      <c r="BG640" s="1106"/>
      <c r="BH640" s="1106"/>
      <c r="BI640" s="1106"/>
      <c r="BJ640" s="1106"/>
      <c r="BK640" s="1106"/>
      <c r="BL640" s="1106"/>
      <c r="BM640" s="1106"/>
      <c r="BN640" s="1106"/>
      <c r="BO640" s="1106"/>
      <c r="BP640" s="1106"/>
      <c r="BQ640" s="1106"/>
      <c r="BR640" s="1106"/>
      <c r="BS640" s="1106"/>
      <c r="BT640" s="1106"/>
      <c r="BU640" s="1106"/>
      <c r="BV640" s="1106"/>
      <c r="BW640" s="1106"/>
      <c r="BX640" s="1106"/>
      <c r="BY640" s="1106"/>
      <c r="BZ640" s="1106"/>
      <c r="CA640" s="1106"/>
    </row>
    <row r="641" spans="3:79" ht="9" customHeight="1" x14ac:dyDescent="0.2">
      <c r="C641" s="1106"/>
      <c r="D641" s="1106"/>
      <c r="E641" s="1106"/>
      <c r="F641" s="1106"/>
      <c r="G641" s="1106"/>
      <c r="H641" s="1106"/>
      <c r="I641" s="1106"/>
      <c r="J641" s="1106"/>
      <c r="K641" s="1106"/>
      <c r="L641" s="1106"/>
      <c r="M641" s="1106"/>
      <c r="N641" s="1106"/>
      <c r="O641" s="1106"/>
      <c r="U641" s="1106"/>
      <c r="AB641" s="1106"/>
      <c r="AC641" s="1106"/>
      <c r="AD641" s="1106"/>
      <c r="AE641" s="1106"/>
      <c r="AF641" s="1106"/>
      <c r="AG641" s="1106"/>
      <c r="AH641" s="1106"/>
      <c r="AL641" s="1106"/>
      <c r="AO641" s="1106"/>
      <c r="AP641" s="1106"/>
      <c r="AT641" s="1106"/>
      <c r="AU641" s="1106"/>
      <c r="AV641" s="1106"/>
      <c r="AW641" s="1106"/>
      <c r="AX641" s="1106"/>
      <c r="AY641" s="1106"/>
      <c r="AZ641" s="1106"/>
      <c r="BA641" s="1106"/>
      <c r="BB641" s="1106"/>
      <c r="BC641" s="1106"/>
      <c r="BD641" s="1106"/>
      <c r="BE641" s="1106"/>
      <c r="BF641" s="1106"/>
      <c r="BG641" s="1106"/>
      <c r="BH641" s="1106"/>
      <c r="BI641" s="1106"/>
      <c r="BJ641" s="1106"/>
      <c r="BK641" s="1106"/>
      <c r="BL641" s="1106"/>
      <c r="BM641" s="1106"/>
      <c r="BN641" s="1106"/>
      <c r="BO641" s="1106"/>
      <c r="BP641" s="1106"/>
      <c r="BQ641" s="1106"/>
      <c r="BR641" s="1106"/>
      <c r="BS641" s="1106"/>
      <c r="BT641" s="1106"/>
      <c r="BU641" s="1106"/>
      <c r="BV641" s="1106"/>
      <c r="BW641" s="1106"/>
      <c r="BX641" s="1106"/>
      <c r="BY641" s="1106"/>
      <c r="BZ641" s="1106"/>
      <c r="CA641" s="1106"/>
    </row>
    <row r="642" spans="3:79" ht="9" customHeight="1" x14ac:dyDescent="0.2">
      <c r="C642" s="1106"/>
      <c r="D642" s="1106"/>
      <c r="E642" s="1106"/>
      <c r="F642" s="1106"/>
      <c r="G642" s="1106"/>
      <c r="H642" s="1106"/>
      <c r="I642" s="1106"/>
      <c r="J642" s="1106"/>
      <c r="K642" s="1106"/>
      <c r="L642" s="1106"/>
      <c r="M642" s="1106"/>
      <c r="N642" s="1106"/>
      <c r="O642" s="1106"/>
      <c r="U642" s="1106"/>
      <c r="AB642" s="1106"/>
      <c r="AC642" s="1106"/>
      <c r="AD642" s="1106"/>
      <c r="AE642" s="1106"/>
      <c r="AF642" s="1106"/>
      <c r="AG642" s="1106"/>
      <c r="AH642" s="1106"/>
      <c r="AL642" s="1106"/>
      <c r="AT642" s="1106"/>
      <c r="AU642" s="1106"/>
      <c r="AV642" s="1106"/>
      <c r="AW642" s="1106"/>
      <c r="AX642" s="1106"/>
      <c r="AY642" s="1106"/>
      <c r="AZ642" s="1106"/>
      <c r="BA642" s="1106"/>
      <c r="BB642" s="1106"/>
      <c r="BC642" s="1106"/>
      <c r="BD642" s="1106"/>
      <c r="BE642" s="1106"/>
      <c r="BF642" s="1106"/>
      <c r="BG642" s="1106"/>
      <c r="BH642" s="1106"/>
      <c r="BI642" s="1106"/>
      <c r="BJ642" s="1106"/>
      <c r="BK642" s="1106"/>
      <c r="BL642" s="1106"/>
      <c r="BM642" s="1106"/>
      <c r="BN642" s="1106"/>
      <c r="BO642" s="1106"/>
      <c r="BP642" s="1106"/>
      <c r="BQ642" s="1106"/>
      <c r="BR642" s="1106"/>
      <c r="BS642" s="1106"/>
      <c r="BT642" s="1106"/>
      <c r="BU642" s="1106"/>
      <c r="BV642" s="1106"/>
      <c r="BW642" s="1106"/>
      <c r="BX642" s="1106"/>
      <c r="BY642" s="1106"/>
      <c r="BZ642" s="1106"/>
      <c r="CA642" s="1106"/>
    </row>
    <row r="643" spans="3:79" ht="9" customHeight="1" x14ac:dyDescent="0.2">
      <c r="C643" s="1106"/>
      <c r="D643" s="1106"/>
      <c r="E643" s="1106"/>
      <c r="F643" s="1106"/>
      <c r="G643" s="1106"/>
      <c r="H643" s="1106"/>
      <c r="I643" s="1106"/>
      <c r="J643" s="1106"/>
      <c r="K643" s="1106"/>
      <c r="L643" s="1106"/>
      <c r="M643" s="1106"/>
      <c r="N643" s="1106"/>
      <c r="O643" s="1106"/>
      <c r="AB643" s="1106"/>
      <c r="AC643" s="1106"/>
      <c r="AD643" s="1106"/>
      <c r="AE643" s="1106"/>
      <c r="AF643" s="1106"/>
      <c r="AG643" s="1106"/>
      <c r="AH643" s="1106"/>
      <c r="AL643" s="1106"/>
      <c r="AZ643" s="1106"/>
      <c r="BA643" s="1106"/>
      <c r="BB643" s="1106"/>
      <c r="BC643" s="1106"/>
      <c r="BD643" s="1106"/>
      <c r="BE643" s="1106"/>
      <c r="BF643" s="1106"/>
      <c r="BG643" s="1106"/>
      <c r="BH643" s="1106"/>
      <c r="BI643" s="1106"/>
      <c r="BJ643" s="1106"/>
      <c r="BK643" s="1106"/>
      <c r="BL643" s="1106"/>
      <c r="BM643" s="1106"/>
      <c r="BN643" s="1106"/>
      <c r="BO643" s="1106"/>
      <c r="BP643" s="1106"/>
      <c r="BQ643" s="1106"/>
      <c r="BR643" s="1106"/>
      <c r="BS643" s="1106"/>
      <c r="BT643" s="1106"/>
      <c r="BU643" s="1106"/>
      <c r="BV643" s="1106"/>
      <c r="BW643" s="1106"/>
      <c r="BX643" s="1106"/>
      <c r="BY643" s="1106"/>
      <c r="BZ643" s="1106"/>
      <c r="CA643" s="1106"/>
    </row>
    <row r="644" spans="3:79" ht="9" customHeight="1" x14ac:dyDescent="0.2">
      <c r="C644" s="1106"/>
      <c r="D644" s="1106"/>
      <c r="E644" s="1106"/>
      <c r="F644" s="1106"/>
      <c r="G644" s="1106"/>
      <c r="H644" s="1106"/>
      <c r="I644" s="1106"/>
      <c r="J644" s="1106"/>
      <c r="K644" s="1106"/>
      <c r="L644" s="1106"/>
      <c r="M644" s="1106"/>
      <c r="N644" s="1106"/>
      <c r="O644" s="1106"/>
      <c r="AB644" s="1106"/>
      <c r="AC644" s="1106"/>
      <c r="AD644" s="1106"/>
      <c r="AE644" s="1106"/>
      <c r="AF644" s="1106"/>
      <c r="AG644" s="1106"/>
      <c r="AH644" s="1106"/>
      <c r="AL644" s="1106"/>
      <c r="AZ644" s="1106"/>
      <c r="BA644" s="1106"/>
      <c r="BB644" s="1106"/>
      <c r="BC644" s="1106"/>
      <c r="BD644" s="1106"/>
      <c r="BE644" s="1106"/>
      <c r="BF644" s="1106"/>
      <c r="BG644" s="1106"/>
      <c r="BH644" s="1106"/>
      <c r="BI644" s="1106"/>
      <c r="BJ644" s="1106"/>
      <c r="BK644" s="1106"/>
      <c r="BL644" s="1106"/>
      <c r="BM644" s="1106"/>
      <c r="BN644" s="1106"/>
      <c r="BO644" s="1106"/>
      <c r="BP644" s="1106"/>
      <c r="BQ644" s="1106"/>
      <c r="BR644" s="1106"/>
      <c r="BS644" s="1106"/>
      <c r="BT644" s="1106"/>
      <c r="BU644" s="1106"/>
      <c r="BV644" s="1106"/>
      <c r="BW644" s="1106"/>
      <c r="BX644" s="1106"/>
      <c r="BY644" s="1106"/>
      <c r="BZ644" s="1106"/>
      <c r="CA644" s="1106"/>
    </row>
    <row r="645" spans="3:79" ht="9" customHeight="1" x14ac:dyDescent="0.2">
      <c r="C645" s="1106"/>
      <c r="D645" s="1106"/>
      <c r="E645" s="1106"/>
      <c r="F645" s="1106"/>
      <c r="G645" s="1106"/>
      <c r="H645" s="1106"/>
      <c r="I645" s="1106"/>
      <c r="J645" s="1106"/>
      <c r="K645" s="1106"/>
      <c r="L645" s="1106"/>
      <c r="M645" s="1106"/>
      <c r="N645" s="1106"/>
      <c r="O645" s="1106"/>
      <c r="AB645" s="1106"/>
      <c r="AC645" s="1106"/>
      <c r="AD645" s="1106"/>
      <c r="AE645" s="1106"/>
      <c r="AF645" s="1106"/>
      <c r="AG645" s="1106"/>
      <c r="AH645" s="1106"/>
      <c r="AL645" s="1106"/>
      <c r="AZ645" s="1106"/>
      <c r="BA645" s="1106"/>
      <c r="BB645" s="1106"/>
      <c r="BC645" s="1106"/>
      <c r="BD645" s="1106"/>
      <c r="BE645" s="1106"/>
      <c r="BF645" s="1106"/>
      <c r="BG645" s="1106"/>
      <c r="BH645" s="1106"/>
      <c r="BI645" s="1106"/>
      <c r="BJ645" s="1106"/>
      <c r="BK645" s="1106"/>
      <c r="BL645" s="1106"/>
      <c r="BM645" s="1106"/>
      <c r="BN645" s="1106"/>
      <c r="BO645" s="1106"/>
      <c r="BP645" s="1106"/>
      <c r="BQ645" s="1106"/>
      <c r="BR645" s="1106"/>
      <c r="BS645" s="1106"/>
      <c r="BT645" s="1106"/>
      <c r="BU645" s="1106"/>
      <c r="BV645" s="1106"/>
      <c r="BW645" s="1106"/>
      <c r="BX645" s="1106"/>
      <c r="BY645" s="1106"/>
      <c r="BZ645" s="1106"/>
      <c r="CA645" s="1106"/>
    </row>
    <row r="646" spans="3:79" ht="9" customHeight="1" x14ac:dyDescent="0.2">
      <c r="C646" s="1106"/>
      <c r="D646" s="1106"/>
      <c r="E646" s="1106"/>
      <c r="F646" s="1106"/>
      <c r="G646" s="1106"/>
      <c r="H646" s="1106"/>
      <c r="I646" s="1106"/>
      <c r="J646" s="1106"/>
      <c r="K646" s="1106"/>
      <c r="L646" s="1106"/>
      <c r="M646" s="1106"/>
      <c r="N646" s="1106"/>
      <c r="O646" s="1106"/>
      <c r="U646" s="1106"/>
      <c r="AB646" s="1106"/>
      <c r="AC646" s="1106"/>
      <c r="AD646" s="1106"/>
      <c r="AE646" s="1106"/>
      <c r="AF646" s="1106"/>
      <c r="AG646" s="1106"/>
      <c r="AH646" s="1106"/>
      <c r="AL646" s="1106"/>
      <c r="AT646" s="1106"/>
      <c r="AU646" s="1106"/>
      <c r="AV646" s="1106"/>
      <c r="AW646" s="1106"/>
      <c r="AX646" s="1106"/>
      <c r="AY646" s="1106"/>
      <c r="AZ646" s="1106"/>
      <c r="BA646" s="1106"/>
      <c r="BB646" s="1106"/>
      <c r="BC646" s="1106"/>
      <c r="BD646" s="1106"/>
      <c r="BE646" s="1106"/>
      <c r="BF646" s="1106"/>
      <c r="BG646" s="1106"/>
      <c r="BH646" s="1106"/>
      <c r="BI646" s="1106"/>
      <c r="BJ646" s="1106"/>
      <c r="BK646" s="1106"/>
      <c r="BL646" s="1106"/>
      <c r="BM646" s="1106"/>
      <c r="BN646" s="1106"/>
      <c r="BO646" s="1106"/>
      <c r="BP646" s="1106"/>
      <c r="BQ646" s="1106"/>
      <c r="BR646" s="1106"/>
      <c r="BS646" s="1106"/>
      <c r="BT646" s="1106"/>
      <c r="BU646" s="1106"/>
      <c r="BV646" s="1106"/>
      <c r="BW646" s="1106"/>
      <c r="BX646" s="1106"/>
      <c r="BY646" s="1106"/>
      <c r="BZ646" s="1106"/>
      <c r="CA646" s="1106"/>
    </row>
    <row r="647" spans="3:79" ht="9" customHeight="1" x14ac:dyDescent="0.2">
      <c r="C647" s="1106"/>
      <c r="D647" s="1106"/>
      <c r="E647" s="1106"/>
      <c r="F647" s="1106"/>
      <c r="G647" s="1106"/>
      <c r="H647" s="1106"/>
      <c r="I647" s="1106"/>
      <c r="J647" s="1106"/>
      <c r="K647" s="1106"/>
      <c r="L647" s="1106"/>
      <c r="M647" s="1106"/>
      <c r="N647" s="1106"/>
      <c r="O647" s="1106"/>
      <c r="U647" s="1106"/>
      <c r="AB647" s="1106"/>
      <c r="AC647" s="1106"/>
      <c r="AD647" s="1106"/>
      <c r="AE647" s="1106"/>
      <c r="AF647" s="1106"/>
      <c r="AG647" s="1106"/>
      <c r="AH647" s="1106"/>
      <c r="AL647" s="1106"/>
      <c r="AO647" s="1106"/>
      <c r="AP647" s="1106"/>
      <c r="AT647" s="1106"/>
      <c r="AU647" s="1106"/>
      <c r="AV647" s="1106"/>
      <c r="AW647" s="1106"/>
      <c r="AX647" s="1106"/>
      <c r="AY647" s="1106"/>
      <c r="AZ647" s="1106"/>
      <c r="BA647" s="1106"/>
      <c r="BB647" s="1106"/>
      <c r="BC647" s="1106"/>
      <c r="BD647" s="1106"/>
      <c r="BE647" s="1106"/>
      <c r="BF647" s="1106"/>
      <c r="BG647" s="1106"/>
      <c r="BH647" s="1106"/>
      <c r="BI647" s="1106"/>
      <c r="BJ647" s="1106"/>
      <c r="BK647" s="1106"/>
      <c r="BL647" s="1106"/>
      <c r="BM647" s="1106"/>
      <c r="BN647" s="1106"/>
      <c r="BO647" s="1106"/>
      <c r="BP647" s="1106"/>
      <c r="BQ647" s="1106"/>
      <c r="BR647" s="1106"/>
      <c r="BS647" s="1106"/>
      <c r="BT647" s="1106"/>
      <c r="BU647" s="1106"/>
      <c r="BV647" s="1106"/>
      <c r="BW647" s="1106"/>
      <c r="BX647" s="1106"/>
      <c r="BY647" s="1106"/>
      <c r="BZ647" s="1106"/>
      <c r="CA647" s="1106"/>
    </row>
    <row r="648" spans="3:79" ht="9" customHeight="1" x14ac:dyDescent="0.2">
      <c r="C648" s="1106"/>
      <c r="D648" s="1106"/>
      <c r="E648" s="1106"/>
      <c r="F648" s="1106"/>
      <c r="G648" s="1106"/>
      <c r="H648" s="1106"/>
      <c r="I648" s="1106"/>
      <c r="J648" s="1106"/>
      <c r="K648" s="1106"/>
      <c r="L648" s="1106"/>
      <c r="M648" s="1106"/>
      <c r="N648" s="1106"/>
      <c r="O648" s="1106"/>
      <c r="U648" s="1106"/>
      <c r="AB648" s="1106"/>
      <c r="AC648" s="1106"/>
      <c r="AD648" s="1106"/>
      <c r="AE648" s="1106"/>
      <c r="AF648" s="1106"/>
      <c r="AG648" s="1106"/>
      <c r="AH648" s="1106"/>
      <c r="AL648" s="1106"/>
      <c r="AT648" s="1106"/>
      <c r="AU648" s="1106"/>
      <c r="AV648" s="1106"/>
      <c r="AW648" s="1106"/>
      <c r="AX648" s="1106"/>
      <c r="AY648" s="1106"/>
      <c r="AZ648" s="1106"/>
      <c r="BA648" s="1106"/>
      <c r="BB648" s="1106"/>
      <c r="BC648" s="1106"/>
      <c r="BD648" s="1106"/>
      <c r="BE648" s="1106"/>
      <c r="BF648" s="1106"/>
      <c r="BG648" s="1106"/>
      <c r="BH648" s="1106"/>
      <c r="BI648" s="1106"/>
      <c r="BJ648" s="1106"/>
      <c r="BK648" s="1106"/>
      <c r="BL648" s="1106"/>
      <c r="BM648" s="1106"/>
      <c r="BN648" s="1106"/>
      <c r="BO648" s="1106"/>
      <c r="BP648" s="1106"/>
      <c r="BQ648" s="1106"/>
      <c r="BR648" s="1106"/>
      <c r="BS648" s="1106"/>
      <c r="BT648" s="1106"/>
      <c r="BU648" s="1106"/>
      <c r="BV648" s="1106"/>
      <c r="BW648" s="1106"/>
      <c r="BX648" s="1106"/>
      <c r="BY648" s="1106"/>
      <c r="BZ648" s="1106"/>
      <c r="CA648" s="1106"/>
    </row>
    <row r="649" spans="3:79" ht="9" customHeight="1" x14ac:dyDescent="0.2">
      <c r="C649" s="1106"/>
      <c r="D649" s="1106"/>
      <c r="E649" s="1106"/>
      <c r="F649" s="1106"/>
      <c r="G649" s="1106"/>
      <c r="H649" s="1106"/>
      <c r="I649" s="1106"/>
      <c r="J649" s="1106"/>
      <c r="K649" s="1106"/>
      <c r="L649" s="1106"/>
      <c r="M649" s="1106"/>
      <c r="N649" s="1106"/>
      <c r="O649" s="1106"/>
      <c r="AB649" s="1106"/>
      <c r="AC649" s="1106"/>
      <c r="AD649" s="1106"/>
      <c r="AE649" s="1106"/>
      <c r="AF649" s="1106"/>
      <c r="AG649" s="1106"/>
      <c r="AH649" s="1106"/>
      <c r="AL649" s="1106"/>
      <c r="AZ649" s="1106"/>
      <c r="BA649" s="1106"/>
      <c r="BB649" s="1106"/>
      <c r="BC649" s="1106"/>
      <c r="BD649" s="1106"/>
      <c r="BE649" s="1106"/>
      <c r="BF649" s="1106"/>
      <c r="BG649" s="1106"/>
      <c r="BH649" s="1106"/>
      <c r="BI649" s="1106"/>
      <c r="BJ649" s="1106"/>
      <c r="BK649" s="1106"/>
      <c r="BL649" s="1106"/>
      <c r="BM649" s="1106"/>
      <c r="BN649" s="1106"/>
      <c r="BO649" s="1106"/>
      <c r="BP649" s="1106"/>
      <c r="BQ649" s="1106"/>
      <c r="BR649" s="1106"/>
      <c r="BS649" s="1106"/>
      <c r="BT649" s="1106"/>
      <c r="BU649" s="1106"/>
      <c r="BV649" s="1106"/>
      <c r="BW649" s="1106"/>
      <c r="BX649" s="1106"/>
      <c r="BY649" s="1106"/>
      <c r="BZ649" s="1106"/>
      <c r="CA649" s="1106"/>
    </row>
    <row r="650" spans="3:79" ht="9" customHeight="1" x14ac:dyDescent="0.2">
      <c r="C650" s="1106"/>
      <c r="D650" s="1106"/>
      <c r="E650" s="1106"/>
      <c r="F650" s="1106"/>
      <c r="G650" s="1106"/>
      <c r="H650" s="1106"/>
      <c r="I650" s="1106"/>
      <c r="J650" s="1106"/>
      <c r="K650" s="1106"/>
      <c r="L650" s="1106"/>
      <c r="M650" s="1106"/>
      <c r="N650" s="1106"/>
      <c r="O650" s="1106"/>
      <c r="AB650" s="1106"/>
      <c r="AC650" s="1106"/>
      <c r="AD650" s="1106"/>
      <c r="AE650" s="1106"/>
      <c r="AF650" s="1106"/>
      <c r="AG650" s="1106"/>
      <c r="AH650" s="1106"/>
      <c r="AL650" s="1106"/>
      <c r="AZ650" s="1106"/>
      <c r="BA650" s="1106"/>
      <c r="BB650" s="1106"/>
      <c r="BC650" s="1106"/>
      <c r="BD650" s="1106"/>
      <c r="BE650" s="1106"/>
      <c r="BF650" s="1106"/>
      <c r="BG650" s="1106"/>
      <c r="BH650" s="1106"/>
      <c r="BI650" s="1106"/>
      <c r="BJ650" s="1106"/>
      <c r="BK650" s="1106"/>
      <c r="BL650" s="1106"/>
      <c r="BM650" s="1106"/>
      <c r="BN650" s="1106"/>
      <c r="BO650" s="1106"/>
      <c r="BP650" s="1106"/>
      <c r="BQ650" s="1106"/>
      <c r="BR650" s="1106"/>
      <c r="BS650" s="1106"/>
      <c r="BT650" s="1106"/>
      <c r="BU650" s="1106"/>
      <c r="BV650" s="1106"/>
      <c r="BW650" s="1106"/>
      <c r="BX650" s="1106"/>
      <c r="BY650" s="1106"/>
      <c r="BZ650" s="1106"/>
      <c r="CA650" s="1106"/>
    </row>
    <row r="651" spans="3:79" ht="9" customHeight="1" x14ac:dyDescent="0.2">
      <c r="C651" s="1106"/>
      <c r="D651" s="1106"/>
      <c r="E651" s="1106"/>
      <c r="F651" s="1106"/>
      <c r="G651" s="1106"/>
      <c r="H651" s="1106"/>
      <c r="I651" s="1106"/>
      <c r="J651" s="1106"/>
      <c r="K651" s="1106"/>
      <c r="L651" s="1106"/>
      <c r="M651" s="1106"/>
      <c r="N651" s="1106"/>
      <c r="O651" s="1106"/>
      <c r="AB651" s="1106"/>
      <c r="AC651" s="1106"/>
      <c r="AD651" s="1106"/>
      <c r="AE651" s="1106"/>
      <c r="AF651" s="1106"/>
      <c r="AG651" s="1106"/>
      <c r="AH651" s="1106"/>
      <c r="AL651" s="1106"/>
      <c r="AZ651" s="1106"/>
      <c r="BA651" s="1106"/>
      <c r="BB651" s="1106"/>
      <c r="BC651" s="1106"/>
      <c r="BD651" s="1106"/>
      <c r="BE651" s="1106"/>
      <c r="BF651" s="1106"/>
      <c r="BG651" s="1106"/>
      <c r="BH651" s="1106"/>
      <c r="BI651" s="1106"/>
      <c r="BJ651" s="1106"/>
      <c r="BK651" s="1106"/>
      <c r="BL651" s="1106"/>
      <c r="BM651" s="1106"/>
      <c r="BN651" s="1106"/>
      <c r="BO651" s="1106"/>
      <c r="BP651" s="1106"/>
      <c r="BQ651" s="1106"/>
      <c r="BR651" s="1106"/>
      <c r="BS651" s="1106"/>
      <c r="BT651" s="1106"/>
      <c r="BU651" s="1106"/>
      <c r="BV651" s="1106"/>
      <c r="BW651" s="1106"/>
      <c r="BX651" s="1106"/>
      <c r="BY651" s="1106"/>
      <c r="BZ651" s="1106"/>
      <c r="CA651" s="1106"/>
    </row>
    <row r="652" spans="3:79" ht="9" customHeight="1" x14ac:dyDescent="0.2">
      <c r="C652" s="1106"/>
      <c r="D652" s="1106"/>
      <c r="E652" s="1106"/>
      <c r="F652" s="1106"/>
      <c r="G652" s="1106"/>
      <c r="H652" s="1106"/>
      <c r="I652" s="1106"/>
      <c r="J652" s="1106"/>
      <c r="K652" s="1106"/>
      <c r="L652" s="1106"/>
      <c r="M652" s="1106"/>
      <c r="N652" s="1106"/>
      <c r="O652" s="1106"/>
      <c r="U652" s="1106"/>
      <c r="AB652" s="1106"/>
      <c r="AC652" s="1106"/>
      <c r="AD652" s="1106"/>
      <c r="AE652" s="1106"/>
      <c r="AF652" s="1106"/>
      <c r="AG652" s="1106"/>
      <c r="AH652" s="1106"/>
      <c r="AL652" s="1106"/>
      <c r="AT652" s="1106"/>
      <c r="AU652" s="1106"/>
      <c r="AV652" s="1106"/>
      <c r="AW652" s="1106"/>
      <c r="AX652" s="1106"/>
      <c r="AY652" s="1106"/>
      <c r="AZ652" s="1106"/>
      <c r="BA652" s="1106"/>
      <c r="BB652" s="1106"/>
      <c r="BC652" s="1106"/>
      <c r="BD652" s="1106"/>
      <c r="BE652" s="1106"/>
      <c r="BF652" s="1106"/>
      <c r="BG652" s="1106"/>
      <c r="BH652" s="1106"/>
      <c r="BI652" s="1106"/>
      <c r="BJ652" s="1106"/>
      <c r="BK652" s="1106"/>
      <c r="BL652" s="1106"/>
      <c r="BM652" s="1106"/>
      <c r="BN652" s="1106"/>
      <c r="BO652" s="1106"/>
      <c r="BP652" s="1106"/>
      <c r="BQ652" s="1106"/>
      <c r="BR652" s="1106"/>
      <c r="BS652" s="1106"/>
      <c r="BT652" s="1106"/>
      <c r="BU652" s="1106"/>
      <c r="BV652" s="1106"/>
      <c r="BW652" s="1106"/>
      <c r="BX652" s="1106"/>
      <c r="BY652" s="1106"/>
      <c r="BZ652" s="1106"/>
      <c r="CA652" s="1106"/>
    </row>
    <row r="653" spans="3:79" ht="9" customHeight="1" x14ac:dyDescent="0.2">
      <c r="C653" s="1106"/>
      <c r="D653" s="1106"/>
      <c r="E653" s="1106"/>
      <c r="F653" s="1106"/>
      <c r="G653" s="1106"/>
      <c r="H653" s="1106"/>
      <c r="I653" s="1106"/>
      <c r="J653" s="1106"/>
      <c r="K653" s="1106"/>
      <c r="L653" s="1106"/>
      <c r="M653" s="1106"/>
      <c r="N653" s="1106"/>
      <c r="O653" s="1106"/>
      <c r="U653" s="1106"/>
      <c r="AB653" s="1106"/>
      <c r="AC653" s="1106"/>
      <c r="AD653" s="1106"/>
      <c r="AE653" s="1106"/>
      <c r="AF653" s="1106"/>
      <c r="AG653" s="1106"/>
      <c r="AH653" s="1106"/>
      <c r="AL653" s="1106"/>
      <c r="AO653" s="1106"/>
      <c r="AP653" s="1106"/>
      <c r="AT653" s="1106"/>
      <c r="AU653" s="1106"/>
      <c r="AV653" s="1106"/>
      <c r="AW653" s="1106"/>
      <c r="AX653" s="1106"/>
      <c r="AY653" s="1106"/>
      <c r="AZ653" s="1106"/>
      <c r="BA653" s="1106"/>
      <c r="BB653" s="1106"/>
      <c r="BC653" s="1106"/>
      <c r="BD653" s="1106"/>
      <c r="BE653" s="1106"/>
      <c r="BF653" s="1106"/>
      <c r="BG653" s="1106"/>
      <c r="BH653" s="1106"/>
      <c r="BI653" s="1106"/>
      <c r="BJ653" s="1106"/>
      <c r="BK653" s="1106"/>
      <c r="BL653" s="1106"/>
      <c r="BM653" s="1106"/>
      <c r="BN653" s="1106"/>
      <c r="BO653" s="1106"/>
      <c r="BP653" s="1106"/>
      <c r="BQ653" s="1106"/>
      <c r="BR653" s="1106"/>
      <c r="BS653" s="1106"/>
      <c r="BT653" s="1106"/>
      <c r="BU653" s="1106"/>
      <c r="BV653" s="1106"/>
      <c r="BW653" s="1106"/>
      <c r="BX653" s="1106"/>
      <c r="BY653" s="1106"/>
      <c r="BZ653" s="1106"/>
      <c r="CA653" s="1106"/>
    </row>
    <row r="654" spans="3:79" ht="9" customHeight="1" x14ac:dyDescent="0.2">
      <c r="C654" s="1106"/>
      <c r="D654" s="1106"/>
      <c r="E654" s="1106"/>
      <c r="F654" s="1106"/>
      <c r="G654" s="1106"/>
      <c r="H654" s="1106"/>
      <c r="I654" s="1106"/>
      <c r="J654" s="1106"/>
      <c r="K654" s="1106"/>
      <c r="L654" s="1106"/>
      <c r="M654" s="1106"/>
      <c r="N654" s="1106"/>
      <c r="O654" s="1106"/>
      <c r="U654" s="1106"/>
      <c r="AB654" s="1106"/>
      <c r="AC654" s="1106"/>
      <c r="AD654" s="1106"/>
      <c r="AE654" s="1106"/>
      <c r="AF654" s="1106"/>
      <c r="AG654" s="1106"/>
      <c r="AH654" s="1106"/>
      <c r="AL654" s="1106"/>
      <c r="AT654" s="1106"/>
      <c r="AU654" s="1106"/>
      <c r="AV654" s="1106"/>
      <c r="AW654" s="1106"/>
      <c r="AX654" s="1106"/>
      <c r="AY654" s="1106"/>
      <c r="AZ654" s="1106"/>
      <c r="BA654" s="1106"/>
      <c r="BB654" s="1106"/>
      <c r="BC654" s="1106"/>
      <c r="BD654" s="1106"/>
      <c r="BE654" s="1106"/>
      <c r="BF654" s="1106"/>
      <c r="BG654" s="1106"/>
      <c r="BH654" s="1106"/>
      <c r="BI654" s="1106"/>
      <c r="BJ654" s="1106"/>
      <c r="BK654" s="1106"/>
      <c r="BL654" s="1106"/>
      <c r="BM654" s="1106"/>
      <c r="BN654" s="1106"/>
      <c r="BO654" s="1106"/>
      <c r="BP654" s="1106"/>
      <c r="BQ654" s="1106"/>
      <c r="BR654" s="1106"/>
      <c r="BS654" s="1106"/>
      <c r="BT654" s="1106"/>
      <c r="BU654" s="1106"/>
      <c r="BV654" s="1106"/>
      <c r="BW654" s="1106"/>
      <c r="BX654" s="1106"/>
      <c r="BY654" s="1106"/>
      <c r="BZ654" s="1106"/>
      <c r="CA654" s="1106"/>
    </row>
    <row r="655" spans="3:79" ht="9" customHeight="1" x14ac:dyDescent="0.2">
      <c r="C655" s="1106"/>
      <c r="D655" s="1106"/>
      <c r="E655" s="1106"/>
      <c r="F655" s="1106"/>
      <c r="G655" s="1106"/>
      <c r="H655" s="1106"/>
      <c r="I655" s="1106"/>
      <c r="J655" s="1106"/>
      <c r="K655" s="1106"/>
      <c r="L655" s="1106"/>
      <c r="M655" s="1106"/>
      <c r="N655" s="1106"/>
      <c r="O655" s="1106"/>
      <c r="AB655" s="1106"/>
      <c r="AC655" s="1106"/>
      <c r="AD655" s="1106"/>
      <c r="AE655" s="1106"/>
      <c r="AF655" s="1106"/>
      <c r="AG655" s="1106"/>
      <c r="AH655" s="1106"/>
      <c r="AL655" s="1106"/>
      <c r="AZ655" s="1106"/>
      <c r="BA655" s="1106"/>
      <c r="BB655" s="1106"/>
      <c r="BC655" s="1106"/>
      <c r="BD655" s="1106"/>
      <c r="BE655" s="1106"/>
      <c r="BF655" s="1106"/>
      <c r="BG655" s="1106"/>
      <c r="BH655" s="1106"/>
      <c r="BI655" s="1106"/>
      <c r="BJ655" s="1106"/>
      <c r="BK655" s="1106"/>
      <c r="BL655" s="1106"/>
      <c r="BM655" s="1106"/>
      <c r="BN655" s="1106"/>
      <c r="BO655" s="1106"/>
      <c r="BP655" s="1106"/>
      <c r="BQ655" s="1106"/>
      <c r="BR655" s="1106"/>
      <c r="BS655" s="1106"/>
      <c r="BT655" s="1106"/>
      <c r="BU655" s="1106"/>
      <c r="BV655" s="1106"/>
      <c r="BW655" s="1106"/>
      <c r="BX655" s="1106"/>
      <c r="BY655" s="1106"/>
      <c r="BZ655" s="1106"/>
      <c r="CA655" s="1106"/>
    </row>
    <row r="656" spans="3:79" ht="9" customHeight="1" x14ac:dyDescent="0.2">
      <c r="C656" s="1106"/>
      <c r="D656" s="1106"/>
      <c r="E656" s="1106"/>
      <c r="F656" s="1106"/>
      <c r="G656" s="1106"/>
      <c r="H656" s="1106"/>
      <c r="I656" s="1106"/>
      <c r="J656" s="1106"/>
      <c r="K656" s="1106"/>
      <c r="L656" s="1106"/>
      <c r="M656" s="1106"/>
      <c r="N656" s="1106"/>
      <c r="O656" s="1106"/>
      <c r="AB656" s="1106"/>
      <c r="AC656" s="1106"/>
      <c r="AD656" s="1106"/>
      <c r="AE656" s="1106"/>
      <c r="AF656" s="1106"/>
      <c r="AG656" s="1106"/>
      <c r="AH656" s="1106"/>
      <c r="AL656" s="1106"/>
      <c r="AZ656" s="1106"/>
      <c r="BA656" s="1106"/>
      <c r="BB656" s="1106"/>
      <c r="BC656" s="1106"/>
      <c r="BD656" s="1106"/>
      <c r="BE656" s="1106"/>
      <c r="BF656" s="1106"/>
      <c r="BG656" s="1106"/>
      <c r="BH656" s="1106"/>
      <c r="BI656" s="1106"/>
      <c r="BJ656" s="1106"/>
      <c r="BK656" s="1106"/>
      <c r="BL656" s="1106"/>
      <c r="BM656" s="1106"/>
      <c r="BN656" s="1106"/>
      <c r="BO656" s="1106"/>
      <c r="BP656" s="1106"/>
      <c r="BQ656" s="1106"/>
      <c r="BR656" s="1106"/>
      <c r="BS656" s="1106"/>
      <c r="BT656" s="1106"/>
      <c r="BU656" s="1106"/>
      <c r="BV656" s="1106"/>
      <c r="BW656" s="1106"/>
      <c r="BX656" s="1106"/>
      <c r="BY656" s="1106"/>
      <c r="BZ656" s="1106"/>
      <c r="CA656" s="1106"/>
    </row>
    <row r="657" spans="3:79" ht="9" customHeight="1" x14ac:dyDescent="0.2">
      <c r="C657" s="1106"/>
      <c r="D657" s="1106"/>
      <c r="E657" s="1106"/>
      <c r="F657" s="1106"/>
      <c r="G657" s="1106"/>
      <c r="H657" s="1106"/>
      <c r="I657" s="1106"/>
      <c r="J657" s="1106"/>
      <c r="K657" s="1106"/>
      <c r="L657" s="1106"/>
      <c r="M657" s="1106"/>
      <c r="N657" s="1106"/>
      <c r="O657" s="1106"/>
      <c r="AB657" s="1106"/>
      <c r="AC657" s="1106"/>
      <c r="AD657" s="1106"/>
      <c r="AE657" s="1106"/>
      <c r="AF657" s="1106"/>
      <c r="AG657" s="1106"/>
      <c r="AH657" s="1106"/>
      <c r="AL657" s="1106"/>
      <c r="AZ657" s="1106"/>
      <c r="BA657" s="1106"/>
      <c r="BB657" s="1106"/>
      <c r="BC657" s="1106"/>
      <c r="BD657" s="1106"/>
      <c r="BE657" s="1106"/>
      <c r="BF657" s="1106"/>
      <c r="BG657" s="1106"/>
      <c r="BH657" s="1106"/>
      <c r="BI657" s="1106"/>
      <c r="BJ657" s="1106"/>
      <c r="BK657" s="1106"/>
      <c r="BL657" s="1106"/>
      <c r="BM657" s="1106"/>
      <c r="BN657" s="1106"/>
      <c r="BO657" s="1106"/>
      <c r="BP657" s="1106"/>
      <c r="BQ657" s="1106"/>
      <c r="BR657" s="1106"/>
      <c r="BS657" s="1106"/>
      <c r="BT657" s="1106"/>
      <c r="BU657" s="1106"/>
      <c r="BV657" s="1106"/>
      <c r="BW657" s="1106"/>
      <c r="BX657" s="1106"/>
      <c r="BY657" s="1106"/>
      <c r="BZ657" s="1106"/>
      <c r="CA657" s="1106"/>
    </row>
    <row r="658" spans="3:79" ht="9" customHeight="1" x14ac:dyDescent="0.2">
      <c r="C658" s="1106"/>
      <c r="D658" s="1106"/>
      <c r="E658" s="1106"/>
      <c r="F658" s="1106"/>
      <c r="G658" s="1106"/>
      <c r="H658" s="1106"/>
      <c r="I658" s="1106"/>
      <c r="J658" s="1106"/>
      <c r="K658" s="1106"/>
      <c r="L658" s="1106"/>
      <c r="M658" s="1106"/>
      <c r="N658" s="1106"/>
      <c r="O658" s="1106"/>
      <c r="U658" s="1106"/>
      <c r="AB658" s="1106"/>
      <c r="AC658" s="1106"/>
      <c r="AD658" s="1106"/>
      <c r="AE658" s="1106"/>
      <c r="AF658" s="1106"/>
      <c r="AG658" s="1106"/>
      <c r="AH658" s="1106"/>
      <c r="AL658" s="1106"/>
      <c r="AT658" s="1106"/>
      <c r="AU658" s="1106"/>
      <c r="AV658" s="1106"/>
      <c r="AW658" s="1106"/>
      <c r="AX658" s="1106"/>
      <c r="AY658" s="1106"/>
      <c r="AZ658" s="1106"/>
      <c r="BA658" s="1106"/>
      <c r="BB658" s="1106"/>
      <c r="BC658" s="1106"/>
      <c r="BD658" s="1106"/>
      <c r="BE658" s="1106"/>
      <c r="BF658" s="1106"/>
      <c r="BG658" s="1106"/>
      <c r="BH658" s="1106"/>
      <c r="BI658" s="1106"/>
      <c r="BJ658" s="1106"/>
      <c r="BK658" s="1106"/>
      <c r="BL658" s="1106"/>
      <c r="BM658" s="1106"/>
      <c r="BN658" s="1106"/>
      <c r="BO658" s="1106"/>
      <c r="BP658" s="1106"/>
      <c r="BQ658" s="1106"/>
      <c r="BR658" s="1106"/>
      <c r="BS658" s="1106"/>
      <c r="BT658" s="1106"/>
      <c r="BU658" s="1106"/>
      <c r="BV658" s="1106"/>
      <c r="BW658" s="1106"/>
      <c r="BX658" s="1106"/>
      <c r="BY658" s="1106"/>
      <c r="BZ658" s="1106"/>
      <c r="CA658" s="1106"/>
    </row>
    <row r="659" spans="3:79" ht="9" customHeight="1" x14ac:dyDescent="0.2">
      <c r="C659" s="1106"/>
      <c r="D659" s="1106"/>
      <c r="E659" s="1106"/>
      <c r="F659" s="1106"/>
      <c r="G659" s="1106"/>
      <c r="H659" s="1106"/>
      <c r="I659" s="1106"/>
      <c r="J659" s="1106"/>
      <c r="K659" s="1106"/>
      <c r="L659" s="1106"/>
      <c r="M659" s="1106"/>
      <c r="N659" s="1106"/>
      <c r="O659" s="1106"/>
      <c r="U659" s="1106"/>
      <c r="AB659" s="1106"/>
      <c r="AC659" s="1106"/>
      <c r="AD659" s="1106"/>
      <c r="AE659" s="1106"/>
      <c r="AF659" s="1106"/>
      <c r="AG659" s="1106"/>
      <c r="AH659" s="1106"/>
      <c r="AL659" s="1106"/>
      <c r="AO659" s="1106"/>
      <c r="AP659" s="1106"/>
      <c r="AT659" s="1106"/>
      <c r="AU659" s="1106"/>
      <c r="AV659" s="1106"/>
      <c r="AW659" s="1106"/>
      <c r="AX659" s="1106"/>
      <c r="AY659" s="1106"/>
      <c r="AZ659" s="1106"/>
      <c r="BA659" s="1106"/>
      <c r="BB659" s="1106"/>
      <c r="BC659" s="1106"/>
      <c r="BD659" s="1106"/>
      <c r="BE659" s="1106"/>
      <c r="BF659" s="1106"/>
      <c r="BG659" s="1106"/>
      <c r="BH659" s="1106"/>
      <c r="BI659" s="1106"/>
      <c r="BJ659" s="1106"/>
      <c r="BK659" s="1106"/>
      <c r="BL659" s="1106"/>
      <c r="BM659" s="1106"/>
      <c r="BN659" s="1106"/>
      <c r="BO659" s="1106"/>
      <c r="BP659" s="1106"/>
      <c r="BQ659" s="1106"/>
      <c r="BR659" s="1106"/>
      <c r="BS659" s="1106"/>
      <c r="BT659" s="1106"/>
      <c r="BU659" s="1106"/>
      <c r="BV659" s="1106"/>
      <c r="BW659" s="1106"/>
      <c r="BX659" s="1106"/>
      <c r="BY659" s="1106"/>
      <c r="BZ659" s="1106"/>
      <c r="CA659" s="1106"/>
    </row>
    <row r="660" spans="3:79" ht="9" customHeight="1" x14ac:dyDescent="0.2">
      <c r="C660" s="1106"/>
      <c r="D660" s="1106"/>
      <c r="E660" s="1106"/>
      <c r="F660" s="1106"/>
      <c r="G660" s="1106"/>
      <c r="H660" s="1106"/>
      <c r="I660" s="1106"/>
      <c r="J660" s="1106"/>
      <c r="K660" s="1106"/>
      <c r="L660" s="1106"/>
      <c r="M660" s="1106"/>
      <c r="N660" s="1106"/>
      <c r="O660" s="1106"/>
      <c r="U660" s="1106"/>
      <c r="AB660" s="1106"/>
      <c r="AC660" s="1106"/>
      <c r="AD660" s="1106"/>
      <c r="AE660" s="1106"/>
      <c r="AF660" s="1106"/>
      <c r="AG660" s="1106"/>
      <c r="AH660" s="1106"/>
      <c r="AL660" s="1106"/>
      <c r="AT660" s="1106"/>
      <c r="AU660" s="1106"/>
      <c r="AV660" s="1106"/>
      <c r="AW660" s="1106"/>
      <c r="AX660" s="1106"/>
      <c r="AY660" s="1106"/>
      <c r="AZ660" s="1106"/>
      <c r="BA660" s="1106"/>
      <c r="BB660" s="1106"/>
      <c r="BC660" s="1106"/>
      <c r="BD660" s="1106"/>
      <c r="BE660" s="1106"/>
      <c r="BF660" s="1106"/>
      <c r="BG660" s="1106"/>
      <c r="BH660" s="1106"/>
      <c r="BI660" s="1106"/>
      <c r="BJ660" s="1106"/>
      <c r="BK660" s="1106"/>
      <c r="BL660" s="1106"/>
      <c r="BM660" s="1106"/>
      <c r="BN660" s="1106"/>
      <c r="BO660" s="1106"/>
      <c r="BP660" s="1106"/>
      <c r="BQ660" s="1106"/>
      <c r="BR660" s="1106"/>
      <c r="BS660" s="1106"/>
      <c r="BT660" s="1106"/>
      <c r="BU660" s="1106"/>
      <c r="BV660" s="1106"/>
      <c r="BW660" s="1106"/>
      <c r="BX660" s="1106"/>
      <c r="BY660" s="1106"/>
      <c r="BZ660" s="1106"/>
      <c r="CA660" s="1106"/>
    </row>
    <row r="661" spans="3:79" ht="9" customHeight="1" x14ac:dyDescent="0.2">
      <c r="C661" s="1106"/>
      <c r="D661" s="1106"/>
      <c r="E661" s="1106"/>
      <c r="F661" s="1106"/>
      <c r="G661" s="1106"/>
      <c r="H661" s="1106"/>
      <c r="I661" s="1106"/>
      <c r="J661" s="1106"/>
      <c r="K661" s="1106"/>
      <c r="L661" s="1106"/>
      <c r="M661" s="1106"/>
      <c r="N661" s="1106"/>
      <c r="O661" s="1106"/>
      <c r="AB661" s="1106"/>
      <c r="AC661" s="1106"/>
      <c r="AD661" s="1106"/>
      <c r="AE661" s="1106"/>
      <c r="AF661" s="1106"/>
      <c r="AG661" s="1106"/>
      <c r="AH661" s="1106"/>
      <c r="AL661" s="1106"/>
      <c r="AZ661" s="1106"/>
      <c r="BA661" s="1106"/>
      <c r="BB661" s="1106"/>
      <c r="BC661" s="1106"/>
      <c r="BD661" s="1106"/>
      <c r="BE661" s="1106"/>
      <c r="BF661" s="1106"/>
      <c r="BG661" s="1106"/>
      <c r="BH661" s="1106"/>
      <c r="BI661" s="1106"/>
      <c r="BJ661" s="1106"/>
      <c r="BK661" s="1106"/>
      <c r="BL661" s="1106"/>
      <c r="BM661" s="1106"/>
      <c r="BN661" s="1106"/>
      <c r="BO661" s="1106"/>
      <c r="BP661" s="1106"/>
      <c r="BQ661" s="1106"/>
      <c r="BR661" s="1106"/>
      <c r="BS661" s="1106"/>
      <c r="BT661" s="1106"/>
      <c r="BU661" s="1106"/>
      <c r="BV661" s="1106"/>
      <c r="BW661" s="1106"/>
      <c r="BX661" s="1106"/>
      <c r="BY661" s="1106"/>
      <c r="BZ661" s="1106"/>
      <c r="CA661" s="1106"/>
    </row>
    <row r="662" spans="3:79" ht="9" customHeight="1" x14ac:dyDescent="0.2">
      <c r="C662" s="1106"/>
      <c r="D662" s="1106"/>
      <c r="E662" s="1106"/>
      <c r="F662" s="1106"/>
      <c r="G662" s="1106"/>
      <c r="H662" s="1106"/>
      <c r="I662" s="1106"/>
      <c r="J662" s="1106"/>
      <c r="K662" s="1106"/>
      <c r="L662" s="1106"/>
      <c r="M662" s="1106"/>
      <c r="N662" s="1106"/>
      <c r="O662" s="1106"/>
      <c r="AB662" s="1106"/>
      <c r="AC662" s="1106"/>
      <c r="AD662" s="1106"/>
      <c r="AE662" s="1106"/>
      <c r="AF662" s="1106"/>
      <c r="AG662" s="1106"/>
      <c r="AH662" s="1106"/>
      <c r="AL662" s="1106"/>
      <c r="AZ662" s="1106"/>
      <c r="BA662" s="1106"/>
      <c r="BB662" s="1106"/>
      <c r="BC662" s="1106"/>
      <c r="BD662" s="1106"/>
      <c r="BE662" s="1106"/>
      <c r="BF662" s="1106"/>
      <c r="BG662" s="1106"/>
      <c r="BH662" s="1106"/>
      <c r="BI662" s="1106"/>
      <c r="BJ662" s="1106"/>
      <c r="BK662" s="1106"/>
      <c r="BL662" s="1106"/>
      <c r="BM662" s="1106"/>
      <c r="BN662" s="1106"/>
      <c r="BO662" s="1106"/>
      <c r="BP662" s="1106"/>
      <c r="BQ662" s="1106"/>
      <c r="BR662" s="1106"/>
      <c r="BS662" s="1106"/>
      <c r="BT662" s="1106"/>
      <c r="BU662" s="1106"/>
      <c r="BV662" s="1106"/>
      <c r="BW662" s="1106"/>
      <c r="BX662" s="1106"/>
      <c r="BY662" s="1106"/>
      <c r="BZ662" s="1106"/>
      <c r="CA662" s="1106"/>
    </row>
    <row r="663" spans="3:79" ht="9" customHeight="1" x14ac:dyDescent="0.2">
      <c r="C663" s="1106"/>
      <c r="D663" s="1106"/>
      <c r="E663" s="1106"/>
      <c r="F663" s="1106"/>
      <c r="G663" s="1106"/>
      <c r="H663" s="1106"/>
      <c r="I663" s="1106"/>
      <c r="J663" s="1106"/>
      <c r="K663" s="1106"/>
      <c r="L663" s="1106"/>
      <c r="M663" s="1106"/>
      <c r="N663" s="1106"/>
      <c r="O663" s="1106"/>
      <c r="AB663" s="1106"/>
      <c r="AC663" s="1106"/>
      <c r="AD663" s="1106"/>
      <c r="AE663" s="1106"/>
      <c r="AF663" s="1106"/>
      <c r="AG663" s="1106"/>
      <c r="AH663" s="1106"/>
      <c r="AL663" s="1106"/>
      <c r="AZ663" s="1106"/>
      <c r="BA663" s="1106"/>
      <c r="BB663" s="1106"/>
      <c r="BC663" s="1106"/>
      <c r="BD663" s="1106"/>
      <c r="BE663" s="1106"/>
      <c r="BF663" s="1106"/>
      <c r="BG663" s="1106"/>
      <c r="BH663" s="1106"/>
      <c r="BI663" s="1106"/>
      <c r="BJ663" s="1106"/>
      <c r="BK663" s="1106"/>
      <c r="BL663" s="1106"/>
      <c r="BM663" s="1106"/>
      <c r="BN663" s="1106"/>
      <c r="BO663" s="1106"/>
      <c r="BP663" s="1106"/>
      <c r="BQ663" s="1106"/>
      <c r="BR663" s="1106"/>
      <c r="BS663" s="1106"/>
      <c r="BT663" s="1106"/>
      <c r="BU663" s="1106"/>
      <c r="BV663" s="1106"/>
      <c r="BW663" s="1106"/>
      <c r="BX663" s="1106"/>
      <c r="BY663" s="1106"/>
      <c r="BZ663" s="1106"/>
      <c r="CA663" s="1106"/>
    </row>
    <row r="664" spans="3:79" ht="9" customHeight="1" x14ac:dyDescent="0.2">
      <c r="C664" s="1106"/>
      <c r="D664" s="1106"/>
      <c r="E664" s="1106"/>
      <c r="F664" s="1106"/>
      <c r="G664" s="1106"/>
      <c r="H664" s="1106"/>
      <c r="I664" s="1106"/>
      <c r="J664" s="1106"/>
      <c r="K664" s="1106"/>
      <c r="L664" s="1106"/>
      <c r="M664" s="1106"/>
      <c r="N664" s="1106"/>
      <c r="O664" s="1106"/>
      <c r="U664" s="1106"/>
      <c r="AB664" s="1106"/>
      <c r="AC664" s="1106"/>
      <c r="AD664" s="1106"/>
      <c r="AE664" s="1106"/>
      <c r="AF664" s="1106"/>
      <c r="AG664" s="1106"/>
      <c r="AH664" s="1106"/>
      <c r="AL664" s="1106"/>
      <c r="AT664" s="1106"/>
      <c r="AU664" s="1106"/>
      <c r="AV664" s="1106"/>
      <c r="AW664" s="1106"/>
      <c r="AX664" s="1106"/>
      <c r="AY664" s="1106"/>
      <c r="AZ664" s="1106"/>
      <c r="BA664" s="1106"/>
      <c r="BB664" s="1106"/>
      <c r="BC664" s="1106"/>
      <c r="BD664" s="1106"/>
      <c r="BE664" s="1106"/>
      <c r="BF664" s="1106"/>
      <c r="BG664" s="1106"/>
      <c r="BH664" s="1106"/>
      <c r="BI664" s="1106"/>
      <c r="BJ664" s="1106"/>
      <c r="BK664" s="1106"/>
      <c r="BL664" s="1106"/>
      <c r="BM664" s="1106"/>
      <c r="BN664" s="1106"/>
      <c r="BO664" s="1106"/>
      <c r="BP664" s="1106"/>
      <c r="BQ664" s="1106"/>
      <c r="BR664" s="1106"/>
      <c r="BS664" s="1106"/>
      <c r="BT664" s="1106"/>
      <c r="BU664" s="1106"/>
      <c r="BV664" s="1106"/>
      <c r="BW664" s="1106"/>
      <c r="BX664" s="1106"/>
      <c r="BY664" s="1106"/>
      <c r="BZ664" s="1106"/>
      <c r="CA664" s="1106"/>
    </row>
    <row r="665" spans="3:79" ht="9" customHeight="1" x14ac:dyDescent="0.2">
      <c r="C665" s="1106"/>
      <c r="D665" s="1106"/>
      <c r="E665" s="1106"/>
      <c r="F665" s="1106"/>
      <c r="G665" s="1106"/>
      <c r="H665" s="1106"/>
      <c r="I665" s="1106"/>
      <c r="J665" s="1106"/>
      <c r="K665" s="1106"/>
      <c r="L665" s="1106"/>
      <c r="M665" s="1106"/>
      <c r="N665" s="1106"/>
      <c r="O665" s="1106"/>
      <c r="U665" s="1106"/>
      <c r="AB665" s="1106"/>
      <c r="AC665" s="1106"/>
      <c r="AD665" s="1106"/>
      <c r="AE665" s="1106"/>
      <c r="AF665" s="1106"/>
      <c r="AG665" s="1106"/>
      <c r="AH665" s="1106"/>
      <c r="AL665" s="1106"/>
      <c r="AO665" s="1106"/>
      <c r="AP665" s="1106"/>
      <c r="AT665" s="1106"/>
      <c r="AU665" s="1106"/>
      <c r="AV665" s="1106"/>
      <c r="AW665" s="1106"/>
      <c r="AX665" s="1106"/>
      <c r="AY665" s="1106"/>
      <c r="AZ665" s="1106"/>
      <c r="BA665" s="1106"/>
      <c r="BB665" s="1106"/>
      <c r="BC665" s="1106"/>
      <c r="BD665" s="1106"/>
      <c r="BE665" s="1106"/>
      <c r="BF665" s="1106"/>
      <c r="BG665" s="1106"/>
      <c r="BH665" s="1106"/>
      <c r="BI665" s="1106"/>
      <c r="BJ665" s="1106"/>
      <c r="BK665" s="1106"/>
      <c r="BL665" s="1106"/>
      <c r="BM665" s="1106"/>
      <c r="BN665" s="1106"/>
      <c r="BO665" s="1106"/>
      <c r="BP665" s="1106"/>
      <c r="BQ665" s="1106"/>
      <c r="BR665" s="1106"/>
      <c r="BS665" s="1106"/>
      <c r="BT665" s="1106"/>
      <c r="BU665" s="1106"/>
      <c r="BV665" s="1106"/>
      <c r="BW665" s="1106"/>
      <c r="BX665" s="1106"/>
      <c r="BY665" s="1106"/>
      <c r="BZ665" s="1106"/>
      <c r="CA665" s="1106"/>
    </row>
    <row r="666" spans="3:79" ht="9" customHeight="1" x14ac:dyDescent="0.2">
      <c r="C666" s="1106"/>
      <c r="D666" s="1106"/>
      <c r="E666" s="1106"/>
      <c r="F666" s="1106"/>
      <c r="G666" s="1106"/>
      <c r="H666" s="1106"/>
      <c r="I666" s="1106"/>
      <c r="J666" s="1106"/>
      <c r="K666" s="1106"/>
      <c r="L666" s="1106"/>
      <c r="M666" s="1106"/>
      <c r="N666" s="1106"/>
      <c r="O666" s="1106"/>
      <c r="U666" s="1106"/>
      <c r="AB666" s="1106"/>
      <c r="AC666" s="1106"/>
      <c r="AD666" s="1106"/>
      <c r="AE666" s="1106"/>
      <c r="AF666" s="1106"/>
      <c r="AG666" s="1106"/>
      <c r="AH666" s="1106"/>
      <c r="AL666" s="1106"/>
      <c r="AT666" s="1106"/>
      <c r="AU666" s="1106"/>
      <c r="AV666" s="1106"/>
      <c r="AW666" s="1106"/>
      <c r="AX666" s="1106"/>
      <c r="AY666" s="1106"/>
      <c r="AZ666" s="1106"/>
      <c r="BA666" s="1106"/>
      <c r="BB666" s="1106"/>
      <c r="BC666" s="1106"/>
      <c r="BD666" s="1106"/>
      <c r="BE666" s="1106"/>
      <c r="BF666" s="1106"/>
      <c r="BG666" s="1106"/>
      <c r="BH666" s="1106"/>
      <c r="BI666" s="1106"/>
      <c r="BJ666" s="1106"/>
      <c r="BK666" s="1106"/>
      <c r="BL666" s="1106"/>
      <c r="BM666" s="1106"/>
      <c r="BN666" s="1106"/>
      <c r="BO666" s="1106"/>
      <c r="BP666" s="1106"/>
      <c r="BQ666" s="1106"/>
      <c r="BR666" s="1106"/>
      <c r="BS666" s="1106"/>
      <c r="BT666" s="1106"/>
      <c r="BU666" s="1106"/>
      <c r="BV666" s="1106"/>
      <c r="BW666" s="1106"/>
      <c r="BX666" s="1106"/>
      <c r="BY666" s="1106"/>
      <c r="BZ666" s="1106"/>
      <c r="CA666" s="1106"/>
    </row>
    <row r="667" spans="3:79" ht="9" customHeight="1" x14ac:dyDescent="0.2">
      <c r="C667" s="1106"/>
      <c r="D667" s="1106"/>
      <c r="E667" s="1106"/>
      <c r="F667" s="1106"/>
      <c r="G667" s="1106"/>
      <c r="H667" s="1106"/>
      <c r="I667" s="1106"/>
      <c r="J667" s="1106"/>
      <c r="K667" s="1106"/>
      <c r="L667" s="1106"/>
      <c r="M667" s="1106"/>
      <c r="N667" s="1106"/>
      <c r="O667" s="1106"/>
      <c r="AB667" s="1106"/>
      <c r="AC667" s="1106"/>
      <c r="AD667" s="1106"/>
      <c r="AE667" s="1106"/>
      <c r="AF667" s="1106"/>
      <c r="AG667" s="1106"/>
      <c r="AH667" s="1106"/>
      <c r="AL667" s="1106"/>
      <c r="AZ667" s="1106"/>
      <c r="BA667" s="1106"/>
      <c r="BB667" s="1106"/>
      <c r="BC667" s="1106"/>
      <c r="BD667" s="1106"/>
      <c r="BE667" s="1106"/>
      <c r="BF667" s="1106"/>
      <c r="BG667" s="1106"/>
      <c r="BH667" s="1106"/>
      <c r="BI667" s="1106"/>
      <c r="BJ667" s="1106"/>
      <c r="BK667" s="1106"/>
      <c r="BL667" s="1106"/>
      <c r="BM667" s="1106"/>
      <c r="BN667" s="1106"/>
      <c r="BO667" s="1106"/>
      <c r="BP667" s="1106"/>
      <c r="BQ667" s="1106"/>
      <c r="BR667" s="1106"/>
      <c r="BS667" s="1106"/>
      <c r="BT667" s="1106"/>
      <c r="BU667" s="1106"/>
      <c r="BV667" s="1106"/>
      <c r="BW667" s="1106"/>
      <c r="BX667" s="1106"/>
      <c r="BY667" s="1106"/>
      <c r="BZ667" s="1106"/>
      <c r="CA667" s="1106"/>
    </row>
    <row r="668" spans="3:79" ht="9" customHeight="1" x14ac:dyDescent="0.2">
      <c r="C668" s="1106"/>
      <c r="D668" s="1106"/>
      <c r="E668" s="1106"/>
      <c r="F668" s="1106"/>
      <c r="G668" s="1106"/>
      <c r="H668" s="1106"/>
      <c r="I668" s="1106"/>
      <c r="J668" s="1106"/>
      <c r="K668" s="1106"/>
      <c r="L668" s="1106"/>
      <c r="M668" s="1106"/>
      <c r="N668" s="1106"/>
      <c r="O668" s="1106"/>
      <c r="AB668" s="1106"/>
      <c r="AC668" s="1106"/>
      <c r="AD668" s="1106"/>
      <c r="AE668" s="1106"/>
      <c r="AF668" s="1106"/>
      <c r="AG668" s="1106"/>
      <c r="AH668" s="1106"/>
      <c r="AL668" s="1106"/>
      <c r="AZ668" s="1106"/>
      <c r="BA668" s="1106"/>
      <c r="BB668" s="1106"/>
      <c r="BC668" s="1106"/>
      <c r="BD668" s="1106"/>
      <c r="BE668" s="1106"/>
      <c r="BF668" s="1106"/>
      <c r="BG668" s="1106"/>
      <c r="BH668" s="1106"/>
      <c r="BI668" s="1106"/>
      <c r="BJ668" s="1106"/>
      <c r="BK668" s="1106"/>
      <c r="BL668" s="1106"/>
      <c r="BM668" s="1106"/>
      <c r="BN668" s="1106"/>
      <c r="BO668" s="1106"/>
      <c r="BP668" s="1106"/>
      <c r="BQ668" s="1106"/>
      <c r="BR668" s="1106"/>
      <c r="BS668" s="1106"/>
      <c r="BT668" s="1106"/>
      <c r="BU668" s="1106"/>
      <c r="BV668" s="1106"/>
      <c r="BW668" s="1106"/>
      <c r="BX668" s="1106"/>
      <c r="BY668" s="1106"/>
      <c r="BZ668" s="1106"/>
      <c r="CA668" s="1106"/>
    </row>
    <row r="669" spans="3:79" ht="9" customHeight="1" x14ac:dyDescent="0.2">
      <c r="C669" s="1106"/>
      <c r="D669" s="1106"/>
      <c r="E669" s="1106"/>
      <c r="F669" s="1106"/>
      <c r="G669" s="1106"/>
      <c r="H669" s="1106"/>
      <c r="I669" s="1106"/>
      <c r="J669" s="1106"/>
      <c r="K669" s="1106"/>
      <c r="L669" s="1106"/>
      <c r="M669" s="1106"/>
      <c r="N669" s="1106"/>
      <c r="O669" s="1106"/>
      <c r="AB669" s="1106"/>
      <c r="AC669" s="1106"/>
      <c r="AD669" s="1106"/>
      <c r="AE669" s="1106"/>
      <c r="AF669" s="1106"/>
      <c r="AG669" s="1106"/>
      <c r="AH669" s="1106"/>
      <c r="AL669" s="1106"/>
      <c r="AZ669" s="1106"/>
      <c r="BA669" s="1106"/>
      <c r="BB669" s="1106"/>
      <c r="BC669" s="1106"/>
      <c r="BD669" s="1106"/>
      <c r="BE669" s="1106"/>
      <c r="BF669" s="1106"/>
      <c r="BG669" s="1106"/>
      <c r="BH669" s="1106"/>
      <c r="BI669" s="1106"/>
      <c r="BJ669" s="1106"/>
      <c r="BK669" s="1106"/>
      <c r="BL669" s="1106"/>
      <c r="BM669" s="1106"/>
      <c r="BN669" s="1106"/>
      <c r="BO669" s="1106"/>
      <c r="BP669" s="1106"/>
      <c r="BQ669" s="1106"/>
      <c r="BR669" s="1106"/>
      <c r="BS669" s="1106"/>
      <c r="BT669" s="1106"/>
      <c r="BU669" s="1106"/>
      <c r="BV669" s="1106"/>
      <c r="BW669" s="1106"/>
      <c r="BX669" s="1106"/>
      <c r="BY669" s="1106"/>
      <c r="BZ669" s="1106"/>
      <c r="CA669" s="1106"/>
    </row>
    <row r="670" spans="3:79" ht="9" customHeight="1" x14ac:dyDescent="0.2">
      <c r="C670" s="1106"/>
      <c r="D670" s="1106"/>
      <c r="E670" s="1106"/>
      <c r="F670" s="1106"/>
      <c r="G670" s="1106"/>
      <c r="H670" s="1106"/>
      <c r="I670" s="1106"/>
      <c r="J670" s="1106"/>
      <c r="K670" s="1106"/>
      <c r="L670" s="1106"/>
      <c r="M670" s="1106"/>
      <c r="N670" s="1106"/>
      <c r="O670" s="1106"/>
      <c r="U670" s="1106"/>
      <c r="AB670" s="1106"/>
      <c r="AC670" s="1106"/>
      <c r="AD670" s="1106"/>
      <c r="AE670" s="1106"/>
      <c r="AF670" s="1106"/>
      <c r="AG670" s="1106"/>
      <c r="AH670" s="1106"/>
      <c r="AL670" s="1106"/>
      <c r="AT670" s="1106"/>
      <c r="AU670" s="1106"/>
      <c r="AV670" s="1106"/>
      <c r="AW670" s="1106"/>
      <c r="AX670" s="1106"/>
      <c r="AY670" s="1106"/>
      <c r="AZ670" s="1106"/>
      <c r="BA670" s="1106"/>
      <c r="BB670" s="1106"/>
      <c r="BC670" s="1106"/>
      <c r="BD670" s="1106"/>
      <c r="BE670" s="1106"/>
      <c r="BF670" s="1106"/>
      <c r="BG670" s="1106"/>
      <c r="BH670" s="1106"/>
      <c r="BI670" s="1106"/>
      <c r="BJ670" s="1106"/>
      <c r="BK670" s="1106"/>
      <c r="BL670" s="1106"/>
      <c r="BM670" s="1106"/>
      <c r="BN670" s="1106"/>
      <c r="BO670" s="1106"/>
      <c r="BP670" s="1106"/>
      <c r="BQ670" s="1106"/>
      <c r="BR670" s="1106"/>
      <c r="BS670" s="1106"/>
      <c r="BT670" s="1106"/>
      <c r="BU670" s="1106"/>
      <c r="BV670" s="1106"/>
      <c r="BW670" s="1106"/>
      <c r="BX670" s="1106"/>
      <c r="BY670" s="1106"/>
      <c r="BZ670" s="1106"/>
      <c r="CA670" s="1106"/>
    </row>
    <row r="671" spans="3:79" ht="9" customHeight="1" x14ac:dyDescent="0.2">
      <c r="C671" s="1106"/>
      <c r="D671" s="1106"/>
      <c r="E671" s="1106"/>
      <c r="F671" s="1106"/>
      <c r="G671" s="1106"/>
      <c r="H671" s="1106"/>
      <c r="I671" s="1106"/>
      <c r="J671" s="1106"/>
      <c r="K671" s="1106"/>
      <c r="L671" s="1106"/>
      <c r="M671" s="1106"/>
      <c r="N671" s="1106"/>
      <c r="O671" s="1106"/>
      <c r="U671" s="1106"/>
      <c r="AB671" s="1106"/>
      <c r="AC671" s="1106"/>
      <c r="AD671" s="1106"/>
      <c r="AE671" s="1106"/>
      <c r="AF671" s="1106"/>
      <c r="AG671" s="1106"/>
      <c r="AH671" s="1106"/>
      <c r="AL671" s="1106"/>
      <c r="AO671" s="1106"/>
      <c r="AP671" s="1106"/>
      <c r="AT671" s="1106"/>
      <c r="AU671" s="1106"/>
      <c r="AV671" s="1106"/>
      <c r="AW671" s="1106"/>
      <c r="AX671" s="1106"/>
      <c r="AY671" s="1106"/>
      <c r="AZ671" s="1106"/>
      <c r="BA671" s="1106"/>
      <c r="BB671" s="1106"/>
      <c r="BC671" s="1106"/>
      <c r="BD671" s="1106"/>
      <c r="BE671" s="1106"/>
      <c r="BF671" s="1106"/>
      <c r="BG671" s="1106"/>
      <c r="BH671" s="1106"/>
      <c r="BI671" s="1106"/>
      <c r="BJ671" s="1106"/>
      <c r="BK671" s="1106"/>
      <c r="BL671" s="1106"/>
      <c r="BM671" s="1106"/>
      <c r="BN671" s="1106"/>
      <c r="BO671" s="1106"/>
      <c r="BP671" s="1106"/>
      <c r="BQ671" s="1106"/>
      <c r="BR671" s="1106"/>
      <c r="BS671" s="1106"/>
      <c r="BT671" s="1106"/>
      <c r="BU671" s="1106"/>
      <c r="BV671" s="1106"/>
      <c r="BW671" s="1106"/>
      <c r="BX671" s="1106"/>
      <c r="BY671" s="1106"/>
      <c r="BZ671" s="1106"/>
      <c r="CA671" s="1106"/>
    </row>
    <row r="672" spans="3:79" ht="9" customHeight="1" x14ac:dyDescent="0.2">
      <c r="C672" s="1106"/>
      <c r="D672" s="1106"/>
      <c r="E672" s="1106"/>
      <c r="F672" s="1106"/>
      <c r="G672" s="1106"/>
      <c r="H672" s="1106"/>
      <c r="I672" s="1106"/>
      <c r="J672" s="1106"/>
      <c r="K672" s="1106"/>
      <c r="L672" s="1106"/>
      <c r="M672" s="1106"/>
      <c r="N672" s="1106"/>
      <c r="O672" s="1106"/>
      <c r="U672" s="1106"/>
      <c r="AB672" s="1106"/>
      <c r="AC672" s="1106"/>
      <c r="AD672" s="1106"/>
      <c r="AE672" s="1106"/>
      <c r="AF672" s="1106"/>
      <c r="AG672" s="1106"/>
      <c r="AH672" s="1106"/>
      <c r="AL672" s="1106"/>
      <c r="AT672" s="1106"/>
      <c r="AU672" s="1106"/>
      <c r="AV672" s="1106"/>
      <c r="AW672" s="1106"/>
      <c r="AX672" s="1106"/>
      <c r="AY672" s="1106"/>
      <c r="AZ672" s="1106"/>
      <c r="BA672" s="1106"/>
      <c r="BB672" s="1106"/>
      <c r="BC672" s="1106"/>
      <c r="BD672" s="1106"/>
      <c r="BE672" s="1106"/>
      <c r="BF672" s="1106"/>
      <c r="BG672" s="1106"/>
      <c r="BH672" s="1106"/>
      <c r="BI672" s="1106"/>
      <c r="BJ672" s="1106"/>
      <c r="BK672" s="1106"/>
      <c r="BL672" s="1106"/>
      <c r="BM672" s="1106"/>
      <c r="BN672" s="1106"/>
      <c r="BO672" s="1106"/>
      <c r="BP672" s="1106"/>
      <c r="BQ672" s="1106"/>
      <c r="BR672" s="1106"/>
      <c r="BS672" s="1106"/>
      <c r="BT672" s="1106"/>
      <c r="BU672" s="1106"/>
      <c r="BV672" s="1106"/>
      <c r="BW672" s="1106"/>
      <c r="BX672" s="1106"/>
      <c r="BY672" s="1106"/>
      <c r="BZ672" s="1106"/>
      <c r="CA672" s="1106"/>
    </row>
    <row r="673" spans="3:79" ht="9" customHeight="1" x14ac:dyDescent="0.2">
      <c r="C673" s="1106"/>
      <c r="D673" s="1106"/>
      <c r="E673" s="1106"/>
      <c r="F673" s="1106"/>
      <c r="G673" s="1106"/>
      <c r="H673" s="1106"/>
      <c r="I673" s="1106"/>
      <c r="J673" s="1106"/>
      <c r="K673" s="1106"/>
      <c r="L673" s="1106"/>
      <c r="M673" s="1106"/>
      <c r="N673" s="1106"/>
      <c r="O673" s="1106"/>
      <c r="AB673" s="1106"/>
      <c r="AC673" s="1106"/>
      <c r="AD673" s="1106"/>
      <c r="AE673" s="1106"/>
      <c r="AF673" s="1106"/>
      <c r="AG673" s="1106"/>
      <c r="AH673" s="1106"/>
      <c r="AL673" s="1106"/>
      <c r="AZ673" s="1106"/>
      <c r="BA673" s="1106"/>
      <c r="BB673" s="1106"/>
      <c r="BC673" s="1106"/>
      <c r="BD673" s="1106"/>
      <c r="BE673" s="1106"/>
      <c r="BF673" s="1106"/>
      <c r="BG673" s="1106"/>
      <c r="BH673" s="1106"/>
      <c r="BI673" s="1106"/>
      <c r="BJ673" s="1106"/>
      <c r="BK673" s="1106"/>
      <c r="BL673" s="1106"/>
      <c r="BM673" s="1106"/>
      <c r="BN673" s="1106"/>
      <c r="BO673" s="1106"/>
      <c r="BP673" s="1106"/>
      <c r="BQ673" s="1106"/>
      <c r="BR673" s="1106"/>
      <c r="BS673" s="1106"/>
      <c r="BT673" s="1106"/>
      <c r="BU673" s="1106"/>
      <c r="BV673" s="1106"/>
      <c r="BW673" s="1106"/>
      <c r="BX673" s="1106"/>
      <c r="BY673" s="1106"/>
      <c r="BZ673" s="1106"/>
      <c r="CA673" s="1106"/>
    </row>
    <row r="674" spans="3:79" ht="9" customHeight="1" x14ac:dyDescent="0.2">
      <c r="C674" s="1106"/>
      <c r="D674" s="1106"/>
      <c r="E674" s="1106"/>
      <c r="F674" s="1106"/>
      <c r="G674" s="1106"/>
      <c r="H674" s="1106"/>
      <c r="I674" s="1106"/>
      <c r="J674" s="1106"/>
      <c r="K674" s="1106"/>
      <c r="L674" s="1106"/>
      <c r="M674" s="1106"/>
      <c r="N674" s="1106"/>
      <c r="O674" s="1106"/>
      <c r="AB674" s="1106"/>
      <c r="AC674" s="1106"/>
      <c r="AD674" s="1106"/>
      <c r="AE674" s="1106"/>
      <c r="AF674" s="1106"/>
      <c r="AG674" s="1106"/>
      <c r="AH674" s="1106"/>
      <c r="AL674" s="1106"/>
      <c r="AZ674" s="1106"/>
      <c r="BA674" s="1106"/>
      <c r="BB674" s="1106"/>
      <c r="BC674" s="1106"/>
      <c r="BD674" s="1106"/>
      <c r="BE674" s="1106"/>
      <c r="BF674" s="1106"/>
      <c r="BG674" s="1106"/>
      <c r="BH674" s="1106"/>
      <c r="BI674" s="1106"/>
      <c r="BJ674" s="1106"/>
      <c r="BK674" s="1106"/>
      <c r="BL674" s="1106"/>
      <c r="BM674" s="1106"/>
      <c r="BN674" s="1106"/>
      <c r="BO674" s="1106"/>
      <c r="BP674" s="1106"/>
      <c r="BQ674" s="1106"/>
      <c r="BR674" s="1106"/>
      <c r="BS674" s="1106"/>
      <c r="BT674" s="1106"/>
      <c r="BU674" s="1106"/>
      <c r="BV674" s="1106"/>
      <c r="BW674" s="1106"/>
      <c r="BX674" s="1106"/>
      <c r="BY674" s="1106"/>
      <c r="BZ674" s="1106"/>
      <c r="CA674" s="1106"/>
    </row>
    <row r="675" spans="3:79" ht="9" customHeight="1" x14ac:dyDescent="0.2">
      <c r="C675" s="1106"/>
      <c r="D675" s="1106"/>
      <c r="E675" s="1106"/>
      <c r="F675" s="1106"/>
      <c r="G675" s="1106"/>
      <c r="H675" s="1106"/>
      <c r="I675" s="1106"/>
      <c r="J675" s="1106"/>
      <c r="K675" s="1106"/>
      <c r="L675" s="1106"/>
      <c r="M675" s="1106"/>
      <c r="N675" s="1106"/>
      <c r="O675" s="1106"/>
      <c r="AB675" s="1106"/>
      <c r="AC675" s="1106"/>
      <c r="AD675" s="1106"/>
      <c r="AE675" s="1106"/>
      <c r="AF675" s="1106"/>
      <c r="AG675" s="1106"/>
      <c r="AH675" s="1106"/>
      <c r="AL675" s="1106"/>
      <c r="AZ675" s="1106"/>
      <c r="BA675" s="1106"/>
      <c r="BB675" s="1106"/>
      <c r="BC675" s="1106"/>
      <c r="BD675" s="1106"/>
      <c r="BE675" s="1106"/>
      <c r="BF675" s="1106"/>
      <c r="BG675" s="1106"/>
      <c r="BH675" s="1106"/>
      <c r="BI675" s="1106"/>
      <c r="BJ675" s="1106"/>
      <c r="BK675" s="1106"/>
      <c r="BL675" s="1106"/>
      <c r="BM675" s="1106"/>
      <c r="BN675" s="1106"/>
      <c r="BO675" s="1106"/>
      <c r="BP675" s="1106"/>
      <c r="BQ675" s="1106"/>
      <c r="BR675" s="1106"/>
      <c r="BS675" s="1106"/>
      <c r="BT675" s="1106"/>
      <c r="BU675" s="1106"/>
      <c r="BV675" s="1106"/>
      <c r="BW675" s="1106"/>
      <c r="BX675" s="1106"/>
      <c r="BY675" s="1106"/>
      <c r="BZ675" s="1106"/>
      <c r="CA675" s="1106"/>
    </row>
    <row r="676" spans="3:79" ht="9" customHeight="1" x14ac:dyDescent="0.2">
      <c r="C676" s="1106"/>
      <c r="D676" s="1106"/>
      <c r="E676" s="1106"/>
      <c r="F676" s="1106"/>
      <c r="G676" s="1106"/>
      <c r="H676" s="1106"/>
      <c r="I676" s="1106"/>
      <c r="J676" s="1106"/>
      <c r="K676" s="1106"/>
      <c r="L676" s="1106"/>
      <c r="M676" s="1106"/>
      <c r="N676" s="1106"/>
      <c r="O676" s="1106"/>
      <c r="U676" s="1106"/>
      <c r="AB676" s="1106"/>
      <c r="AC676" s="1106"/>
      <c r="AD676" s="1106"/>
      <c r="AE676" s="1106"/>
      <c r="AF676" s="1106"/>
      <c r="AG676" s="1106"/>
      <c r="AH676" s="1106"/>
      <c r="AL676" s="1106"/>
      <c r="AT676" s="1106"/>
      <c r="AU676" s="1106"/>
      <c r="AV676" s="1106"/>
      <c r="AW676" s="1106"/>
      <c r="AX676" s="1106"/>
      <c r="AY676" s="1106"/>
      <c r="AZ676" s="1106"/>
      <c r="BA676" s="1106"/>
      <c r="BB676" s="1106"/>
      <c r="BC676" s="1106"/>
      <c r="BD676" s="1106"/>
      <c r="BE676" s="1106"/>
      <c r="BF676" s="1106"/>
      <c r="BG676" s="1106"/>
      <c r="BH676" s="1106"/>
      <c r="BI676" s="1106"/>
      <c r="BJ676" s="1106"/>
      <c r="BK676" s="1106"/>
      <c r="BL676" s="1106"/>
      <c r="BM676" s="1106"/>
      <c r="BN676" s="1106"/>
      <c r="BO676" s="1106"/>
      <c r="BP676" s="1106"/>
      <c r="BQ676" s="1106"/>
      <c r="BR676" s="1106"/>
      <c r="BS676" s="1106"/>
      <c r="BT676" s="1106"/>
      <c r="BU676" s="1106"/>
      <c r="BV676" s="1106"/>
      <c r="BW676" s="1106"/>
      <c r="BX676" s="1106"/>
      <c r="BY676" s="1106"/>
      <c r="BZ676" s="1106"/>
      <c r="CA676" s="1106"/>
    </row>
    <row r="677" spans="3:79" ht="9" customHeight="1" x14ac:dyDescent="0.2">
      <c r="C677" s="1106"/>
      <c r="D677" s="1106"/>
      <c r="E677" s="1106"/>
      <c r="F677" s="1106"/>
      <c r="G677" s="1106"/>
      <c r="H677" s="1106"/>
      <c r="I677" s="1106"/>
      <c r="J677" s="1106"/>
      <c r="K677" s="1106"/>
      <c r="L677" s="1106"/>
      <c r="M677" s="1106"/>
      <c r="N677" s="1106"/>
      <c r="O677" s="1106"/>
      <c r="U677" s="1106"/>
      <c r="AB677" s="1106"/>
      <c r="AC677" s="1106"/>
      <c r="AD677" s="1106"/>
      <c r="AE677" s="1106"/>
      <c r="AF677" s="1106"/>
      <c r="AG677" s="1106"/>
      <c r="AH677" s="1106"/>
      <c r="AL677" s="1106"/>
      <c r="AO677" s="1106"/>
      <c r="AP677" s="1106"/>
      <c r="AT677" s="1106"/>
      <c r="AU677" s="1106"/>
      <c r="AV677" s="1106"/>
      <c r="AW677" s="1106"/>
      <c r="AX677" s="1106"/>
      <c r="AY677" s="1106"/>
      <c r="AZ677" s="1106"/>
      <c r="BA677" s="1106"/>
      <c r="BB677" s="1106"/>
      <c r="BC677" s="1106"/>
      <c r="BD677" s="1106"/>
      <c r="BE677" s="1106"/>
      <c r="BF677" s="1106"/>
      <c r="BG677" s="1106"/>
      <c r="BH677" s="1106"/>
      <c r="BI677" s="1106"/>
      <c r="BJ677" s="1106"/>
      <c r="BK677" s="1106"/>
      <c r="BL677" s="1106"/>
      <c r="BM677" s="1106"/>
      <c r="BN677" s="1106"/>
      <c r="BO677" s="1106"/>
      <c r="BP677" s="1106"/>
      <c r="BQ677" s="1106"/>
      <c r="BR677" s="1106"/>
      <c r="BS677" s="1106"/>
      <c r="BT677" s="1106"/>
      <c r="BU677" s="1106"/>
      <c r="BV677" s="1106"/>
      <c r="BW677" s="1106"/>
      <c r="BX677" s="1106"/>
      <c r="BY677" s="1106"/>
      <c r="BZ677" s="1106"/>
      <c r="CA677" s="1106"/>
    </row>
    <row r="678" spans="3:79" ht="9" customHeight="1" x14ac:dyDescent="0.2">
      <c r="C678" s="1106"/>
      <c r="D678" s="1106"/>
      <c r="E678" s="1106"/>
      <c r="F678" s="1106"/>
      <c r="G678" s="1106"/>
      <c r="H678" s="1106"/>
      <c r="I678" s="1106"/>
      <c r="J678" s="1106"/>
      <c r="K678" s="1106"/>
      <c r="L678" s="1106"/>
      <c r="M678" s="1106"/>
      <c r="N678" s="1106"/>
      <c r="O678" s="1106"/>
      <c r="U678" s="1106"/>
      <c r="AB678" s="1106"/>
      <c r="AC678" s="1106"/>
      <c r="AD678" s="1106"/>
      <c r="AE678" s="1106"/>
      <c r="AF678" s="1106"/>
      <c r="AG678" s="1106"/>
      <c r="AH678" s="1106"/>
      <c r="AL678" s="1106"/>
      <c r="AT678" s="1106"/>
      <c r="AU678" s="1106"/>
      <c r="AV678" s="1106"/>
      <c r="AW678" s="1106"/>
      <c r="AX678" s="1106"/>
      <c r="AY678" s="1106"/>
      <c r="AZ678" s="1106"/>
      <c r="BA678" s="1106"/>
      <c r="BB678" s="1106"/>
      <c r="BC678" s="1106"/>
      <c r="BD678" s="1106"/>
      <c r="BE678" s="1106"/>
      <c r="BF678" s="1106"/>
      <c r="BG678" s="1106"/>
      <c r="BH678" s="1106"/>
      <c r="BI678" s="1106"/>
      <c r="BJ678" s="1106"/>
      <c r="BK678" s="1106"/>
      <c r="BL678" s="1106"/>
      <c r="BM678" s="1106"/>
      <c r="BN678" s="1106"/>
      <c r="BO678" s="1106"/>
      <c r="BP678" s="1106"/>
      <c r="BQ678" s="1106"/>
      <c r="BR678" s="1106"/>
      <c r="BS678" s="1106"/>
      <c r="BT678" s="1106"/>
      <c r="BU678" s="1106"/>
      <c r="BV678" s="1106"/>
      <c r="BW678" s="1106"/>
      <c r="BX678" s="1106"/>
      <c r="BY678" s="1106"/>
      <c r="BZ678" s="1106"/>
      <c r="CA678" s="1106"/>
    </row>
    <row r="679" spans="3:79" ht="9" customHeight="1" x14ac:dyDescent="0.2">
      <c r="C679" s="1106"/>
      <c r="D679" s="1106"/>
      <c r="E679" s="1106"/>
      <c r="F679" s="1106"/>
      <c r="G679" s="1106"/>
      <c r="H679" s="1106"/>
      <c r="I679" s="1106"/>
      <c r="J679" s="1106"/>
      <c r="K679" s="1106"/>
      <c r="L679" s="1106"/>
      <c r="M679" s="1106"/>
      <c r="N679" s="1106"/>
      <c r="O679" s="1106"/>
      <c r="AB679" s="1106"/>
      <c r="AC679" s="1106"/>
      <c r="AD679" s="1106"/>
      <c r="AE679" s="1106"/>
      <c r="AF679" s="1106"/>
      <c r="AG679" s="1106"/>
      <c r="AH679" s="1106"/>
      <c r="AL679" s="1106"/>
      <c r="AZ679" s="1106"/>
      <c r="BA679" s="1106"/>
      <c r="BB679" s="1106"/>
      <c r="BC679" s="1106"/>
      <c r="BD679" s="1106"/>
      <c r="BE679" s="1106"/>
      <c r="BF679" s="1106"/>
      <c r="BG679" s="1106"/>
      <c r="BH679" s="1106"/>
      <c r="BI679" s="1106"/>
      <c r="BJ679" s="1106"/>
      <c r="BK679" s="1106"/>
      <c r="BL679" s="1106"/>
      <c r="BM679" s="1106"/>
      <c r="BN679" s="1106"/>
      <c r="BO679" s="1106"/>
      <c r="BP679" s="1106"/>
      <c r="BQ679" s="1106"/>
      <c r="BR679" s="1106"/>
      <c r="BS679" s="1106"/>
      <c r="BT679" s="1106"/>
      <c r="BU679" s="1106"/>
      <c r="BV679" s="1106"/>
      <c r="BW679" s="1106"/>
      <c r="BX679" s="1106"/>
      <c r="BY679" s="1106"/>
      <c r="BZ679" s="1106"/>
      <c r="CA679" s="1106"/>
    </row>
    <row r="680" spans="3:79" ht="9" customHeight="1" x14ac:dyDescent="0.2">
      <c r="C680" s="1106"/>
      <c r="D680" s="1106"/>
      <c r="E680" s="1106"/>
      <c r="F680" s="1106"/>
      <c r="G680" s="1106"/>
      <c r="H680" s="1106"/>
      <c r="I680" s="1106"/>
      <c r="J680" s="1106"/>
      <c r="K680" s="1106"/>
      <c r="L680" s="1106"/>
      <c r="M680" s="1106"/>
      <c r="N680" s="1106"/>
      <c r="O680" s="1106"/>
      <c r="AB680" s="1106"/>
      <c r="AC680" s="1106"/>
      <c r="AD680" s="1106"/>
      <c r="AE680" s="1106"/>
      <c r="AF680" s="1106"/>
      <c r="AG680" s="1106"/>
      <c r="AH680" s="1106"/>
      <c r="AL680" s="1106"/>
      <c r="AZ680" s="1106"/>
      <c r="BA680" s="1106"/>
      <c r="BB680" s="1106"/>
      <c r="BC680" s="1106"/>
      <c r="BD680" s="1106"/>
      <c r="BE680" s="1106"/>
      <c r="BF680" s="1106"/>
      <c r="BG680" s="1106"/>
      <c r="BH680" s="1106"/>
      <c r="BI680" s="1106"/>
      <c r="BJ680" s="1106"/>
      <c r="BK680" s="1106"/>
      <c r="BL680" s="1106"/>
      <c r="BM680" s="1106"/>
      <c r="BN680" s="1106"/>
      <c r="BO680" s="1106"/>
      <c r="BP680" s="1106"/>
      <c r="BQ680" s="1106"/>
      <c r="BR680" s="1106"/>
      <c r="BS680" s="1106"/>
      <c r="BT680" s="1106"/>
      <c r="BU680" s="1106"/>
      <c r="BV680" s="1106"/>
      <c r="BW680" s="1106"/>
      <c r="BX680" s="1106"/>
      <c r="BY680" s="1106"/>
      <c r="BZ680" s="1106"/>
      <c r="CA680" s="1106"/>
    </row>
    <row r="681" spans="3:79" ht="9" customHeight="1" x14ac:dyDescent="0.2">
      <c r="C681" s="1106"/>
      <c r="D681" s="1106"/>
      <c r="E681" s="1106"/>
      <c r="F681" s="1106"/>
      <c r="G681" s="1106"/>
      <c r="H681" s="1106"/>
      <c r="I681" s="1106"/>
      <c r="J681" s="1106"/>
      <c r="K681" s="1106"/>
      <c r="L681" s="1106"/>
      <c r="M681" s="1106"/>
      <c r="N681" s="1106"/>
      <c r="O681" s="1106"/>
      <c r="AB681" s="1106"/>
      <c r="AC681" s="1106"/>
      <c r="AD681" s="1106"/>
      <c r="AE681" s="1106"/>
      <c r="AF681" s="1106"/>
      <c r="AG681" s="1106"/>
      <c r="AH681" s="1106"/>
      <c r="AL681" s="1106"/>
      <c r="AZ681" s="1106"/>
      <c r="BA681" s="1106"/>
      <c r="BB681" s="1106"/>
      <c r="BC681" s="1106"/>
      <c r="BD681" s="1106"/>
      <c r="BE681" s="1106"/>
      <c r="BF681" s="1106"/>
      <c r="BG681" s="1106"/>
      <c r="BH681" s="1106"/>
      <c r="BI681" s="1106"/>
      <c r="BJ681" s="1106"/>
      <c r="BK681" s="1106"/>
      <c r="BL681" s="1106"/>
      <c r="BM681" s="1106"/>
      <c r="BN681" s="1106"/>
      <c r="BO681" s="1106"/>
      <c r="BP681" s="1106"/>
      <c r="BQ681" s="1106"/>
      <c r="BR681" s="1106"/>
      <c r="BS681" s="1106"/>
      <c r="BT681" s="1106"/>
      <c r="BU681" s="1106"/>
      <c r="BV681" s="1106"/>
      <c r="BW681" s="1106"/>
      <c r="BX681" s="1106"/>
      <c r="BY681" s="1106"/>
      <c r="BZ681" s="1106"/>
      <c r="CA681" s="1106"/>
    </row>
    <row r="682" spans="3:79" ht="9" customHeight="1" x14ac:dyDescent="0.2">
      <c r="C682" s="1106"/>
      <c r="D682" s="1106"/>
      <c r="E682" s="1106"/>
      <c r="F682" s="1106"/>
      <c r="G682" s="1106"/>
      <c r="H682" s="1106"/>
      <c r="I682" s="1106"/>
      <c r="J682" s="1106"/>
      <c r="K682" s="1106"/>
      <c r="L682" s="1106"/>
      <c r="M682" s="1106"/>
      <c r="N682" s="1106"/>
      <c r="O682" s="1106"/>
      <c r="U682" s="1106"/>
      <c r="AB682" s="1106"/>
      <c r="AC682" s="1106"/>
      <c r="AD682" s="1106"/>
      <c r="AE682" s="1106"/>
      <c r="AF682" s="1106"/>
      <c r="AG682" s="1106"/>
      <c r="AH682" s="1106"/>
      <c r="AL682" s="1106"/>
      <c r="AT682" s="1106"/>
      <c r="AU682" s="1106"/>
      <c r="AV682" s="1106"/>
      <c r="AW682" s="1106"/>
      <c r="AX682" s="1106"/>
      <c r="AY682" s="1106"/>
      <c r="AZ682" s="1106"/>
      <c r="BA682" s="1106"/>
      <c r="BB682" s="1106"/>
      <c r="BC682" s="1106"/>
      <c r="BD682" s="1106"/>
      <c r="BE682" s="1106"/>
      <c r="BF682" s="1106"/>
      <c r="BG682" s="1106"/>
      <c r="BH682" s="1106"/>
      <c r="BI682" s="1106"/>
      <c r="BJ682" s="1106"/>
      <c r="BK682" s="1106"/>
      <c r="BL682" s="1106"/>
      <c r="BM682" s="1106"/>
      <c r="BN682" s="1106"/>
      <c r="BO682" s="1106"/>
      <c r="BP682" s="1106"/>
      <c r="BQ682" s="1106"/>
      <c r="BR682" s="1106"/>
      <c r="BS682" s="1106"/>
      <c r="BT682" s="1106"/>
      <c r="BU682" s="1106"/>
      <c r="BV682" s="1106"/>
      <c r="BW682" s="1106"/>
      <c r="BX682" s="1106"/>
      <c r="BY682" s="1106"/>
      <c r="BZ682" s="1106"/>
      <c r="CA682" s="1106"/>
    </row>
    <row r="683" spans="3:79" ht="9" customHeight="1" x14ac:dyDescent="0.2">
      <c r="C683" s="1106"/>
      <c r="D683" s="1106"/>
      <c r="E683" s="1106"/>
      <c r="F683" s="1106"/>
      <c r="G683" s="1106"/>
      <c r="H683" s="1106"/>
      <c r="I683" s="1106"/>
      <c r="J683" s="1106"/>
      <c r="K683" s="1106"/>
      <c r="L683" s="1106"/>
      <c r="M683" s="1106"/>
      <c r="N683" s="1106"/>
      <c r="O683" s="1106"/>
      <c r="U683" s="1106"/>
      <c r="AB683" s="1106"/>
      <c r="AC683" s="1106"/>
      <c r="AD683" s="1106"/>
      <c r="AE683" s="1106"/>
      <c r="AF683" s="1106"/>
      <c r="AG683" s="1106"/>
      <c r="AH683" s="1106"/>
      <c r="AL683" s="1106"/>
      <c r="AO683" s="1106"/>
      <c r="AP683" s="1106"/>
      <c r="AT683" s="1106"/>
      <c r="AU683" s="1106"/>
      <c r="AV683" s="1106"/>
      <c r="AW683" s="1106"/>
      <c r="AX683" s="1106"/>
      <c r="AY683" s="1106"/>
      <c r="AZ683" s="1106"/>
      <c r="BA683" s="1106"/>
      <c r="BB683" s="1106"/>
      <c r="BC683" s="1106"/>
      <c r="BD683" s="1106"/>
      <c r="BE683" s="1106"/>
      <c r="BF683" s="1106"/>
      <c r="BG683" s="1106"/>
      <c r="BH683" s="1106"/>
      <c r="BI683" s="1106"/>
      <c r="BJ683" s="1106"/>
      <c r="BK683" s="1106"/>
      <c r="BL683" s="1106"/>
      <c r="BM683" s="1106"/>
      <c r="BN683" s="1106"/>
      <c r="BO683" s="1106"/>
      <c r="BP683" s="1106"/>
      <c r="BQ683" s="1106"/>
      <c r="BR683" s="1106"/>
      <c r="BS683" s="1106"/>
      <c r="BT683" s="1106"/>
      <c r="BU683" s="1106"/>
      <c r="BV683" s="1106"/>
      <c r="BW683" s="1106"/>
      <c r="BX683" s="1106"/>
      <c r="BY683" s="1106"/>
      <c r="BZ683" s="1106"/>
      <c r="CA683" s="1106"/>
    </row>
    <row r="684" spans="3:79" ht="9" customHeight="1" x14ac:dyDescent="0.2">
      <c r="C684" s="1106"/>
      <c r="D684" s="1106"/>
      <c r="E684" s="1106"/>
      <c r="F684" s="1106"/>
      <c r="G684" s="1106"/>
      <c r="H684" s="1106"/>
      <c r="I684" s="1106"/>
      <c r="J684" s="1106"/>
      <c r="K684" s="1106"/>
      <c r="L684" s="1106"/>
      <c r="M684" s="1106"/>
      <c r="N684" s="1106"/>
      <c r="O684" s="1106"/>
      <c r="U684" s="1106"/>
      <c r="AB684" s="1106"/>
      <c r="AC684" s="1106"/>
      <c r="AD684" s="1106"/>
      <c r="AE684" s="1106"/>
      <c r="AF684" s="1106"/>
      <c r="AG684" s="1106"/>
      <c r="AH684" s="1106"/>
      <c r="AL684" s="1106"/>
      <c r="AT684" s="1106"/>
      <c r="AU684" s="1106"/>
      <c r="AV684" s="1106"/>
      <c r="AW684" s="1106"/>
      <c r="AX684" s="1106"/>
      <c r="AY684" s="1106"/>
      <c r="AZ684" s="1106"/>
      <c r="BA684" s="1106"/>
      <c r="BB684" s="1106"/>
      <c r="BC684" s="1106"/>
      <c r="BD684" s="1106"/>
      <c r="BE684" s="1106"/>
      <c r="BF684" s="1106"/>
      <c r="BG684" s="1106"/>
      <c r="BH684" s="1106"/>
      <c r="BI684" s="1106"/>
      <c r="BJ684" s="1106"/>
      <c r="BK684" s="1106"/>
      <c r="BL684" s="1106"/>
      <c r="BM684" s="1106"/>
      <c r="BN684" s="1106"/>
      <c r="BO684" s="1106"/>
      <c r="BP684" s="1106"/>
      <c r="BQ684" s="1106"/>
      <c r="BR684" s="1106"/>
      <c r="BS684" s="1106"/>
      <c r="BT684" s="1106"/>
      <c r="BU684" s="1106"/>
      <c r="BV684" s="1106"/>
      <c r="BW684" s="1106"/>
      <c r="BX684" s="1106"/>
      <c r="BY684" s="1106"/>
      <c r="BZ684" s="1106"/>
      <c r="CA684" s="1106"/>
    </row>
    <row r="685" spans="3:79" ht="9" customHeight="1" x14ac:dyDescent="0.2">
      <c r="C685" s="1106"/>
      <c r="D685" s="1106"/>
      <c r="E685" s="1106"/>
      <c r="F685" s="1106"/>
      <c r="G685" s="1106"/>
      <c r="H685" s="1106"/>
      <c r="I685" s="1106"/>
      <c r="J685" s="1106"/>
      <c r="K685" s="1106"/>
      <c r="L685" s="1106"/>
      <c r="M685" s="1106"/>
      <c r="N685" s="1106"/>
      <c r="O685" s="1106"/>
      <c r="AB685" s="1106"/>
      <c r="AC685" s="1106"/>
      <c r="AD685" s="1106"/>
      <c r="AE685" s="1106"/>
      <c r="AF685" s="1106"/>
      <c r="AG685" s="1106"/>
      <c r="AH685" s="1106"/>
      <c r="AL685" s="1106"/>
      <c r="AZ685" s="1106"/>
      <c r="BA685" s="1106"/>
      <c r="BB685" s="1106"/>
      <c r="BC685" s="1106"/>
      <c r="BD685" s="1106"/>
      <c r="BE685" s="1106"/>
      <c r="BF685" s="1106"/>
      <c r="BG685" s="1106"/>
      <c r="BH685" s="1106"/>
      <c r="BI685" s="1106"/>
      <c r="BJ685" s="1106"/>
      <c r="BK685" s="1106"/>
      <c r="BL685" s="1106"/>
      <c r="BM685" s="1106"/>
      <c r="BN685" s="1106"/>
      <c r="BO685" s="1106"/>
      <c r="BP685" s="1106"/>
      <c r="BQ685" s="1106"/>
      <c r="BR685" s="1106"/>
      <c r="BS685" s="1106"/>
      <c r="BT685" s="1106"/>
      <c r="BU685" s="1106"/>
      <c r="BV685" s="1106"/>
      <c r="BW685" s="1106"/>
      <c r="BX685" s="1106"/>
      <c r="BY685" s="1106"/>
      <c r="BZ685" s="1106"/>
      <c r="CA685" s="1106"/>
    </row>
    <row r="686" spans="3:79" ht="9" customHeight="1" x14ac:dyDescent="0.2">
      <c r="C686" s="1106"/>
      <c r="D686" s="1106"/>
      <c r="E686" s="1106"/>
      <c r="F686" s="1106"/>
      <c r="G686" s="1106"/>
      <c r="H686" s="1106"/>
      <c r="I686" s="1106"/>
      <c r="J686" s="1106"/>
      <c r="K686" s="1106"/>
      <c r="L686" s="1106"/>
      <c r="M686" s="1106"/>
      <c r="N686" s="1106"/>
      <c r="O686" s="1106"/>
      <c r="AB686" s="1106"/>
      <c r="AC686" s="1106"/>
      <c r="AD686" s="1106"/>
      <c r="AE686" s="1106"/>
      <c r="AF686" s="1106"/>
      <c r="AG686" s="1106"/>
      <c r="AH686" s="1106"/>
      <c r="AL686" s="1106"/>
      <c r="AZ686" s="1106"/>
      <c r="BA686" s="1106"/>
      <c r="BB686" s="1106"/>
      <c r="BC686" s="1106"/>
      <c r="BD686" s="1106"/>
      <c r="BE686" s="1106"/>
      <c r="BF686" s="1106"/>
      <c r="BG686" s="1106"/>
      <c r="BH686" s="1106"/>
      <c r="BI686" s="1106"/>
      <c r="BJ686" s="1106"/>
      <c r="BK686" s="1106"/>
      <c r="BL686" s="1106"/>
      <c r="BM686" s="1106"/>
      <c r="BN686" s="1106"/>
      <c r="BO686" s="1106"/>
      <c r="BP686" s="1106"/>
      <c r="BQ686" s="1106"/>
      <c r="BR686" s="1106"/>
      <c r="BS686" s="1106"/>
      <c r="BT686" s="1106"/>
      <c r="BU686" s="1106"/>
      <c r="BV686" s="1106"/>
      <c r="BW686" s="1106"/>
      <c r="BX686" s="1106"/>
      <c r="BY686" s="1106"/>
      <c r="BZ686" s="1106"/>
      <c r="CA686" s="1106"/>
    </row>
    <row r="687" spans="3:79" ht="9" customHeight="1" x14ac:dyDescent="0.2">
      <c r="C687" s="1106"/>
      <c r="D687" s="1106"/>
      <c r="E687" s="1106"/>
      <c r="F687" s="1106"/>
      <c r="G687" s="1106"/>
      <c r="H687" s="1106"/>
      <c r="I687" s="1106"/>
      <c r="J687" s="1106"/>
      <c r="K687" s="1106"/>
      <c r="L687" s="1106"/>
      <c r="M687" s="1106"/>
      <c r="N687" s="1106"/>
      <c r="O687" s="1106"/>
      <c r="AB687" s="1106"/>
      <c r="AC687" s="1106"/>
      <c r="AD687" s="1106"/>
      <c r="AE687" s="1106"/>
      <c r="AF687" s="1106"/>
      <c r="AG687" s="1106"/>
      <c r="AH687" s="1106"/>
      <c r="AL687" s="1106"/>
      <c r="AZ687" s="1106"/>
      <c r="BA687" s="1106"/>
      <c r="BB687" s="1106"/>
      <c r="BC687" s="1106"/>
      <c r="BD687" s="1106"/>
      <c r="BE687" s="1106"/>
      <c r="BF687" s="1106"/>
      <c r="BG687" s="1106"/>
      <c r="BH687" s="1106"/>
      <c r="BI687" s="1106"/>
      <c r="BJ687" s="1106"/>
      <c r="BK687" s="1106"/>
      <c r="BL687" s="1106"/>
      <c r="BM687" s="1106"/>
      <c r="BN687" s="1106"/>
      <c r="BO687" s="1106"/>
      <c r="BP687" s="1106"/>
      <c r="BQ687" s="1106"/>
      <c r="BR687" s="1106"/>
      <c r="BS687" s="1106"/>
      <c r="BT687" s="1106"/>
      <c r="BU687" s="1106"/>
      <c r="BV687" s="1106"/>
      <c r="BW687" s="1106"/>
      <c r="BX687" s="1106"/>
      <c r="BY687" s="1106"/>
      <c r="BZ687" s="1106"/>
      <c r="CA687" s="1106"/>
    </row>
    <row r="688" spans="3:79" ht="9" customHeight="1" x14ac:dyDescent="0.2">
      <c r="C688" s="1106"/>
      <c r="D688" s="1106"/>
      <c r="E688" s="1106"/>
      <c r="F688" s="1106"/>
      <c r="G688" s="1106"/>
      <c r="H688" s="1106"/>
      <c r="I688" s="1106"/>
      <c r="J688" s="1106"/>
      <c r="K688" s="1106"/>
      <c r="L688" s="1106"/>
      <c r="M688" s="1106"/>
      <c r="N688" s="1106"/>
      <c r="O688" s="1106"/>
      <c r="U688" s="1106"/>
      <c r="AB688" s="1106"/>
      <c r="AC688" s="1106"/>
      <c r="AD688" s="1106"/>
      <c r="AE688" s="1106"/>
      <c r="AF688" s="1106"/>
      <c r="AG688" s="1106"/>
      <c r="AH688" s="1106"/>
      <c r="AL688" s="1106"/>
      <c r="AT688" s="1106"/>
      <c r="AU688" s="1106"/>
      <c r="AV688" s="1106"/>
      <c r="AW688" s="1106"/>
      <c r="AX688" s="1106"/>
      <c r="AY688" s="1106"/>
      <c r="AZ688" s="1106"/>
      <c r="BA688" s="1106"/>
      <c r="BB688" s="1106"/>
      <c r="BC688" s="1106"/>
      <c r="BD688" s="1106"/>
      <c r="BE688" s="1106"/>
      <c r="BF688" s="1106"/>
      <c r="BG688" s="1106"/>
      <c r="BH688" s="1106"/>
      <c r="BI688" s="1106"/>
      <c r="BJ688" s="1106"/>
      <c r="BK688" s="1106"/>
      <c r="BL688" s="1106"/>
      <c r="BM688" s="1106"/>
      <c r="BN688" s="1106"/>
      <c r="BO688" s="1106"/>
      <c r="BP688" s="1106"/>
      <c r="BQ688" s="1106"/>
      <c r="BR688" s="1106"/>
      <c r="BS688" s="1106"/>
      <c r="BT688" s="1106"/>
      <c r="BU688" s="1106"/>
      <c r="BV688" s="1106"/>
      <c r="BW688" s="1106"/>
      <c r="BX688" s="1106"/>
      <c r="BY688" s="1106"/>
      <c r="BZ688" s="1106"/>
      <c r="CA688" s="1106"/>
    </row>
    <row r="689" spans="3:79" ht="9" customHeight="1" x14ac:dyDescent="0.2">
      <c r="C689" s="1106"/>
      <c r="D689" s="1106"/>
      <c r="E689" s="1106"/>
      <c r="F689" s="1106"/>
      <c r="G689" s="1106"/>
      <c r="H689" s="1106"/>
      <c r="I689" s="1106"/>
      <c r="J689" s="1106"/>
      <c r="K689" s="1106"/>
      <c r="L689" s="1106"/>
      <c r="M689" s="1106"/>
      <c r="N689" s="1106"/>
      <c r="O689" s="1106"/>
      <c r="U689" s="1106"/>
      <c r="AB689" s="1106"/>
      <c r="AC689" s="1106"/>
      <c r="AD689" s="1106"/>
      <c r="AE689" s="1106"/>
      <c r="AF689" s="1106"/>
      <c r="AG689" s="1106"/>
      <c r="AH689" s="1106"/>
      <c r="AL689" s="1106"/>
      <c r="AO689" s="1106"/>
      <c r="AP689" s="1106"/>
      <c r="AT689" s="1106"/>
      <c r="AU689" s="1106"/>
      <c r="AV689" s="1106"/>
      <c r="AW689" s="1106"/>
      <c r="AX689" s="1106"/>
      <c r="AY689" s="1106"/>
      <c r="AZ689" s="1106"/>
      <c r="BA689" s="1106"/>
      <c r="BB689" s="1106"/>
      <c r="BC689" s="1106"/>
      <c r="BD689" s="1106"/>
      <c r="BE689" s="1106"/>
      <c r="BF689" s="1106"/>
      <c r="BG689" s="1106"/>
      <c r="BH689" s="1106"/>
      <c r="BI689" s="1106"/>
      <c r="BJ689" s="1106"/>
      <c r="BK689" s="1106"/>
      <c r="BL689" s="1106"/>
      <c r="BM689" s="1106"/>
      <c r="BN689" s="1106"/>
      <c r="BO689" s="1106"/>
      <c r="BP689" s="1106"/>
      <c r="BQ689" s="1106"/>
      <c r="BR689" s="1106"/>
      <c r="BS689" s="1106"/>
      <c r="BT689" s="1106"/>
      <c r="BU689" s="1106"/>
      <c r="BV689" s="1106"/>
      <c r="BW689" s="1106"/>
      <c r="BX689" s="1106"/>
      <c r="BY689" s="1106"/>
      <c r="BZ689" s="1106"/>
      <c r="CA689" s="1106"/>
    </row>
    <row r="690" spans="3:79" ht="9" customHeight="1" x14ac:dyDescent="0.2">
      <c r="C690" s="1106"/>
      <c r="D690" s="1106"/>
      <c r="E690" s="1106"/>
      <c r="F690" s="1106"/>
      <c r="G690" s="1106"/>
      <c r="H690" s="1106"/>
      <c r="I690" s="1106"/>
      <c r="J690" s="1106"/>
      <c r="K690" s="1106"/>
      <c r="L690" s="1106"/>
      <c r="M690" s="1106"/>
      <c r="N690" s="1106"/>
      <c r="O690" s="1106"/>
      <c r="U690" s="1106"/>
      <c r="AB690" s="1106"/>
      <c r="AC690" s="1106"/>
      <c r="AD690" s="1106"/>
      <c r="AE690" s="1106"/>
      <c r="AF690" s="1106"/>
      <c r="AG690" s="1106"/>
      <c r="AH690" s="1106"/>
      <c r="AL690" s="1106"/>
      <c r="AT690" s="1106"/>
      <c r="AU690" s="1106"/>
      <c r="AV690" s="1106"/>
      <c r="AW690" s="1106"/>
      <c r="AX690" s="1106"/>
      <c r="AY690" s="1106"/>
      <c r="AZ690" s="1106"/>
      <c r="BA690" s="1106"/>
      <c r="BB690" s="1106"/>
      <c r="BC690" s="1106"/>
      <c r="BD690" s="1106"/>
      <c r="BE690" s="1106"/>
      <c r="BF690" s="1106"/>
      <c r="BG690" s="1106"/>
      <c r="BH690" s="1106"/>
      <c r="BI690" s="1106"/>
      <c r="BJ690" s="1106"/>
      <c r="BK690" s="1106"/>
      <c r="BL690" s="1106"/>
      <c r="BM690" s="1106"/>
      <c r="BN690" s="1106"/>
      <c r="BO690" s="1106"/>
      <c r="BP690" s="1106"/>
      <c r="BQ690" s="1106"/>
      <c r="BR690" s="1106"/>
      <c r="BS690" s="1106"/>
      <c r="BT690" s="1106"/>
      <c r="BU690" s="1106"/>
      <c r="BV690" s="1106"/>
      <c r="BW690" s="1106"/>
      <c r="BX690" s="1106"/>
      <c r="BY690" s="1106"/>
      <c r="BZ690" s="1106"/>
      <c r="CA690" s="1106"/>
    </row>
    <row r="691" spans="3:79" ht="9" customHeight="1" x14ac:dyDescent="0.2">
      <c r="C691" s="1106"/>
      <c r="D691" s="1106"/>
      <c r="E691" s="1106"/>
      <c r="F691" s="1106"/>
      <c r="G691" s="1106"/>
      <c r="H691" s="1106"/>
      <c r="I691" s="1106"/>
      <c r="J691" s="1106"/>
      <c r="K691" s="1106"/>
      <c r="L691" s="1106"/>
      <c r="M691" s="1106"/>
      <c r="N691" s="1106"/>
      <c r="O691" s="1106"/>
      <c r="AB691" s="1106"/>
      <c r="AC691" s="1106"/>
      <c r="AD691" s="1106"/>
      <c r="AE691" s="1106"/>
      <c r="AF691" s="1106"/>
      <c r="AG691" s="1106"/>
      <c r="AH691" s="1106"/>
      <c r="AL691" s="1106"/>
      <c r="AZ691" s="1106"/>
      <c r="BA691" s="1106"/>
      <c r="BB691" s="1106"/>
      <c r="BC691" s="1106"/>
      <c r="BD691" s="1106"/>
      <c r="BE691" s="1106"/>
      <c r="BF691" s="1106"/>
      <c r="BG691" s="1106"/>
      <c r="BH691" s="1106"/>
      <c r="BI691" s="1106"/>
      <c r="BJ691" s="1106"/>
      <c r="BK691" s="1106"/>
      <c r="BL691" s="1106"/>
      <c r="BM691" s="1106"/>
      <c r="BN691" s="1106"/>
      <c r="BO691" s="1106"/>
      <c r="BP691" s="1106"/>
      <c r="BQ691" s="1106"/>
      <c r="BR691" s="1106"/>
      <c r="BS691" s="1106"/>
      <c r="BT691" s="1106"/>
      <c r="BU691" s="1106"/>
      <c r="BV691" s="1106"/>
      <c r="BW691" s="1106"/>
      <c r="BX691" s="1106"/>
      <c r="BY691" s="1106"/>
      <c r="BZ691" s="1106"/>
      <c r="CA691" s="1106"/>
    </row>
    <row r="692" spans="3:79" ht="9" customHeight="1" x14ac:dyDescent="0.2">
      <c r="C692" s="1106"/>
      <c r="D692" s="1106"/>
      <c r="E692" s="1106"/>
      <c r="F692" s="1106"/>
      <c r="G692" s="1106"/>
      <c r="H692" s="1106"/>
      <c r="I692" s="1106"/>
      <c r="J692" s="1106"/>
      <c r="K692" s="1106"/>
      <c r="L692" s="1106"/>
      <c r="M692" s="1106"/>
      <c r="N692" s="1106"/>
      <c r="O692" s="1106"/>
      <c r="AB692" s="1106"/>
      <c r="AC692" s="1106"/>
      <c r="AD692" s="1106"/>
      <c r="AE692" s="1106"/>
      <c r="AF692" s="1106"/>
      <c r="AG692" s="1106"/>
      <c r="AH692" s="1106"/>
      <c r="AL692" s="1106"/>
      <c r="AZ692" s="1106"/>
      <c r="BA692" s="1106"/>
      <c r="BB692" s="1106"/>
      <c r="BC692" s="1106"/>
      <c r="BD692" s="1106"/>
      <c r="BE692" s="1106"/>
      <c r="BF692" s="1106"/>
      <c r="BG692" s="1106"/>
      <c r="BH692" s="1106"/>
      <c r="BI692" s="1106"/>
      <c r="BJ692" s="1106"/>
      <c r="BK692" s="1106"/>
      <c r="BL692" s="1106"/>
      <c r="BM692" s="1106"/>
      <c r="BN692" s="1106"/>
      <c r="BO692" s="1106"/>
      <c r="BP692" s="1106"/>
      <c r="BQ692" s="1106"/>
      <c r="BR692" s="1106"/>
      <c r="BS692" s="1106"/>
      <c r="BT692" s="1106"/>
      <c r="BU692" s="1106"/>
      <c r="BV692" s="1106"/>
      <c r="BW692" s="1106"/>
      <c r="BX692" s="1106"/>
      <c r="BY692" s="1106"/>
      <c r="BZ692" s="1106"/>
      <c r="CA692" s="1106"/>
    </row>
    <row r="693" spans="3:79" ht="9" customHeight="1" x14ac:dyDescent="0.2">
      <c r="C693" s="1106"/>
      <c r="D693" s="1106"/>
      <c r="E693" s="1106"/>
      <c r="F693" s="1106"/>
      <c r="G693" s="1106"/>
      <c r="H693" s="1106"/>
      <c r="I693" s="1106"/>
      <c r="J693" s="1106"/>
      <c r="K693" s="1106"/>
      <c r="L693" s="1106"/>
      <c r="M693" s="1106"/>
      <c r="N693" s="1106"/>
      <c r="O693" s="1106"/>
      <c r="AB693" s="1106"/>
      <c r="AC693" s="1106"/>
      <c r="AD693" s="1106"/>
      <c r="AE693" s="1106"/>
      <c r="AF693" s="1106"/>
      <c r="AG693" s="1106"/>
      <c r="AH693" s="1106"/>
      <c r="AL693" s="1106"/>
      <c r="AZ693" s="1106"/>
      <c r="BA693" s="1106"/>
      <c r="BB693" s="1106"/>
      <c r="BC693" s="1106"/>
      <c r="BD693" s="1106"/>
      <c r="BE693" s="1106"/>
      <c r="BF693" s="1106"/>
      <c r="BG693" s="1106"/>
      <c r="BH693" s="1106"/>
      <c r="BI693" s="1106"/>
      <c r="BJ693" s="1106"/>
      <c r="BK693" s="1106"/>
      <c r="BL693" s="1106"/>
      <c r="BM693" s="1106"/>
      <c r="BN693" s="1106"/>
      <c r="BO693" s="1106"/>
      <c r="BP693" s="1106"/>
      <c r="BQ693" s="1106"/>
      <c r="BR693" s="1106"/>
      <c r="BS693" s="1106"/>
      <c r="BT693" s="1106"/>
      <c r="BU693" s="1106"/>
      <c r="BV693" s="1106"/>
      <c r="BW693" s="1106"/>
      <c r="BX693" s="1106"/>
      <c r="BY693" s="1106"/>
      <c r="BZ693" s="1106"/>
      <c r="CA693" s="1106"/>
    </row>
    <row r="694" spans="3:79" ht="9" customHeight="1" x14ac:dyDescent="0.2">
      <c r="C694" s="1106"/>
      <c r="D694" s="1106"/>
      <c r="E694" s="1106"/>
      <c r="F694" s="1106"/>
      <c r="G694" s="1106"/>
      <c r="H694" s="1106"/>
      <c r="I694" s="1106"/>
      <c r="J694" s="1106"/>
      <c r="K694" s="1106"/>
      <c r="L694" s="1106"/>
      <c r="M694" s="1106"/>
      <c r="N694" s="1106"/>
      <c r="O694" s="1106"/>
      <c r="U694" s="1106"/>
      <c r="AB694" s="1106"/>
      <c r="AC694" s="1106"/>
      <c r="AD694" s="1106"/>
      <c r="AE694" s="1106"/>
      <c r="AF694" s="1106"/>
      <c r="AG694" s="1106"/>
      <c r="AH694" s="1106"/>
      <c r="AL694" s="1106"/>
      <c r="AT694" s="1106"/>
      <c r="AU694" s="1106"/>
      <c r="AV694" s="1106"/>
      <c r="AW694" s="1106"/>
      <c r="AX694" s="1106"/>
      <c r="AY694" s="1106"/>
      <c r="AZ694" s="1106"/>
      <c r="BA694" s="1106"/>
      <c r="BB694" s="1106"/>
      <c r="BC694" s="1106"/>
      <c r="BD694" s="1106"/>
      <c r="BE694" s="1106"/>
      <c r="BF694" s="1106"/>
      <c r="BG694" s="1106"/>
      <c r="BH694" s="1106"/>
      <c r="BI694" s="1106"/>
      <c r="BJ694" s="1106"/>
      <c r="BK694" s="1106"/>
      <c r="BL694" s="1106"/>
      <c r="BM694" s="1106"/>
      <c r="BN694" s="1106"/>
      <c r="BO694" s="1106"/>
      <c r="BP694" s="1106"/>
      <c r="BQ694" s="1106"/>
      <c r="BR694" s="1106"/>
      <c r="BS694" s="1106"/>
      <c r="BT694" s="1106"/>
      <c r="BU694" s="1106"/>
      <c r="BV694" s="1106"/>
      <c r="BW694" s="1106"/>
      <c r="BX694" s="1106"/>
      <c r="BY694" s="1106"/>
      <c r="BZ694" s="1106"/>
      <c r="CA694" s="1106"/>
    </row>
    <row r="695" spans="3:79" ht="9" customHeight="1" x14ac:dyDescent="0.2">
      <c r="C695" s="1106"/>
      <c r="D695" s="1106"/>
      <c r="E695" s="1106"/>
      <c r="F695" s="1106"/>
      <c r="G695" s="1106"/>
      <c r="H695" s="1106"/>
      <c r="I695" s="1106"/>
      <c r="J695" s="1106"/>
      <c r="K695" s="1106"/>
      <c r="L695" s="1106"/>
      <c r="M695" s="1106"/>
      <c r="N695" s="1106"/>
      <c r="O695" s="1106"/>
      <c r="U695" s="1106"/>
      <c r="AB695" s="1106"/>
      <c r="AC695" s="1106"/>
      <c r="AD695" s="1106"/>
      <c r="AE695" s="1106"/>
      <c r="AF695" s="1106"/>
      <c r="AG695" s="1106"/>
      <c r="AH695" s="1106"/>
      <c r="AL695" s="1106"/>
      <c r="AO695" s="1106"/>
      <c r="AP695" s="1106"/>
      <c r="AT695" s="1106"/>
      <c r="AU695" s="1106"/>
      <c r="AV695" s="1106"/>
      <c r="AW695" s="1106"/>
      <c r="AX695" s="1106"/>
      <c r="AY695" s="1106"/>
      <c r="AZ695" s="1106"/>
      <c r="BA695" s="1106"/>
      <c r="BB695" s="1106"/>
      <c r="BC695" s="1106"/>
      <c r="BD695" s="1106"/>
      <c r="BE695" s="1106"/>
      <c r="BF695" s="1106"/>
      <c r="BG695" s="1106"/>
      <c r="BH695" s="1106"/>
      <c r="BI695" s="1106"/>
      <c r="BJ695" s="1106"/>
      <c r="BK695" s="1106"/>
      <c r="BL695" s="1106"/>
      <c r="BM695" s="1106"/>
      <c r="BN695" s="1106"/>
      <c r="BO695" s="1106"/>
      <c r="BP695" s="1106"/>
      <c r="BQ695" s="1106"/>
      <c r="BR695" s="1106"/>
      <c r="BS695" s="1106"/>
      <c r="BT695" s="1106"/>
      <c r="BU695" s="1106"/>
      <c r="BV695" s="1106"/>
      <c r="BW695" s="1106"/>
      <c r="BX695" s="1106"/>
      <c r="BY695" s="1106"/>
      <c r="BZ695" s="1106"/>
      <c r="CA695" s="1106"/>
    </row>
    <row r="696" spans="3:79" ht="9" customHeight="1" x14ac:dyDescent="0.2">
      <c r="C696" s="1106"/>
      <c r="D696" s="1106"/>
      <c r="E696" s="1106"/>
      <c r="F696" s="1106"/>
      <c r="G696" s="1106"/>
      <c r="H696" s="1106"/>
      <c r="I696" s="1106"/>
      <c r="J696" s="1106"/>
      <c r="K696" s="1106"/>
      <c r="L696" s="1106"/>
      <c r="M696" s="1106"/>
      <c r="N696" s="1106"/>
      <c r="O696" s="1106"/>
      <c r="U696" s="1106"/>
      <c r="AB696" s="1106"/>
      <c r="AC696" s="1106"/>
      <c r="AD696" s="1106"/>
      <c r="AE696" s="1106"/>
      <c r="AF696" s="1106"/>
      <c r="AG696" s="1106"/>
      <c r="AH696" s="1106"/>
      <c r="AL696" s="1106"/>
      <c r="AT696" s="1106"/>
      <c r="AU696" s="1106"/>
      <c r="AV696" s="1106"/>
      <c r="AW696" s="1106"/>
      <c r="AX696" s="1106"/>
      <c r="AY696" s="1106"/>
      <c r="AZ696" s="1106"/>
      <c r="BA696" s="1106"/>
      <c r="BB696" s="1106"/>
      <c r="BC696" s="1106"/>
      <c r="BD696" s="1106"/>
      <c r="BE696" s="1106"/>
      <c r="BF696" s="1106"/>
      <c r="BG696" s="1106"/>
      <c r="BH696" s="1106"/>
      <c r="BI696" s="1106"/>
      <c r="BJ696" s="1106"/>
      <c r="BK696" s="1106"/>
      <c r="BL696" s="1106"/>
      <c r="BM696" s="1106"/>
      <c r="BN696" s="1106"/>
      <c r="BO696" s="1106"/>
      <c r="BP696" s="1106"/>
      <c r="BQ696" s="1106"/>
      <c r="BR696" s="1106"/>
      <c r="BS696" s="1106"/>
      <c r="BT696" s="1106"/>
      <c r="BU696" s="1106"/>
      <c r="BV696" s="1106"/>
      <c r="BW696" s="1106"/>
      <c r="BX696" s="1106"/>
      <c r="BY696" s="1106"/>
      <c r="BZ696" s="1106"/>
      <c r="CA696" s="1106"/>
    </row>
    <row r="697" spans="3:79" ht="9" customHeight="1" x14ac:dyDescent="0.2">
      <c r="C697" s="1106"/>
      <c r="D697" s="1106"/>
      <c r="E697" s="1106"/>
      <c r="F697" s="1106"/>
      <c r="G697" s="1106"/>
      <c r="H697" s="1106"/>
      <c r="I697" s="1106"/>
      <c r="J697" s="1106"/>
      <c r="K697" s="1106"/>
      <c r="L697" s="1106"/>
      <c r="M697" s="1106"/>
      <c r="N697" s="1106"/>
      <c r="O697" s="1106"/>
      <c r="AB697" s="1106"/>
      <c r="AC697" s="1106"/>
      <c r="AD697" s="1106"/>
      <c r="AE697" s="1106"/>
      <c r="AF697" s="1106"/>
      <c r="AG697" s="1106"/>
      <c r="AH697" s="1106"/>
      <c r="AL697" s="1106"/>
      <c r="AZ697" s="1106"/>
      <c r="BA697" s="1106"/>
      <c r="BB697" s="1106"/>
      <c r="BC697" s="1106"/>
      <c r="BD697" s="1106"/>
      <c r="BE697" s="1106"/>
      <c r="BF697" s="1106"/>
      <c r="BG697" s="1106"/>
      <c r="BH697" s="1106"/>
      <c r="BI697" s="1106"/>
      <c r="BJ697" s="1106"/>
      <c r="BK697" s="1106"/>
      <c r="BL697" s="1106"/>
      <c r="BM697" s="1106"/>
      <c r="BN697" s="1106"/>
      <c r="BO697" s="1106"/>
      <c r="BP697" s="1106"/>
      <c r="BQ697" s="1106"/>
      <c r="BR697" s="1106"/>
      <c r="BS697" s="1106"/>
      <c r="BT697" s="1106"/>
      <c r="BU697" s="1106"/>
      <c r="BV697" s="1106"/>
      <c r="BW697" s="1106"/>
      <c r="BX697" s="1106"/>
      <c r="BY697" s="1106"/>
      <c r="BZ697" s="1106"/>
      <c r="CA697" s="1106"/>
    </row>
    <row r="698" spans="3:79" ht="9" customHeight="1" x14ac:dyDescent="0.2">
      <c r="C698" s="1106"/>
      <c r="D698" s="1106"/>
      <c r="E698" s="1106"/>
      <c r="F698" s="1106"/>
      <c r="G698" s="1106"/>
      <c r="H698" s="1106"/>
      <c r="I698" s="1106"/>
      <c r="J698" s="1106"/>
      <c r="K698" s="1106"/>
      <c r="L698" s="1106"/>
      <c r="M698" s="1106"/>
      <c r="N698" s="1106"/>
      <c r="O698" s="1106"/>
      <c r="AB698" s="1106"/>
      <c r="AC698" s="1106"/>
      <c r="AD698" s="1106"/>
      <c r="AE698" s="1106"/>
      <c r="AF698" s="1106"/>
      <c r="AG698" s="1106"/>
      <c r="AH698" s="1106"/>
      <c r="AL698" s="1106"/>
      <c r="AZ698" s="1106"/>
      <c r="BA698" s="1106"/>
      <c r="BB698" s="1106"/>
      <c r="BC698" s="1106"/>
      <c r="BD698" s="1106"/>
      <c r="BE698" s="1106"/>
      <c r="BF698" s="1106"/>
      <c r="BG698" s="1106"/>
      <c r="BH698" s="1106"/>
      <c r="BI698" s="1106"/>
      <c r="BJ698" s="1106"/>
      <c r="BK698" s="1106"/>
      <c r="BL698" s="1106"/>
      <c r="BM698" s="1106"/>
      <c r="BN698" s="1106"/>
      <c r="BO698" s="1106"/>
      <c r="BP698" s="1106"/>
      <c r="BQ698" s="1106"/>
      <c r="BR698" s="1106"/>
      <c r="BS698" s="1106"/>
      <c r="BT698" s="1106"/>
      <c r="BU698" s="1106"/>
      <c r="BV698" s="1106"/>
      <c r="BW698" s="1106"/>
      <c r="BX698" s="1106"/>
      <c r="BY698" s="1106"/>
      <c r="BZ698" s="1106"/>
      <c r="CA698" s="1106"/>
    </row>
    <row r="699" spans="3:79" ht="9" customHeight="1" x14ac:dyDescent="0.2">
      <c r="C699" s="1106"/>
      <c r="D699" s="1106"/>
      <c r="E699" s="1106"/>
      <c r="F699" s="1106"/>
      <c r="G699" s="1106"/>
      <c r="H699" s="1106"/>
      <c r="I699" s="1106"/>
      <c r="J699" s="1106"/>
      <c r="K699" s="1106"/>
      <c r="L699" s="1106"/>
      <c r="M699" s="1106"/>
      <c r="N699" s="1106"/>
      <c r="O699" s="1106"/>
      <c r="AB699" s="1106"/>
      <c r="AC699" s="1106"/>
      <c r="AD699" s="1106"/>
      <c r="AE699" s="1106"/>
      <c r="AF699" s="1106"/>
      <c r="AG699" s="1106"/>
      <c r="AH699" s="1106"/>
      <c r="AL699" s="1106"/>
      <c r="AZ699" s="1106"/>
      <c r="BA699" s="1106"/>
      <c r="BB699" s="1106"/>
      <c r="BC699" s="1106"/>
      <c r="BD699" s="1106"/>
      <c r="BE699" s="1106"/>
      <c r="BF699" s="1106"/>
      <c r="BG699" s="1106"/>
      <c r="BH699" s="1106"/>
      <c r="BI699" s="1106"/>
      <c r="BJ699" s="1106"/>
      <c r="BK699" s="1106"/>
      <c r="BL699" s="1106"/>
      <c r="BM699" s="1106"/>
      <c r="BN699" s="1106"/>
      <c r="BO699" s="1106"/>
      <c r="BP699" s="1106"/>
      <c r="BQ699" s="1106"/>
      <c r="BR699" s="1106"/>
      <c r="BS699" s="1106"/>
      <c r="BT699" s="1106"/>
      <c r="BU699" s="1106"/>
      <c r="BV699" s="1106"/>
      <c r="BW699" s="1106"/>
      <c r="BX699" s="1106"/>
      <c r="BY699" s="1106"/>
      <c r="BZ699" s="1106"/>
      <c r="CA699" s="1106"/>
    </row>
    <row r="700" spans="3:79" ht="9" customHeight="1" x14ac:dyDescent="0.2">
      <c r="C700" s="1106"/>
      <c r="D700" s="1106"/>
      <c r="E700" s="1106"/>
      <c r="F700" s="1106"/>
      <c r="G700" s="1106"/>
      <c r="H700" s="1106"/>
      <c r="I700" s="1106"/>
      <c r="J700" s="1106"/>
      <c r="K700" s="1106"/>
      <c r="L700" s="1106"/>
      <c r="M700" s="1106"/>
      <c r="N700" s="1106"/>
      <c r="O700" s="1106"/>
      <c r="U700" s="1106"/>
      <c r="AB700" s="1106"/>
      <c r="AC700" s="1106"/>
      <c r="AD700" s="1106"/>
      <c r="AE700" s="1106"/>
      <c r="AF700" s="1106"/>
      <c r="AG700" s="1106"/>
      <c r="AH700" s="1106"/>
      <c r="AL700" s="1106"/>
      <c r="AT700" s="1106"/>
      <c r="AU700" s="1106"/>
      <c r="AV700" s="1106"/>
      <c r="AW700" s="1106"/>
      <c r="AX700" s="1106"/>
      <c r="AY700" s="1106"/>
      <c r="AZ700" s="1106"/>
      <c r="BA700" s="1106"/>
      <c r="BB700" s="1106"/>
      <c r="BC700" s="1106"/>
      <c r="BD700" s="1106"/>
      <c r="BE700" s="1106"/>
      <c r="BF700" s="1106"/>
      <c r="BG700" s="1106"/>
      <c r="BH700" s="1106"/>
      <c r="BI700" s="1106"/>
      <c r="BJ700" s="1106"/>
      <c r="BK700" s="1106"/>
      <c r="BL700" s="1106"/>
      <c r="BM700" s="1106"/>
      <c r="BN700" s="1106"/>
      <c r="BO700" s="1106"/>
      <c r="BP700" s="1106"/>
      <c r="BQ700" s="1106"/>
      <c r="BR700" s="1106"/>
      <c r="BS700" s="1106"/>
      <c r="BT700" s="1106"/>
      <c r="BU700" s="1106"/>
      <c r="BV700" s="1106"/>
      <c r="BW700" s="1106"/>
      <c r="BX700" s="1106"/>
      <c r="BY700" s="1106"/>
      <c r="BZ700" s="1106"/>
      <c r="CA700" s="1106"/>
    </row>
    <row r="701" spans="3:79" ht="9" customHeight="1" x14ac:dyDescent="0.2">
      <c r="C701" s="1106"/>
      <c r="D701" s="1106"/>
      <c r="E701" s="1106"/>
      <c r="F701" s="1106"/>
      <c r="G701" s="1106"/>
      <c r="H701" s="1106"/>
      <c r="I701" s="1106"/>
      <c r="J701" s="1106"/>
      <c r="K701" s="1106"/>
      <c r="L701" s="1106"/>
      <c r="M701" s="1106"/>
      <c r="N701" s="1106"/>
      <c r="O701" s="1106"/>
      <c r="U701" s="1106"/>
      <c r="AB701" s="1106"/>
      <c r="AC701" s="1106"/>
      <c r="AD701" s="1106"/>
      <c r="AE701" s="1106"/>
      <c r="AF701" s="1106"/>
      <c r="AG701" s="1106"/>
      <c r="AH701" s="1106"/>
      <c r="AL701" s="1106"/>
      <c r="AO701" s="1106"/>
      <c r="AP701" s="1106"/>
      <c r="AT701" s="1106"/>
      <c r="AU701" s="1106"/>
      <c r="AV701" s="1106"/>
      <c r="AW701" s="1106"/>
      <c r="AX701" s="1106"/>
      <c r="AY701" s="1106"/>
      <c r="AZ701" s="1106"/>
      <c r="BA701" s="1106"/>
      <c r="BB701" s="1106"/>
      <c r="BC701" s="1106"/>
      <c r="BD701" s="1106"/>
      <c r="BE701" s="1106"/>
      <c r="BF701" s="1106"/>
      <c r="BG701" s="1106"/>
      <c r="BH701" s="1106"/>
      <c r="BI701" s="1106"/>
      <c r="BJ701" s="1106"/>
      <c r="BK701" s="1106"/>
      <c r="BL701" s="1106"/>
      <c r="BM701" s="1106"/>
      <c r="BN701" s="1106"/>
      <c r="BO701" s="1106"/>
      <c r="BP701" s="1106"/>
      <c r="BQ701" s="1106"/>
      <c r="BR701" s="1106"/>
      <c r="BS701" s="1106"/>
      <c r="BT701" s="1106"/>
      <c r="BU701" s="1106"/>
      <c r="BV701" s="1106"/>
      <c r="BW701" s="1106"/>
      <c r="BX701" s="1106"/>
      <c r="BY701" s="1106"/>
      <c r="BZ701" s="1106"/>
      <c r="CA701" s="1106"/>
    </row>
    <row r="702" spans="3:79" ht="9" customHeight="1" x14ac:dyDescent="0.2">
      <c r="C702" s="1106"/>
      <c r="D702" s="1106"/>
      <c r="E702" s="1106"/>
      <c r="F702" s="1106"/>
      <c r="G702" s="1106"/>
      <c r="H702" s="1106"/>
      <c r="I702" s="1106"/>
      <c r="J702" s="1106"/>
      <c r="K702" s="1106"/>
      <c r="L702" s="1106"/>
      <c r="M702" s="1106"/>
      <c r="N702" s="1106"/>
      <c r="O702" s="1106"/>
      <c r="U702" s="1106"/>
      <c r="AB702" s="1106"/>
      <c r="AC702" s="1106"/>
      <c r="AD702" s="1106"/>
      <c r="AE702" s="1106"/>
      <c r="AF702" s="1106"/>
      <c r="AG702" s="1106"/>
      <c r="AH702" s="1106"/>
      <c r="AL702" s="1106"/>
      <c r="AT702" s="1106"/>
      <c r="AU702" s="1106"/>
      <c r="AV702" s="1106"/>
      <c r="AW702" s="1106"/>
      <c r="AX702" s="1106"/>
      <c r="AY702" s="1106"/>
      <c r="AZ702" s="1106"/>
      <c r="BA702" s="1106"/>
      <c r="BB702" s="1106"/>
      <c r="BC702" s="1106"/>
      <c r="BD702" s="1106"/>
      <c r="BE702" s="1106"/>
      <c r="BF702" s="1106"/>
      <c r="BG702" s="1106"/>
      <c r="BH702" s="1106"/>
      <c r="BI702" s="1106"/>
      <c r="BJ702" s="1106"/>
      <c r="BK702" s="1106"/>
      <c r="BL702" s="1106"/>
      <c r="BM702" s="1106"/>
      <c r="BN702" s="1106"/>
      <c r="BO702" s="1106"/>
      <c r="BP702" s="1106"/>
      <c r="BQ702" s="1106"/>
      <c r="BR702" s="1106"/>
      <c r="BS702" s="1106"/>
      <c r="BT702" s="1106"/>
      <c r="BU702" s="1106"/>
      <c r="BV702" s="1106"/>
      <c r="BW702" s="1106"/>
      <c r="BX702" s="1106"/>
      <c r="BY702" s="1106"/>
      <c r="BZ702" s="1106"/>
      <c r="CA702" s="1106"/>
    </row>
    <row r="703" spans="3:79" ht="9" customHeight="1" x14ac:dyDescent="0.2">
      <c r="C703" s="1106"/>
      <c r="D703" s="1106"/>
      <c r="E703" s="1106"/>
      <c r="F703" s="1106"/>
      <c r="G703" s="1106"/>
      <c r="H703" s="1106"/>
      <c r="I703" s="1106"/>
      <c r="J703" s="1106"/>
      <c r="K703" s="1106"/>
      <c r="L703" s="1106"/>
      <c r="M703" s="1106"/>
      <c r="N703" s="1106"/>
      <c r="O703" s="1106"/>
      <c r="AB703" s="1106"/>
      <c r="AC703" s="1106"/>
      <c r="AD703" s="1106"/>
      <c r="AE703" s="1106"/>
      <c r="AF703" s="1106"/>
      <c r="AG703" s="1106"/>
      <c r="AH703" s="1106"/>
      <c r="AL703" s="1106"/>
      <c r="AZ703" s="1106"/>
      <c r="BA703" s="1106"/>
      <c r="BB703" s="1106"/>
      <c r="BC703" s="1106"/>
      <c r="BD703" s="1106"/>
      <c r="BE703" s="1106"/>
      <c r="BF703" s="1106"/>
      <c r="BG703" s="1106"/>
      <c r="BH703" s="1106"/>
      <c r="BI703" s="1106"/>
      <c r="BJ703" s="1106"/>
      <c r="BK703" s="1106"/>
      <c r="BL703" s="1106"/>
      <c r="BM703" s="1106"/>
      <c r="BN703" s="1106"/>
      <c r="BO703" s="1106"/>
      <c r="BP703" s="1106"/>
      <c r="BQ703" s="1106"/>
      <c r="BR703" s="1106"/>
      <c r="BS703" s="1106"/>
      <c r="BT703" s="1106"/>
      <c r="BU703" s="1106"/>
      <c r="BV703" s="1106"/>
      <c r="BW703" s="1106"/>
      <c r="BX703" s="1106"/>
      <c r="BY703" s="1106"/>
      <c r="BZ703" s="1106"/>
      <c r="CA703" s="1106"/>
    </row>
    <row r="704" spans="3:79" ht="9" customHeight="1" x14ac:dyDescent="0.2">
      <c r="C704" s="1106"/>
      <c r="D704" s="1106"/>
      <c r="E704" s="1106"/>
      <c r="F704" s="1106"/>
      <c r="G704" s="1106"/>
      <c r="H704" s="1106"/>
      <c r="I704" s="1106"/>
      <c r="J704" s="1106"/>
      <c r="K704" s="1106"/>
      <c r="L704" s="1106"/>
      <c r="M704" s="1106"/>
      <c r="N704" s="1106"/>
      <c r="O704" s="1106"/>
      <c r="AB704" s="1106"/>
      <c r="AC704" s="1106"/>
      <c r="AD704" s="1106"/>
      <c r="AE704" s="1106"/>
      <c r="AF704" s="1106"/>
      <c r="AG704" s="1106"/>
      <c r="AH704" s="1106"/>
      <c r="AL704" s="1106"/>
      <c r="AZ704" s="1106"/>
      <c r="BA704" s="1106"/>
      <c r="BB704" s="1106"/>
      <c r="BC704" s="1106"/>
      <c r="BD704" s="1106"/>
      <c r="BE704" s="1106"/>
      <c r="BF704" s="1106"/>
      <c r="BG704" s="1106"/>
      <c r="BH704" s="1106"/>
      <c r="BI704" s="1106"/>
      <c r="BJ704" s="1106"/>
      <c r="BK704" s="1106"/>
      <c r="BL704" s="1106"/>
      <c r="BM704" s="1106"/>
      <c r="BN704" s="1106"/>
      <c r="BO704" s="1106"/>
      <c r="BP704" s="1106"/>
      <c r="BQ704" s="1106"/>
      <c r="BR704" s="1106"/>
      <c r="BS704" s="1106"/>
      <c r="BT704" s="1106"/>
      <c r="BU704" s="1106"/>
      <c r="BV704" s="1106"/>
      <c r="BW704" s="1106"/>
      <c r="BX704" s="1106"/>
      <c r="BY704" s="1106"/>
      <c r="BZ704" s="1106"/>
      <c r="CA704" s="1106"/>
    </row>
    <row r="705" spans="3:79" ht="9" customHeight="1" x14ac:dyDescent="0.2">
      <c r="C705" s="1106"/>
      <c r="D705" s="1106"/>
      <c r="E705" s="1106"/>
      <c r="F705" s="1106"/>
      <c r="G705" s="1106"/>
      <c r="H705" s="1106"/>
      <c r="I705" s="1106"/>
      <c r="J705" s="1106"/>
      <c r="K705" s="1106"/>
      <c r="L705" s="1106"/>
      <c r="M705" s="1106"/>
      <c r="N705" s="1106"/>
      <c r="O705" s="1106"/>
      <c r="AB705" s="1106"/>
      <c r="AC705" s="1106"/>
      <c r="AD705" s="1106"/>
      <c r="AE705" s="1106"/>
      <c r="AF705" s="1106"/>
      <c r="AG705" s="1106"/>
      <c r="AH705" s="1106"/>
      <c r="AL705" s="1106"/>
      <c r="AZ705" s="1106"/>
      <c r="BA705" s="1106"/>
      <c r="BB705" s="1106"/>
      <c r="BC705" s="1106"/>
      <c r="BD705" s="1106"/>
      <c r="BE705" s="1106"/>
      <c r="BF705" s="1106"/>
      <c r="BG705" s="1106"/>
      <c r="BH705" s="1106"/>
      <c r="BI705" s="1106"/>
      <c r="BJ705" s="1106"/>
      <c r="BK705" s="1106"/>
      <c r="BL705" s="1106"/>
      <c r="BM705" s="1106"/>
      <c r="BN705" s="1106"/>
      <c r="BO705" s="1106"/>
      <c r="BP705" s="1106"/>
      <c r="BQ705" s="1106"/>
      <c r="BR705" s="1106"/>
      <c r="BS705" s="1106"/>
      <c r="BT705" s="1106"/>
      <c r="BU705" s="1106"/>
      <c r="BV705" s="1106"/>
      <c r="BW705" s="1106"/>
      <c r="BX705" s="1106"/>
      <c r="BY705" s="1106"/>
      <c r="BZ705" s="1106"/>
      <c r="CA705" s="1106"/>
    </row>
    <row r="706" spans="3:79" ht="9" customHeight="1" x14ac:dyDescent="0.2">
      <c r="C706" s="1106"/>
      <c r="D706" s="1106"/>
      <c r="E706" s="1106"/>
      <c r="F706" s="1106"/>
      <c r="G706" s="1106"/>
      <c r="H706" s="1106"/>
      <c r="I706" s="1106"/>
      <c r="J706" s="1106"/>
      <c r="K706" s="1106"/>
      <c r="L706" s="1106"/>
      <c r="M706" s="1106"/>
      <c r="N706" s="1106"/>
      <c r="O706" s="1106"/>
      <c r="U706" s="1106"/>
      <c r="AB706" s="1106"/>
      <c r="AC706" s="1106"/>
      <c r="AD706" s="1106"/>
      <c r="AE706" s="1106"/>
      <c r="AF706" s="1106"/>
      <c r="AG706" s="1106"/>
      <c r="AH706" s="1106"/>
      <c r="AL706" s="1106"/>
      <c r="AT706" s="1106"/>
      <c r="AU706" s="1106"/>
      <c r="AV706" s="1106"/>
      <c r="AW706" s="1106"/>
      <c r="AX706" s="1106"/>
      <c r="AY706" s="1106"/>
      <c r="AZ706" s="1106"/>
      <c r="BA706" s="1106"/>
      <c r="BB706" s="1106"/>
      <c r="BC706" s="1106"/>
      <c r="BD706" s="1106"/>
      <c r="BE706" s="1106"/>
      <c r="BF706" s="1106"/>
      <c r="BG706" s="1106"/>
      <c r="BH706" s="1106"/>
      <c r="BI706" s="1106"/>
      <c r="BJ706" s="1106"/>
      <c r="BK706" s="1106"/>
      <c r="BL706" s="1106"/>
      <c r="BM706" s="1106"/>
      <c r="BN706" s="1106"/>
      <c r="BO706" s="1106"/>
      <c r="BP706" s="1106"/>
      <c r="BQ706" s="1106"/>
      <c r="BR706" s="1106"/>
      <c r="BS706" s="1106"/>
      <c r="BT706" s="1106"/>
      <c r="BU706" s="1106"/>
      <c r="BV706" s="1106"/>
      <c r="BW706" s="1106"/>
      <c r="BX706" s="1106"/>
      <c r="BY706" s="1106"/>
      <c r="BZ706" s="1106"/>
      <c r="CA706" s="1106"/>
    </row>
    <row r="707" spans="3:79" ht="9" customHeight="1" x14ac:dyDescent="0.2">
      <c r="C707" s="1106"/>
      <c r="D707" s="1106"/>
      <c r="E707" s="1106"/>
      <c r="F707" s="1106"/>
      <c r="G707" s="1106"/>
      <c r="H707" s="1106"/>
      <c r="I707" s="1106"/>
      <c r="J707" s="1106"/>
      <c r="K707" s="1106"/>
      <c r="L707" s="1106"/>
      <c r="M707" s="1106"/>
      <c r="N707" s="1106"/>
      <c r="O707" s="1106"/>
      <c r="U707" s="1106"/>
      <c r="AB707" s="1106"/>
      <c r="AC707" s="1106"/>
      <c r="AD707" s="1106"/>
      <c r="AE707" s="1106"/>
      <c r="AF707" s="1106"/>
      <c r="AG707" s="1106"/>
      <c r="AH707" s="1106"/>
      <c r="AL707" s="1106"/>
      <c r="AO707" s="1106"/>
      <c r="AP707" s="1106"/>
      <c r="AT707" s="1106"/>
      <c r="AU707" s="1106"/>
      <c r="AV707" s="1106"/>
      <c r="AW707" s="1106"/>
      <c r="AX707" s="1106"/>
      <c r="AY707" s="1106"/>
      <c r="AZ707" s="1106"/>
      <c r="BA707" s="1106"/>
      <c r="BB707" s="1106"/>
      <c r="BC707" s="1106"/>
      <c r="BD707" s="1106"/>
      <c r="BE707" s="1106"/>
      <c r="BF707" s="1106"/>
      <c r="BG707" s="1106"/>
      <c r="BH707" s="1106"/>
      <c r="BI707" s="1106"/>
      <c r="BJ707" s="1106"/>
      <c r="BK707" s="1106"/>
      <c r="BL707" s="1106"/>
      <c r="BM707" s="1106"/>
      <c r="BN707" s="1106"/>
      <c r="BO707" s="1106"/>
      <c r="BP707" s="1106"/>
      <c r="BQ707" s="1106"/>
      <c r="BR707" s="1106"/>
      <c r="BS707" s="1106"/>
      <c r="BT707" s="1106"/>
      <c r="BU707" s="1106"/>
      <c r="BV707" s="1106"/>
      <c r="BW707" s="1106"/>
      <c r="BX707" s="1106"/>
      <c r="BY707" s="1106"/>
      <c r="BZ707" s="1106"/>
      <c r="CA707" s="1106"/>
    </row>
    <row r="708" spans="3:79" ht="9" customHeight="1" x14ac:dyDescent="0.2">
      <c r="C708" s="1106"/>
      <c r="D708" s="1106"/>
      <c r="E708" s="1106"/>
      <c r="F708" s="1106"/>
      <c r="G708" s="1106"/>
      <c r="H708" s="1106"/>
      <c r="I708" s="1106"/>
      <c r="J708" s="1106"/>
      <c r="K708" s="1106"/>
      <c r="L708" s="1106"/>
      <c r="M708" s="1106"/>
      <c r="N708" s="1106"/>
      <c r="O708" s="1106"/>
      <c r="U708" s="1106"/>
      <c r="AB708" s="1106"/>
      <c r="AC708" s="1106"/>
      <c r="AD708" s="1106"/>
      <c r="AE708" s="1106"/>
      <c r="AF708" s="1106"/>
      <c r="AG708" s="1106"/>
      <c r="AH708" s="1106"/>
      <c r="AL708" s="1106"/>
      <c r="AT708" s="1106"/>
      <c r="AU708" s="1106"/>
      <c r="AV708" s="1106"/>
      <c r="AW708" s="1106"/>
      <c r="AX708" s="1106"/>
      <c r="AY708" s="1106"/>
      <c r="AZ708" s="1106"/>
      <c r="BA708" s="1106"/>
      <c r="BB708" s="1106"/>
      <c r="BC708" s="1106"/>
      <c r="BD708" s="1106"/>
      <c r="BE708" s="1106"/>
      <c r="BF708" s="1106"/>
      <c r="BG708" s="1106"/>
      <c r="BH708" s="1106"/>
      <c r="BI708" s="1106"/>
      <c r="BJ708" s="1106"/>
      <c r="BK708" s="1106"/>
      <c r="BL708" s="1106"/>
      <c r="BM708" s="1106"/>
      <c r="BN708" s="1106"/>
      <c r="BO708" s="1106"/>
      <c r="BP708" s="1106"/>
      <c r="BQ708" s="1106"/>
      <c r="BR708" s="1106"/>
      <c r="BS708" s="1106"/>
      <c r="BT708" s="1106"/>
      <c r="BU708" s="1106"/>
      <c r="BV708" s="1106"/>
      <c r="BW708" s="1106"/>
      <c r="BX708" s="1106"/>
      <c r="BY708" s="1106"/>
      <c r="BZ708" s="1106"/>
      <c r="CA708" s="1106"/>
    </row>
    <row r="709" spans="3:79" ht="9" customHeight="1" x14ac:dyDescent="0.2">
      <c r="C709" s="1106"/>
      <c r="D709" s="1106"/>
      <c r="E709" s="1106"/>
      <c r="F709" s="1106"/>
      <c r="G709" s="1106"/>
      <c r="H709" s="1106"/>
      <c r="I709" s="1106"/>
      <c r="J709" s="1106"/>
      <c r="K709" s="1106"/>
      <c r="L709" s="1106"/>
      <c r="M709" s="1106"/>
      <c r="N709" s="1106"/>
      <c r="O709" s="1106"/>
      <c r="AB709" s="1106"/>
      <c r="AC709" s="1106"/>
      <c r="AD709" s="1106"/>
      <c r="AE709" s="1106"/>
      <c r="AF709" s="1106"/>
      <c r="AG709" s="1106"/>
      <c r="AH709" s="1106"/>
      <c r="AL709" s="1106"/>
      <c r="AZ709" s="1106"/>
      <c r="BA709" s="1106"/>
      <c r="BB709" s="1106"/>
      <c r="BC709" s="1106"/>
      <c r="BD709" s="1106"/>
      <c r="BE709" s="1106"/>
      <c r="BF709" s="1106"/>
      <c r="BG709" s="1106"/>
      <c r="BH709" s="1106"/>
      <c r="BI709" s="1106"/>
      <c r="BJ709" s="1106"/>
      <c r="BK709" s="1106"/>
      <c r="BL709" s="1106"/>
      <c r="BM709" s="1106"/>
      <c r="BN709" s="1106"/>
      <c r="BO709" s="1106"/>
      <c r="BP709" s="1106"/>
      <c r="BQ709" s="1106"/>
      <c r="BR709" s="1106"/>
      <c r="BS709" s="1106"/>
      <c r="BT709" s="1106"/>
      <c r="BU709" s="1106"/>
      <c r="BV709" s="1106"/>
      <c r="BW709" s="1106"/>
      <c r="BX709" s="1106"/>
      <c r="BY709" s="1106"/>
      <c r="BZ709" s="1106"/>
      <c r="CA709" s="1106"/>
    </row>
    <row r="710" spans="3:79" ht="9" customHeight="1" x14ac:dyDescent="0.2">
      <c r="C710" s="1106"/>
      <c r="D710" s="1106"/>
      <c r="E710" s="1106"/>
      <c r="F710" s="1106"/>
      <c r="G710" s="1106"/>
      <c r="H710" s="1106"/>
      <c r="I710" s="1106"/>
      <c r="J710" s="1106"/>
      <c r="K710" s="1106"/>
      <c r="L710" s="1106"/>
      <c r="M710" s="1106"/>
      <c r="N710" s="1106"/>
      <c r="O710" s="1106"/>
      <c r="AB710" s="1106"/>
      <c r="AC710" s="1106"/>
      <c r="AD710" s="1106"/>
      <c r="AE710" s="1106"/>
      <c r="AF710" s="1106"/>
      <c r="AG710" s="1106"/>
      <c r="AH710" s="1106"/>
      <c r="AL710" s="1106"/>
      <c r="AZ710" s="1106"/>
      <c r="BA710" s="1106"/>
      <c r="BB710" s="1106"/>
      <c r="BC710" s="1106"/>
      <c r="BD710" s="1106"/>
      <c r="BE710" s="1106"/>
      <c r="BF710" s="1106"/>
      <c r="BG710" s="1106"/>
      <c r="BH710" s="1106"/>
      <c r="BI710" s="1106"/>
      <c r="BJ710" s="1106"/>
      <c r="BK710" s="1106"/>
      <c r="BL710" s="1106"/>
      <c r="BM710" s="1106"/>
      <c r="BN710" s="1106"/>
      <c r="BO710" s="1106"/>
      <c r="BP710" s="1106"/>
      <c r="BQ710" s="1106"/>
      <c r="BR710" s="1106"/>
      <c r="BS710" s="1106"/>
      <c r="BT710" s="1106"/>
      <c r="BU710" s="1106"/>
      <c r="BV710" s="1106"/>
      <c r="BW710" s="1106"/>
      <c r="BX710" s="1106"/>
      <c r="BY710" s="1106"/>
      <c r="BZ710" s="1106"/>
      <c r="CA710" s="1106"/>
    </row>
    <row r="711" spans="3:79" ht="9" customHeight="1" x14ac:dyDescent="0.2">
      <c r="C711" s="1106"/>
      <c r="D711" s="1106"/>
      <c r="E711" s="1106"/>
      <c r="F711" s="1106"/>
      <c r="G711" s="1106"/>
      <c r="H711" s="1106"/>
      <c r="I711" s="1106"/>
      <c r="J711" s="1106"/>
      <c r="K711" s="1106"/>
      <c r="L711" s="1106"/>
      <c r="M711" s="1106"/>
      <c r="N711" s="1106"/>
      <c r="O711" s="1106"/>
      <c r="AB711" s="1106"/>
      <c r="AC711" s="1106"/>
      <c r="AD711" s="1106"/>
      <c r="AE711" s="1106"/>
      <c r="AF711" s="1106"/>
      <c r="AG711" s="1106"/>
      <c r="AH711" s="1106"/>
      <c r="AL711" s="1106"/>
      <c r="AZ711" s="1106"/>
      <c r="BA711" s="1106"/>
      <c r="BB711" s="1106"/>
      <c r="BC711" s="1106"/>
      <c r="BD711" s="1106"/>
      <c r="BE711" s="1106"/>
      <c r="BF711" s="1106"/>
      <c r="BG711" s="1106"/>
      <c r="BH711" s="1106"/>
      <c r="BI711" s="1106"/>
      <c r="BJ711" s="1106"/>
      <c r="BK711" s="1106"/>
      <c r="BL711" s="1106"/>
      <c r="BM711" s="1106"/>
      <c r="BN711" s="1106"/>
      <c r="BO711" s="1106"/>
      <c r="BP711" s="1106"/>
      <c r="BQ711" s="1106"/>
      <c r="BR711" s="1106"/>
      <c r="BS711" s="1106"/>
      <c r="BT711" s="1106"/>
      <c r="BU711" s="1106"/>
      <c r="BV711" s="1106"/>
      <c r="BW711" s="1106"/>
      <c r="BX711" s="1106"/>
      <c r="BY711" s="1106"/>
      <c r="BZ711" s="1106"/>
      <c r="CA711" s="1106"/>
    </row>
    <row r="712" spans="3:79" ht="9" customHeight="1" x14ac:dyDescent="0.2">
      <c r="C712" s="1106"/>
      <c r="D712" s="1106"/>
      <c r="E712" s="1106"/>
      <c r="F712" s="1106"/>
      <c r="G712" s="1106"/>
      <c r="H712" s="1106"/>
      <c r="I712" s="1106"/>
      <c r="J712" s="1106"/>
      <c r="K712" s="1106"/>
      <c r="L712" s="1106"/>
      <c r="M712" s="1106"/>
      <c r="N712" s="1106"/>
      <c r="O712" s="1106"/>
      <c r="U712" s="1106"/>
      <c r="AB712" s="1106"/>
      <c r="AC712" s="1106"/>
      <c r="AD712" s="1106"/>
      <c r="AE712" s="1106"/>
      <c r="AF712" s="1106"/>
      <c r="AG712" s="1106"/>
      <c r="AH712" s="1106"/>
      <c r="AL712" s="1106"/>
      <c r="AT712" s="1106"/>
      <c r="AU712" s="1106"/>
      <c r="AV712" s="1106"/>
      <c r="AW712" s="1106"/>
      <c r="AX712" s="1106"/>
      <c r="AY712" s="1106"/>
      <c r="AZ712" s="1106"/>
      <c r="BA712" s="1106"/>
      <c r="BB712" s="1106"/>
      <c r="BC712" s="1106"/>
      <c r="BD712" s="1106"/>
      <c r="BE712" s="1106"/>
      <c r="BF712" s="1106"/>
      <c r="BG712" s="1106"/>
      <c r="BH712" s="1106"/>
      <c r="BI712" s="1106"/>
      <c r="BJ712" s="1106"/>
      <c r="BK712" s="1106"/>
      <c r="BL712" s="1106"/>
      <c r="BM712" s="1106"/>
      <c r="BN712" s="1106"/>
      <c r="BO712" s="1106"/>
      <c r="BP712" s="1106"/>
      <c r="BQ712" s="1106"/>
      <c r="BR712" s="1106"/>
      <c r="BS712" s="1106"/>
      <c r="BT712" s="1106"/>
      <c r="BU712" s="1106"/>
      <c r="BV712" s="1106"/>
      <c r="BW712" s="1106"/>
      <c r="BX712" s="1106"/>
      <c r="BY712" s="1106"/>
      <c r="BZ712" s="1106"/>
      <c r="CA712" s="1106"/>
    </row>
    <row r="713" spans="3:79" ht="9" customHeight="1" x14ac:dyDescent="0.2">
      <c r="C713" s="1106"/>
      <c r="D713" s="1106"/>
      <c r="E713" s="1106"/>
      <c r="F713" s="1106"/>
      <c r="G713" s="1106"/>
      <c r="H713" s="1106"/>
      <c r="I713" s="1106"/>
      <c r="J713" s="1106"/>
      <c r="K713" s="1106"/>
      <c r="L713" s="1106"/>
      <c r="M713" s="1106"/>
      <c r="N713" s="1106"/>
      <c r="O713" s="1106"/>
      <c r="U713" s="1106"/>
      <c r="AB713" s="1106"/>
      <c r="AC713" s="1106"/>
      <c r="AD713" s="1106"/>
      <c r="AE713" s="1106"/>
      <c r="AF713" s="1106"/>
      <c r="AG713" s="1106"/>
      <c r="AH713" s="1106"/>
      <c r="AL713" s="1106"/>
      <c r="AO713" s="1106"/>
      <c r="AP713" s="1106"/>
      <c r="AT713" s="1106"/>
      <c r="AU713" s="1106"/>
      <c r="AV713" s="1106"/>
      <c r="AW713" s="1106"/>
      <c r="AX713" s="1106"/>
      <c r="AY713" s="1106"/>
      <c r="AZ713" s="1106"/>
      <c r="BA713" s="1106"/>
      <c r="BB713" s="1106"/>
      <c r="BC713" s="1106"/>
      <c r="BD713" s="1106"/>
      <c r="BE713" s="1106"/>
      <c r="BF713" s="1106"/>
      <c r="BG713" s="1106"/>
      <c r="BH713" s="1106"/>
      <c r="BI713" s="1106"/>
      <c r="BJ713" s="1106"/>
      <c r="BK713" s="1106"/>
      <c r="BL713" s="1106"/>
      <c r="BM713" s="1106"/>
      <c r="BN713" s="1106"/>
      <c r="BO713" s="1106"/>
      <c r="BP713" s="1106"/>
      <c r="BQ713" s="1106"/>
      <c r="BR713" s="1106"/>
      <c r="BS713" s="1106"/>
      <c r="BT713" s="1106"/>
      <c r="BU713" s="1106"/>
      <c r="BV713" s="1106"/>
      <c r="BW713" s="1106"/>
      <c r="BX713" s="1106"/>
      <c r="BY713" s="1106"/>
      <c r="BZ713" s="1106"/>
      <c r="CA713" s="1106"/>
    </row>
    <row r="714" spans="3:79" ht="9" customHeight="1" x14ac:dyDescent="0.2">
      <c r="C714" s="1106"/>
      <c r="D714" s="1106"/>
      <c r="E714" s="1106"/>
      <c r="F714" s="1106"/>
      <c r="G714" s="1106"/>
      <c r="H714" s="1106"/>
      <c r="I714" s="1106"/>
      <c r="J714" s="1106"/>
      <c r="K714" s="1106"/>
      <c r="L714" s="1106"/>
      <c r="M714" s="1106"/>
      <c r="N714" s="1106"/>
      <c r="O714" s="1106"/>
      <c r="U714" s="1106"/>
      <c r="AB714" s="1106"/>
      <c r="AC714" s="1106"/>
      <c r="AD714" s="1106"/>
      <c r="AE714" s="1106"/>
      <c r="AF714" s="1106"/>
      <c r="AG714" s="1106"/>
      <c r="AH714" s="1106"/>
      <c r="AL714" s="1106"/>
      <c r="AT714" s="1106"/>
      <c r="AU714" s="1106"/>
      <c r="AV714" s="1106"/>
      <c r="AW714" s="1106"/>
      <c r="AX714" s="1106"/>
      <c r="AY714" s="1106"/>
      <c r="AZ714" s="1106"/>
      <c r="BA714" s="1106"/>
      <c r="BB714" s="1106"/>
      <c r="BC714" s="1106"/>
      <c r="BD714" s="1106"/>
      <c r="BE714" s="1106"/>
      <c r="BF714" s="1106"/>
      <c r="BG714" s="1106"/>
      <c r="BH714" s="1106"/>
      <c r="BI714" s="1106"/>
      <c r="BJ714" s="1106"/>
      <c r="BK714" s="1106"/>
      <c r="BL714" s="1106"/>
      <c r="BM714" s="1106"/>
      <c r="BN714" s="1106"/>
      <c r="BO714" s="1106"/>
      <c r="BP714" s="1106"/>
      <c r="BQ714" s="1106"/>
      <c r="BR714" s="1106"/>
      <c r="BS714" s="1106"/>
      <c r="BT714" s="1106"/>
      <c r="BU714" s="1106"/>
      <c r="BV714" s="1106"/>
      <c r="BW714" s="1106"/>
      <c r="BX714" s="1106"/>
      <c r="BY714" s="1106"/>
      <c r="BZ714" s="1106"/>
      <c r="CA714" s="1106"/>
    </row>
    <row r="715" spans="3:79" ht="9" customHeight="1" x14ac:dyDescent="0.2">
      <c r="C715" s="1106"/>
      <c r="D715" s="1106"/>
      <c r="E715" s="1106"/>
      <c r="F715" s="1106"/>
      <c r="G715" s="1106"/>
      <c r="H715" s="1106"/>
      <c r="I715" s="1106"/>
      <c r="J715" s="1106"/>
      <c r="K715" s="1106"/>
      <c r="L715" s="1106"/>
      <c r="M715" s="1106"/>
      <c r="N715" s="1106"/>
      <c r="O715" s="1106"/>
      <c r="AB715" s="1106"/>
      <c r="AC715" s="1106"/>
      <c r="AD715" s="1106"/>
      <c r="AE715" s="1106"/>
      <c r="AF715" s="1106"/>
      <c r="AG715" s="1106"/>
      <c r="AH715" s="1106"/>
      <c r="AL715" s="1106"/>
      <c r="AZ715" s="1106"/>
      <c r="BA715" s="1106"/>
      <c r="BB715" s="1106"/>
      <c r="BC715" s="1106"/>
      <c r="BD715" s="1106"/>
      <c r="BE715" s="1106"/>
      <c r="BF715" s="1106"/>
      <c r="BG715" s="1106"/>
      <c r="BH715" s="1106"/>
      <c r="BI715" s="1106"/>
      <c r="BJ715" s="1106"/>
      <c r="BK715" s="1106"/>
      <c r="BL715" s="1106"/>
      <c r="BM715" s="1106"/>
      <c r="BN715" s="1106"/>
      <c r="BO715" s="1106"/>
      <c r="BP715" s="1106"/>
      <c r="BQ715" s="1106"/>
      <c r="BR715" s="1106"/>
      <c r="BS715" s="1106"/>
      <c r="BT715" s="1106"/>
      <c r="BU715" s="1106"/>
      <c r="BV715" s="1106"/>
      <c r="BW715" s="1106"/>
      <c r="BX715" s="1106"/>
      <c r="BY715" s="1106"/>
      <c r="BZ715" s="1106"/>
      <c r="CA715" s="1106"/>
    </row>
    <row r="716" spans="3:79" ht="9" customHeight="1" x14ac:dyDescent="0.2">
      <c r="C716" s="1106"/>
      <c r="D716" s="1106"/>
      <c r="E716" s="1106"/>
      <c r="F716" s="1106"/>
      <c r="G716" s="1106"/>
      <c r="H716" s="1106"/>
      <c r="I716" s="1106"/>
      <c r="J716" s="1106"/>
      <c r="K716" s="1106"/>
      <c r="L716" s="1106"/>
      <c r="M716" s="1106"/>
      <c r="N716" s="1106"/>
      <c r="O716" s="1106"/>
      <c r="AB716" s="1106"/>
      <c r="AC716" s="1106"/>
      <c r="AD716" s="1106"/>
      <c r="AE716" s="1106"/>
      <c r="AF716" s="1106"/>
      <c r="AG716" s="1106"/>
      <c r="AH716" s="1106"/>
      <c r="AL716" s="1106"/>
      <c r="AZ716" s="1106"/>
      <c r="BA716" s="1106"/>
      <c r="BB716" s="1106"/>
      <c r="BC716" s="1106"/>
      <c r="BD716" s="1106"/>
      <c r="BE716" s="1106"/>
      <c r="BF716" s="1106"/>
      <c r="BG716" s="1106"/>
      <c r="BH716" s="1106"/>
      <c r="BI716" s="1106"/>
      <c r="BJ716" s="1106"/>
      <c r="BK716" s="1106"/>
      <c r="BL716" s="1106"/>
      <c r="BM716" s="1106"/>
      <c r="BN716" s="1106"/>
      <c r="BO716" s="1106"/>
      <c r="BP716" s="1106"/>
      <c r="BQ716" s="1106"/>
      <c r="BR716" s="1106"/>
      <c r="BS716" s="1106"/>
      <c r="BT716" s="1106"/>
      <c r="BU716" s="1106"/>
      <c r="BV716" s="1106"/>
      <c r="BW716" s="1106"/>
      <c r="BX716" s="1106"/>
      <c r="BY716" s="1106"/>
      <c r="BZ716" s="1106"/>
      <c r="CA716" s="1106"/>
    </row>
    <row r="717" spans="3:79" ht="9" customHeight="1" x14ac:dyDescent="0.2">
      <c r="C717" s="1106"/>
      <c r="D717" s="1106"/>
      <c r="E717" s="1106"/>
      <c r="F717" s="1106"/>
      <c r="G717" s="1106"/>
      <c r="H717" s="1106"/>
      <c r="I717" s="1106"/>
      <c r="J717" s="1106"/>
      <c r="K717" s="1106"/>
      <c r="L717" s="1106"/>
      <c r="M717" s="1106"/>
      <c r="N717" s="1106"/>
      <c r="O717" s="1106"/>
      <c r="AB717" s="1106"/>
      <c r="AC717" s="1106"/>
      <c r="AD717" s="1106"/>
      <c r="AE717" s="1106"/>
      <c r="AF717" s="1106"/>
      <c r="AG717" s="1106"/>
      <c r="AH717" s="1106"/>
      <c r="AL717" s="1106"/>
      <c r="AZ717" s="1106"/>
      <c r="BA717" s="1106"/>
      <c r="BB717" s="1106"/>
      <c r="BC717" s="1106"/>
      <c r="BD717" s="1106"/>
      <c r="BE717" s="1106"/>
      <c r="BF717" s="1106"/>
      <c r="BG717" s="1106"/>
      <c r="BH717" s="1106"/>
      <c r="BI717" s="1106"/>
      <c r="BJ717" s="1106"/>
      <c r="BK717" s="1106"/>
      <c r="BL717" s="1106"/>
      <c r="BM717" s="1106"/>
      <c r="BN717" s="1106"/>
      <c r="BO717" s="1106"/>
      <c r="BP717" s="1106"/>
      <c r="BQ717" s="1106"/>
      <c r="BR717" s="1106"/>
      <c r="BS717" s="1106"/>
      <c r="BT717" s="1106"/>
      <c r="BU717" s="1106"/>
      <c r="BV717" s="1106"/>
      <c r="BW717" s="1106"/>
      <c r="BX717" s="1106"/>
      <c r="BY717" s="1106"/>
      <c r="BZ717" s="1106"/>
      <c r="CA717" s="1106"/>
    </row>
    <row r="718" spans="3:79" ht="9" customHeight="1" x14ac:dyDescent="0.2">
      <c r="C718" s="1106"/>
      <c r="D718" s="1106"/>
      <c r="E718" s="1106"/>
      <c r="F718" s="1106"/>
      <c r="G718" s="1106"/>
      <c r="H718" s="1106"/>
      <c r="I718" s="1106"/>
      <c r="J718" s="1106"/>
      <c r="K718" s="1106"/>
      <c r="L718" s="1106"/>
      <c r="M718" s="1106"/>
      <c r="N718" s="1106"/>
      <c r="O718" s="1106"/>
      <c r="U718" s="1106"/>
      <c r="AB718" s="1106"/>
      <c r="AC718" s="1106"/>
      <c r="AD718" s="1106"/>
      <c r="AE718" s="1106"/>
      <c r="AF718" s="1106"/>
      <c r="AG718" s="1106"/>
      <c r="AH718" s="1106"/>
      <c r="AL718" s="1106"/>
      <c r="AT718" s="1106"/>
      <c r="AU718" s="1106"/>
      <c r="AV718" s="1106"/>
      <c r="AW718" s="1106"/>
      <c r="AX718" s="1106"/>
      <c r="AY718" s="1106"/>
      <c r="AZ718" s="1106"/>
      <c r="BA718" s="1106"/>
      <c r="BB718" s="1106"/>
      <c r="BC718" s="1106"/>
      <c r="BD718" s="1106"/>
      <c r="BE718" s="1106"/>
      <c r="BF718" s="1106"/>
      <c r="BG718" s="1106"/>
      <c r="BH718" s="1106"/>
      <c r="BI718" s="1106"/>
      <c r="BJ718" s="1106"/>
      <c r="BK718" s="1106"/>
      <c r="BL718" s="1106"/>
      <c r="BM718" s="1106"/>
      <c r="BN718" s="1106"/>
      <c r="BO718" s="1106"/>
      <c r="BP718" s="1106"/>
      <c r="BQ718" s="1106"/>
      <c r="BR718" s="1106"/>
      <c r="BS718" s="1106"/>
      <c r="BT718" s="1106"/>
      <c r="BU718" s="1106"/>
      <c r="BV718" s="1106"/>
      <c r="BW718" s="1106"/>
      <c r="BX718" s="1106"/>
      <c r="BY718" s="1106"/>
      <c r="BZ718" s="1106"/>
      <c r="CA718" s="1106"/>
    </row>
    <row r="719" spans="3:79" ht="9" customHeight="1" x14ac:dyDescent="0.2">
      <c r="C719" s="1106"/>
      <c r="D719" s="1106"/>
      <c r="E719" s="1106"/>
      <c r="F719" s="1106"/>
      <c r="G719" s="1106"/>
      <c r="H719" s="1106"/>
      <c r="I719" s="1106"/>
      <c r="J719" s="1106"/>
      <c r="K719" s="1106"/>
      <c r="L719" s="1106"/>
      <c r="M719" s="1106"/>
      <c r="N719" s="1106"/>
      <c r="O719" s="1106"/>
      <c r="U719" s="1106"/>
      <c r="AB719" s="1106"/>
      <c r="AC719" s="1106"/>
      <c r="AD719" s="1106"/>
      <c r="AE719" s="1106"/>
      <c r="AF719" s="1106"/>
      <c r="AG719" s="1106"/>
      <c r="AH719" s="1106"/>
      <c r="AL719" s="1106"/>
      <c r="AO719" s="1106"/>
      <c r="AP719" s="1106"/>
      <c r="AT719" s="1106"/>
      <c r="AU719" s="1106"/>
      <c r="AV719" s="1106"/>
      <c r="AW719" s="1106"/>
      <c r="AX719" s="1106"/>
      <c r="AY719" s="1106"/>
      <c r="AZ719" s="1106"/>
      <c r="BA719" s="1106"/>
      <c r="BB719" s="1106"/>
      <c r="BC719" s="1106"/>
      <c r="BD719" s="1106"/>
      <c r="BE719" s="1106"/>
      <c r="BF719" s="1106"/>
      <c r="BG719" s="1106"/>
      <c r="BH719" s="1106"/>
      <c r="BI719" s="1106"/>
      <c r="BJ719" s="1106"/>
      <c r="BK719" s="1106"/>
      <c r="BL719" s="1106"/>
      <c r="BM719" s="1106"/>
      <c r="BN719" s="1106"/>
      <c r="BO719" s="1106"/>
      <c r="BP719" s="1106"/>
      <c r="BQ719" s="1106"/>
      <c r="BR719" s="1106"/>
      <c r="BS719" s="1106"/>
      <c r="BT719" s="1106"/>
      <c r="BU719" s="1106"/>
      <c r="BV719" s="1106"/>
      <c r="BW719" s="1106"/>
      <c r="BX719" s="1106"/>
      <c r="BY719" s="1106"/>
      <c r="BZ719" s="1106"/>
      <c r="CA719" s="1106"/>
    </row>
    <row r="720" spans="3:79" ht="9" customHeight="1" x14ac:dyDescent="0.2">
      <c r="C720" s="1106"/>
      <c r="D720" s="1106"/>
      <c r="E720" s="1106"/>
      <c r="F720" s="1106"/>
      <c r="G720" s="1106"/>
      <c r="H720" s="1106"/>
      <c r="I720" s="1106"/>
      <c r="J720" s="1106"/>
      <c r="K720" s="1106"/>
      <c r="L720" s="1106"/>
      <c r="M720" s="1106"/>
      <c r="N720" s="1106"/>
      <c r="O720" s="1106"/>
      <c r="U720" s="1106"/>
      <c r="AB720" s="1106"/>
      <c r="AC720" s="1106"/>
      <c r="AD720" s="1106"/>
      <c r="AE720" s="1106"/>
      <c r="AF720" s="1106"/>
      <c r="AG720" s="1106"/>
      <c r="AH720" s="1106"/>
      <c r="AL720" s="1106"/>
      <c r="AT720" s="1106"/>
      <c r="AU720" s="1106"/>
      <c r="AV720" s="1106"/>
      <c r="AW720" s="1106"/>
      <c r="AX720" s="1106"/>
      <c r="AY720" s="1106"/>
      <c r="AZ720" s="1106"/>
      <c r="BA720" s="1106"/>
      <c r="BB720" s="1106"/>
      <c r="BC720" s="1106"/>
      <c r="BD720" s="1106"/>
      <c r="BE720" s="1106"/>
      <c r="BF720" s="1106"/>
      <c r="BG720" s="1106"/>
      <c r="BH720" s="1106"/>
      <c r="BI720" s="1106"/>
      <c r="BJ720" s="1106"/>
      <c r="BK720" s="1106"/>
      <c r="BL720" s="1106"/>
      <c r="BM720" s="1106"/>
      <c r="BN720" s="1106"/>
      <c r="BO720" s="1106"/>
      <c r="BP720" s="1106"/>
      <c r="BQ720" s="1106"/>
      <c r="BR720" s="1106"/>
      <c r="BS720" s="1106"/>
      <c r="BT720" s="1106"/>
      <c r="BU720" s="1106"/>
      <c r="BV720" s="1106"/>
      <c r="BW720" s="1106"/>
      <c r="BX720" s="1106"/>
      <c r="BY720" s="1106"/>
      <c r="BZ720" s="1106"/>
      <c r="CA720" s="1106"/>
    </row>
    <row r="721" spans="3:79" ht="9" customHeight="1" x14ac:dyDescent="0.2">
      <c r="C721" s="1106"/>
      <c r="D721" s="1106"/>
      <c r="E721" s="1106"/>
      <c r="F721" s="1106"/>
      <c r="G721" s="1106"/>
      <c r="H721" s="1106"/>
      <c r="I721" s="1106"/>
      <c r="J721" s="1106"/>
      <c r="K721" s="1106"/>
      <c r="L721" s="1106"/>
      <c r="M721" s="1106"/>
      <c r="N721" s="1106"/>
      <c r="O721" s="1106"/>
      <c r="AB721" s="1106"/>
      <c r="AC721" s="1106"/>
      <c r="AD721" s="1106"/>
      <c r="AE721" s="1106"/>
      <c r="AF721" s="1106"/>
      <c r="AG721" s="1106"/>
      <c r="AH721" s="1106"/>
      <c r="AL721" s="1106"/>
      <c r="AZ721" s="1106"/>
      <c r="BA721" s="1106"/>
      <c r="BB721" s="1106"/>
      <c r="BC721" s="1106"/>
      <c r="BD721" s="1106"/>
      <c r="BE721" s="1106"/>
      <c r="BF721" s="1106"/>
      <c r="BG721" s="1106"/>
      <c r="BH721" s="1106"/>
      <c r="BI721" s="1106"/>
      <c r="BJ721" s="1106"/>
      <c r="BK721" s="1106"/>
      <c r="BL721" s="1106"/>
      <c r="BM721" s="1106"/>
      <c r="BN721" s="1106"/>
      <c r="BO721" s="1106"/>
      <c r="BP721" s="1106"/>
      <c r="BQ721" s="1106"/>
      <c r="BR721" s="1106"/>
      <c r="BS721" s="1106"/>
      <c r="BT721" s="1106"/>
      <c r="BU721" s="1106"/>
      <c r="BV721" s="1106"/>
      <c r="BW721" s="1106"/>
      <c r="BX721" s="1106"/>
      <c r="BY721" s="1106"/>
      <c r="BZ721" s="1106"/>
      <c r="CA721" s="1106"/>
    </row>
    <row r="722" spans="3:79" ht="9" customHeight="1" x14ac:dyDescent="0.2">
      <c r="C722" s="1106"/>
      <c r="D722" s="1106"/>
      <c r="E722" s="1106"/>
      <c r="F722" s="1106"/>
      <c r="G722" s="1106"/>
      <c r="H722" s="1106"/>
      <c r="I722" s="1106"/>
      <c r="J722" s="1106"/>
      <c r="K722" s="1106"/>
      <c r="L722" s="1106"/>
      <c r="M722" s="1106"/>
      <c r="N722" s="1106"/>
      <c r="O722" s="1106"/>
      <c r="AB722" s="1106"/>
      <c r="AC722" s="1106"/>
      <c r="AD722" s="1106"/>
      <c r="AE722" s="1106"/>
      <c r="AF722" s="1106"/>
      <c r="AG722" s="1106"/>
      <c r="AH722" s="1106"/>
      <c r="AL722" s="1106"/>
      <c r="AZ722" s="1106"/>
      <c r="BA722" s="1106"/>
      <c r="BB722" s="1106"/>
      <c r="BC722" s="1106"/>
      <c r="BD722" s="1106"/>
      <c r="BE722" s="1106"/>
      <c r="BF722" s="1106"/>
      <c r="BG722" s="1106"/>
      <c r="BH722" s="1106"/>
      <c r="BI722" s="1106"/>
      <c r="BJ722" s="1106"/>
      <c r="BK722" s="1106"/>
      <c r="BL722" s="1106"/>
      <c r="BM722" s="1106"/>
      <c r="BN722" s="1106"/>
      <c r="BO722" s="1106"/>
      <c r="BP722" s="1106"/>
      <c r="BQ722" s="1106"/>
      <c r="BR722" s="1106"/>
      <c r="BS722" s="1106"/>
      <c r="BT722" s="1106"/>
      <c r="BU722" s="1106"/>
      <c r="BV722" s="1106"/>
      <c r="BW722" s="1106"/>
      <c r="BX722" s="1106"/>
      <c r="BY722" s="1106"/>
      <c r="BZ722" s="1106"/>
      <c r="CA722" s="1106"/>
    </row>
    <row r="723" spans="3:79" ht="9" customHeight="1" x14ac:dyDescent="0.2">
      <c r="C723" s="1106"/>
      <c r="D723" s="1106"/>
      <c r="E723" s="1106"/>
      <c r="F723" s="1106"/>
      <c r="G723" s="1106"/>
      <c r="H723" s="1106"/>
      <c r="I723" s="1106"/>
      <c r="J723" s="1106"/>
      <c r="K723" s="1106"/>
      <c r="L723" s="1106"/>
      <c r="M723" s="1106"/>
      <c r="N723" s="1106"/>
      <c r="O723" s="1106"/>
      <c r="AB723" s="1106"/>
      <c r="AC723" s="1106"/>
      <c r="AD723" s="1106"/>
      <c r="AE723" s="1106"/>
      <c r="AF723" s="1106"/>
      <c r="AG723" s="1106"/>
      <c r="AH723" s="1106"/>
      <c r="AL723" s="1106"/>
      <c r="AZ723" s="1106"/>
      <c r="BA723" s="1106"/>
      <c r="BB723" s="1106"/>
      <c r="BC723" s="1106"/>
      <c r="BD723" s="1106"/>
      <c r="BE723" s="1106"/>
      <c r="BF723" s="1106"/>
      <c r="BG723" s="1106"/>
      <c r="BH723" s="1106"/>
      <c r="BI723" s="1106"/>
      <c r="BJ723" s="1106"/>
      <c r="BK723" s="1106"/>
      <c r="BL723" s="1106"/>
      <c r="BM723" s="1106"/>
      <c r="BN723" s="1106"/>
      <c r="BO723" s="1106"/>
      <c r="BP723" s="1106"/>
      <c r="BQ723" s="1106"/>
      <c r="BR723" s="1106"/>
      <c r="BS723" s="1106"/>
      <c r="BT723" s="1106"/>
      <c r="BU723" s="1106"/>
      <c r="BV723" s="1106"/>
      <c r="BW723" s="1106"/>
      <c r="BX723" s="1106"/>
      <c r="BY723" s="1106"/>
      <c r="BZ723" s="1106"/>
      <c r="CA723" s="1106"/>
    </row>
    <row r="724" spans="3:79" ht="9" customHeight="1" x14ac:dyDescent="0.2">
      <c r="C724" s="1106"/>
      <c r="D724" s="1106"/>
      <c r="E724" s="1106"/>
      <c r="F724" s="1106"/>
      <c r="G724" s="1106"/>
      <c r="H724" s="1106"/>
      <c r="I724" s="1106"/>
      <c r="J724" s="1106"/>
      <c r="K724" s="1106"/>
      <c r="L724" s="1106"/>
      <c r="M724" s="1106"/>
      <c r="N724" s="1106"/>
      <c r="O724" s="1106"/>
      <c r="U724" s="1106"/>
      <c r="AB724" s="1106"/>
      <c r="AC724" s="1106"/>
      <c r="AD724" s="1106"/>
      <c r="AE724" s="1106"/>
      <c r="AF724" s="1106"/>
      <c r="AG724" s="1106"/>
      <c r="AH724" s="1106"/>
      <c r="AL724" s="1106"/>
      <c r="AT724" s="1106"/>
      <c r="AU724" s="1106"/>
      <c r="AV724" s="1106"/>
      <c r="AW724" s="1106"/>
      <c r="AX724" s="1106"/>
      <c r="AY724" s="1106"/>
      <c r="AZ724" s="1106"/>
      <c r="BA724" s="1106"/>
      <c r="BB724" s="1106"/>
      <c r="BC724" s="1106"/>
      <c r="BD724" s="1106"/>
      <c r="BE724" s="1106"/>
      <c r="BF724" s="1106"/>
      <c r="BG724" s="1106"/>
      <c r="BH724" s="1106"/>
      <c r="BI724" s="1106"/>
      <c r="BJ724" s="1106"/>
      <c r="BK724" s="1106"/>
      <c r="BL724" s="1106"/>
      <c r="BM724" s="1106"/>
      <c r="BN724" s="1106"/>
      <c r="BO724" s="1106"/>
      <c r="BP724" s="1106"/>
      <c r="BQ724" s="1106"/>
      <c r="BR724" s="1106"/>
      <c r="BS724" s="1106"/>
      <c r="BT724" s="1106"/>
      <c r="BU724" s="1106"/>
      <c r="BV724" s="1106"/>
      <c r="BW724" s="1106"/>
      <c r="BX724" s="1106"/>
      <c r="BY724" s="1106"/>
      <c r="BZ724" s="1106"/>
      <c r="CA724" s="1106"/>
    </row>
    <row r="725" spans="3:79" ht="9" customHeight="1" x14ac:dyDescent="0.2">
      <c r="C725" s="1106"/>
      <c r="D725" s="1106"/>
      <c r="E725" s="1106"/>
      <c r="F725" s="1106"/>
      <c r="G725" s="1106"/>
      <c r="H725" s="1106"/>
      <c r="I725" s="1106"/>
      <c r="J725" s="1106"/>
      <c r="K725" s="1106"/>
      <c r="L725" s="1106"/>
      <c r="M725" s="1106"/>
      <c r="N725" s="1106"/>
      <c r="O725" s="1106"/>
      <c r="U725" s="1106"/>
      <c r="AB725" s="1106"/>
      <c r="AC725" s="1106"/>
      <c r="AD725" s="1106"/>
      <c r="AE725" s="1106"/>
      <c r="AF725" s="1106"/>
      <c r="AG725" s="1106"/>
      <c r="AH725" s="1106"/>
      <c r="AL725" s="1106"/>
      <c r="AO725" s="1106"/>
      <c r="AP725" s="1106"/>
      <c r="AT725" s="1106"/>
      <c r="AU725" s="1106"/>
      <c r="AV725" s="1106"/>
      <c r="AW725" s="1106"/>
      <c r="AX725" s="1106"/>
      <c r="AY725" s="1106"/>
      <c r="AZ725" s="1106"/>
      <c r="BA725" s="1106"/>
      <c r="BB725" s="1106"/>
      <c r="BC725" s="1106"/>
      <c r="BD725" s="1106"/>
      <c r="BE725" s="1106"/>
      <c r="BF725" s="1106"/>
      <c r="BG725" s="1106"/>
      <c r="BH725" s="1106"/>
      <c r="BI725" s="1106"/>
      <c r="BJ725" s="1106"/>
      <c r="BK725" s="1106"/>
      <c r="BL725" s="1106"/>
      <c r="BM725" s="1106"/>
      <c r="BN725" s="1106"/>
      <c r="BO725" s="1106"/>
      <c r="BP725" s="1106"/>
      <c r="BQ725" s="1106"/>
      <c r="BR725" s="1106"/>
      <c r="BS725" s="1106"/>
      <c r="BT725" s="1106"/>
      <c r="BU725" s="1106"/>
      <c r="BV725" s="1106"/>
      <c r="BW725" s="1106"/>
      <c r="BX725" s="1106"/>
      <c r="BY725" s="1106"/>
      <c r="BZ725" s="1106"/>
      <c r="CA725" s="1106"/>
    </row>
    <row r="726" spans="3:79" ht="9" customHeight="1" x14ac:dyDescent="0.2">
      <c r="C726" s="1106"/>
      <c r="D726" s="1106"/>
      <c r="E726" s="1106"/>
      <c r="F726" s="1106"/>
      <c r="G726" s="1106"/>
      <c r="H726" s="1106"/>
      <c r="I726" s="1106"/>
      <c r="J726" s="1106"/>
      <c r="K726" s="1106"/>
      <c r="L726" s="1106"/>
      <c r="M726" s="1106"/>
      <c r="N726" s="1106"/>
      <c r="O726" s="1106"/>
      <c r="U726" s="1106"/>
      <c r="AB726" s="1106"/>
      <c r="AC726" s="1106"/>
      <c r="AD726" s="1106"/>
      <c r="AE726" s="1106"/>
      <c r="AF726" s="1106"/>
      <c r="AG726" s="1106"/>
      <c r="AH726" s="1106"/>
      <c r="AL726" s="1106"/>
      <c r="AT726" s="1106"/>
      <c r="AU726" s="1106"/>
      <c r="AV726" s="1106"/>
      <c r="AW726" s="1106"/>
      <c r="AX726" s="1106"/>
      <c r="AY726" s="1106"/>
      <c r="AZ726" s="1106"/>
      <c r="BA726" s="1106"/>
      <c r="BB726" s="1106"/>
      <c r="BC726" s="1106"/>
      <c r="BD726" s="1106"/>
      <c r="BE726" s="1106"/>
      <c r="BF726" s="1106"/>
      <c r="BG726" s="1106"/>
      <c r="BH726" s="1106"/>
      <c r="BI726" s="1106"/>
      <c r="BJ726" s="1106"/>
      <c r="BK726" s="1106"/>
      <c r="BL726" s="1106"/>
      <c r="BM726" s="1106"/>
      <c r="BN726" s="1106"/>
      <c r="BO726" s="1106"/>
      <c r="BP726" s="1106"/>
      <c r="BQ726" s="1106"/>
      <c r="BR726" s="1106"/>
      <c r="BS726" s="1106"/>
      <c r="BT726" s="1106"/>
      <c r="BU726" s="1106"/>
      <c r="BV726" s="1106"/>
      <c r="BW726" s="1106"/>
      <c r="BX726" s="1106"/>
      <c r="BY726" s="1106"/>
      <c r="BZ726" s="1106"/>
      <c r="CA726" s="1106"/>
    </row>
    <row r="727" spans="3:79" ht="9" customHeight="1" x14ac:dyDescent="0.2">
      <c r="C727" s="1106"/>
      <c r="D727" s="1106"/>
      <c r="E727" s="1106"/>
      <c r="F727" s="1106"/>
      <c r="G727" s="1106"/>
      <c r="H727" s="1106"/>
      <c r="I727" s="1106"/>
      <c r="J727" s="1106"/>
      <c r="K727" s="1106"/>
      <c r="L727" s="1106"/>
      <c r="M727" s="1106"/>
      <c r="N727" s="1106"/>
      <c r="O727" s="1106"/>
      <c r="AB727" s="1106"/>
      <c r="AC727" s="1106"/>
      <c r="AD727" s="1106"/>
      <c r="AE727" s="1106"/>
      <c r="AF727" s="1106"/>
      <c r="AG727" s="1106"/>
      <c r="AH727" s="1106"/>
      <c r="AL727" s="1106"/>
      <c r="AZ727" s="1106"/>
      <c r="BA727" s="1106"/>
      <c r="BB727" s="1106"/>
      <c r="BC727" s="1106"/>
      <c r="BD727" s="1106"/>
      <c r="BE727" s="1106"/>
      <c r="BF727" s="1106"/>
      <c r="BG727" s="1106"/>
      <c r="BH727" s="1106"/>
      <c r="BI727" s="1106"/>
      <c r="BJ727" s="1106"/>
      <c r="BK727" s="1106"/>
      <c r="BL727" s="1106"/>
      <c r="BM727" s="1106"/>
      <c r="BN727" s="1106"/>
      <c r="BO727" s="1106"/>
      <c r="BP727" s="1106"/>
      <c r="BQ727" s="1106"/>
      <c r="BR727" s="1106"/>
      <c r="BS727" s="1106"/>
      <c r="BT727" s="1106"/>
      <c r="BU727" s="1106"/>
      <c r="BV727" s="1106"/>
      <c r="BW727" s="1106"/>
      <c r="BX727" s="1106"/>
      <c r="BY727" s="1106"/>
      <c r="BZ727" s="1106"/>
      <c r="CA727" s="1106"/>
    </row>
    <row r="728" spans="3:79" ht="9" customHeight="1" x14ac:dyDescent="0.2">
      <c r="C728" s="1106"/>
      <c r="D728" s="1106"/>
      <c r="E728" s="1106"/>
      <c r="F728" s="1106"/>
      <c r="G728" s="1106"/>
      <c r="H728" s="1106"/>
      <c r="I728" s="1106"/>
      <c r="J728" s="1106"/>
      <c r="K728" s="1106"/>
      <c r="L728" s="1106"/>
      <c r="M728" s="1106"/>
      <c r="N728" s="1106"/>
      <c r="O728" s="1106"/>
      <c r="AB728" s="1106"/>
      <c r="AC728" s="1106"/>
      <c r="AD728" s="1106"/>
      <c r="AE728" s="1106"/>
      <c r="AF728" s="1106"/>
      <c r="AG728" s="1106"/>
      <c r="AH728" s="1106"/>
      <c r="AL728" s="1106"/>
      <c r="AZ728" s="1106"/>
      <c r="BA728" s="1106"/>
      <c r="BB728" s="1106"/>
      <c r="BC728" s="1106"/>
      <c r="BD728" s="1106"/>
      <c r="BE728" s="1106"/>
      <c r="BF728" s="1106"/>
      <c r="BG728" s="1106"/>
      <c r="BH728" s="1106"/>
      <c r="BI728" s="1106"/>
      <c r="BJ728" s="1106"/>
      <c r="BK728" s="1106"/>
      <c r="BL728" s="1106"/>
      <c r="BM728" s="1106"/>
      <c r="BN728" s="1106"/>
      <c r="BO728" s="1106"/>
      <c r="BP728" s="1106"/>
      <c r="BQ728" s="1106"/>
      <c r="BR728" s="1106"/>
      <c r="BS728" s="1106"/>
      <c r="BT728" s="1106"/>
      <c r="BU728" s="1106"/>
      <c r="BV728" s="1106"/>
      <c r="BW728" s="1106"/>
      <c r="BX728" s="1106"/>
      <c r="BY728" s="1106"/>
      <c r="BZ728" s="1106"/>
      <c r="CA728" s="1106"/>
    </row>
    <row r="729" spans="3:79" ht="9" customHeight="1" x14ac:dyDescent="0.2">
      <c r="C729" s="1106"/>
      <c r="D729" s="1106"/>
      <c r="E729" s="1106"/>
      <c r="F729" s="1106"/>
      <c r="G729" s="1106"/>
      <c r="H729" s="1106"/>
      <c r="I729" s="1106"/>
      <c r="J729" s="1106"/>
      <c r="K729" s="1106"/>
      <c r="L729" s="1106"/>
      <c r="M729" s="1106"/>
      <c r="N729" s="1106"/>
      <c r="O729" s="1106"/>
      <c r="AB729" s="1106"/>
      <c r="AC729" s="1106"/>
      <c r="AD729" s="1106"/>
      <c r="AE729" s="1106"/>
      <c r="AF729" s="1106"/>
      <c r="AG729" s="1106"/>
      <c r="AH729" s="1106"/>
      <c r="AL729" s="1106"/>
      <c r="AZ729" s="1106"/>
      <c r="BA729" s="1106"/>
      <c r="BB729" s="1106"/>
      <c r="BC729" s="1106"/>
      <c r="BD729" s="1106"/>
      <c r="BE729" s="1106"/>
      <c r="BF729" s="1106"/>
      <c r="BG729" s="1106"/>
      <c r="BH729" s="1106"/>
      <c r="BI729" s="1106"/>
      <c r="BJ729" s="1106"/>
      <c r="BK729" s="1106"/>
      <c r="BL729" s="1106"/>
      <c r="BM729" s="1106"/>
      <c r="BN729" s="1106"/>
      <c r="BO729" s="1106"/>
      <c r="BP729" s="1106"/>
      <c r="BQ729" s="1106"/>
      <c r="BR729" s="1106"/>
      <c r="BS729" s="1106"/>
      <c r="BT729" s="1106"/>
      <c r="BU729" s="1106"/>
      <c r="BV729" s="1106"/>
      <c r="BW729" s="1106"/>
      <c r="BX729" s="1106"/>
      <c r="BY729" s="1106"/>
      <c r="BZ729" s="1106"/>
      <c r="CA729" s="1106"/>
    </row>
    <row r="730" spans="3:79" ht="9" customHeight="1" x14ac:dyDescent="0.2">
      <c r="C730" s="1106"/>
      <c r="D730" s="1106"/>
      <c r="E730" s="1106"/>
      <c r="F730" s="1106"/>
      <c r="G730" s="1106"/>
      <c r="H730" s="1106"/>
      <c r="I730" s="1106"/>
      <c r="J730" s="1106"/>
      <c r="K730" s="1106"/>
      <c r="L730" s="1106"/>
      <c r="M730" s="1106"/>
      <c r="N730" s="1106"/>
      <c r="O730" s="1106"/>
      <c r="U730" s="1106"/>
      <c r="AB730" s="1106"/>
      <c r="AC730" s="1106"/>
      <c r="AD730" s="1106"/>
      <c r="AE730" s="1106"/>
      <c r="AF730" s="1106"/>
      <c r="AG730" s="1106"/>
      <c r="AH730" s="1106"/>
      <c r="AL730" s="1106"/>
      <c r="AT730" s="1106"/>
      <c r="AU730" s="1106"/>
      <c r="AV730" s="1106"/>
      <c r="AW730" s="1106"/>
      <c r="AX730" s="1106"/>
      <c r="AY730" s="1106"/>
      <c r="AZ730" s="1106"/>
      <c r="BA730" s="1106"/>
      <c r="BB730" s="1106"/>
      <c r="BC730" s="1106"/>
      <c r="BD730" s="1106"/>
      <c r="BE730" s="1106"/>
      <c r="BF730" s="1106"/>
      <c r="BG730" s="1106"/>
      <c r="BH730" s="1106"/>
      <c r="BI730" s="1106"/>
      <c r="BJ730" s="1106"/>
      <c r="BK730" s="1106"/>
      <c r="BL730" s="1106"/>
      <c r="BM730" s="1106"/>
      <c r="BN730" s="1106"/>
      <c r="BO730" s="1106"/>
      <c r="BP730" s="1106"/>
      <c r="BQ730" s="1106"/>
      <c r="BR730" s="1106"/>
      <c r="BS730" s="1106"/>
      <c r="BT730" s="1106"/>
      <c r="BU730" s="1106"/>
      <c r="BV730" s="1106"/>
      <c r="BW730" s="1106"/>
      <c r="BX730" s="1106"/>
      <c r="BY730" s="1106"/>
      <c r="BZ730" s="1106"/>
      <c r="CA730" s="1106"/>
    </row>
    <row r="731" spans="3:79" ht="9" customHeight="1" x14ac:dyDescent="0.2">
      <c r="C731" s="1106"/>
      <c r="D731" s="1106"/>
      <c r="E731" s="1106"/>
      <c r="F731" s="1106"/>
      <c r="G731" s="1106"/>
      <c r="H731" s="1106"/>
      <c r="I731" s="1106"/>
      <c r="J731" s="1106"/>
      <c r="K731" s="1106"/>
      <c r="L731" s="1106"/>
      <c r="M731" s="1106"/>
      <c r="N731" s="1106"/>
      <c r="O731" s="1106"/>
      <c r="U731" s="1106"/>
      <c r="AB731" s="1106"/>
      <c r="AC731" s="1106"/>
      <c r="AD731" s="1106"/>
      <c r="AE731" s="1106"/>
      <c r="AF731" s="1106"/>
      <c r="AG731" s="1106"/>
      <c r="AH731" s="1106"/>
      <c r="AL731" s="1106"/>
      <c r="AO731" s="1106"/>
      <c r="AP731" s="1106"/>
      <c r="AT731" s="1106"/>
      <c r="AU731" s="1106"/>
      <c r="AV731" s="1106"/>
      <c r="AW731" s="1106"/>
      <c r="AX731" s="1106"/>
      <c r="AY731" s="1106"/>
      <c r="AZ731" s="1106"/>
      <c r="BA731" s="1106"/>
      <c r="BB731" s="1106"/>
      <c r="BC731" s="1106"/>
      <c r="BD731" s="1106"/>
      <c r="BE731" s="1106"/>
      <c r="BF731" s="1106"/>
      <c r="BG731" s="1106"/>
      <c r="BH731" s="1106"/>
      <c r="BI731" s="1106"/>
      <c r="BJ731" s="1106"/>
      <c r="BK731" s="1106"/>
      <c r="BL731" s="1106"/>
      <c r="BM731" s="1106"/>
      <c r="BN731" s="1106"/>
      <c r="BO731" s="1106"/>
      <c r="BP731" s="1106"/>
      <c r="BQ731" s="1106"/>
      <c r="BR731" s="1106"/>
      <c r="BS731" s="1106"/>
      <c r="BT731" s="1106"/>
      <c r="BU731" s="1106"/>
      <c r="BV731" s="1106"/>
      <c r="BW731" s="1106"/>
      <c r="BX731" s="1106"/>
      <c r="BY731" s="1106"/>
      <c r="BZ731" s="1106"/>
      <c r="CA731" s="1106"/>
    </row>
    <row r="732" spans="3:79" ht="9" customHeight="1" x14ac:dyDescent="0.2">
      <c r="C732" s="1106"/>
      <c r="D732" s="1106"/>
      <c r="E732" s="1106"/>
      <c r="F732" s="1106"/>
      <c r="G732" s="1106"/>
      <c r="H732" s="1106"/>
      <c r="I732" s="1106"/>
      <c r="J732" s="1106"/>
      <c r="K732" s="1106"/>
      <c r="L732" s="1106"/>
      <c r="M732" s="1106"/>
      <c r="N732" s="1106"/>
      <c r="O732" s="1106"/>
      <c r="U732" s="1106"/>
      <c r="AB732" s="1106"/>
      <c r="AC732" s="1106"/>
      <c r="AD732" s="1106"/>
      <c r="AE732" s="1106"/>
      <c r="AF732" s="1106"/>
      <c r="AG732" s="1106"/>
      <c r="AH732" s="1106"/>
      <c r="AL732" s="1106"/>
      <c r="AT732" s="1106"/>
      <c r="AU732" s="1106"/>
      <c r="AV732" s="1106"/>
      <c r="AW732" s="1106"/>
      <c r="AX732" s="1106"/>
      <c r="AY732" s="1106"/>
      <c r="AZ732" s="1106"/>
      <c r="BA732" s="1106"/>
      <c r="BB732" s="1106"/>
      <c r="BC732" s="1106"/>
      <c r="BD732" s="1106"/>
      <c r="BE732" s="1106"/>
      <c r="BF732" s="1106"/>
      <c r="BG732" s="1106"/>
      <c r="BH732" s="1106"/>
      <c r="BI732" s="1106"/>
      <c r="BJ732" s="1106"/>
      <c r="BK732" s="1106"/>
      <c r="BL732" s="1106"/>
      <c r="BM732" s="1106"/>
      <c r="BN732" s="1106"/>
      <c r="BO732" s="1106"/>
      <c r="BP732" s="1106"/>
      <c r="BQ732" s="1106"/>
      <c r="BR732" s="1106"/>
      <c r="BS732" s="1106"/>
      <c r="BT732" s="1106"/>
      <c r="BU732" s="1106"/>
      <c r="BV732" s="1106"/>
      <c r="BW732" s="1106"/>
      <c r="BX732" s="1106"/>
      <c r="BY732" s="1106"/>
      <c r="BZ732" s="1106"/>
      <c r="CA732" s="1106"/>
    </row>
    <row r="733" spans="3:79" ht="9" customHeight="1" x14ac:dyDescent="0.2">
      <c r="C733" s="1106"/>
      <c r="D733" s="1106"/>
      <c r="E733" s="1106"/>
      <c r="F733" s="1106"/>
      <c r="G733" s="1106"/>
      <c r="H733" s="1106"/>
      <c r="I733" s="1106"/>
      <c r="J733" s="1106"/>
      <c r="K733" s="1106"/>
      <c r="L733" s="1106"/>
      <c r="M733" s="1106"/>
      <c r="N733" s="1106"/>
      <c r="O733" s="1106"/>
      <c r="AB733" s="1106"/>
      <c r="AC733" s="1106"/>
      <c r="AD733" s="1106"/>
      <c r="AE733" s="1106"/>
      <c r="AF733" s="1106"/>
      <c r="AG733" s="1106"/>
      <c r="AH733" s="1106"/>
      <c r="AL733" s="1106"/>
      <c r="AZ733" s="1106"/>
      <c r="BA733" s="1106"/>
      <c r="BB733" s="1106"/>
      <c r="BC733" s="1106"/>
      <c r="BD733" s="1106"/>
      <c r="BE733" s="1106"/>
      <c r="BF733" s="1106"/>
      <c r="BG733" s="1106"/>
      <c r="BH733" s="1106"/>
      <c r="BI733" s="1106"/>
      <c r="BJ733" s="1106"/>
      <c r="BK733" s="1106"/>
      <c r="BL733" s="1106"/>
      <c r="BM733" s="1106"/>
      <c r="BN733" s="1106"/>
      <c r="BO733" s="1106"/>
      <c r="BP733" s="1106"/>
      <c r="BQ733" s="1106"/>
      <c r="BR733" s="1106"/>
      <c r="BS733" s="1106"/>
      <c r="BT733" s="1106"/>
      <c r="BU733" s="1106"/>
      <c r="BV733" s="1106"/>
      <c r="BW733" s="1106"/>
      <c r="BX733" s="1106"/>
      <c r="BY733" s="1106"/>
      <c r="BZ733" s="1106"/>
      <c r="CA733" s="1106"/>
    </row>
    <row r="734" spans="3:79" ht="9" customHeight="1" x14ac:dyDescent="0.2">
      <c r="C734" s="1106"/>
      <c r="D734" s="1106"/>
      <c r="E734" s="1106"/>
      <c r="F734" s="1106"/>
      <c r="G734" s="1106"/>
      <c r="H734" s="1106"/>
      <c r="I734" s="1106"/>
      <c r="J734" s="1106"/>
      <c r="K734" s="1106"/>
      <c r="L734" s="1106"/>
      <c r="M734" s="1106"/>
      <c r="N734" s="1106"/>
      <c r="O734" s="1106"/>
      <c r="AB734" s="1106"/>
      <c r="AC734" s="1106"/>
      <c r="AD734" s="1106"/>
      <c r="AE734" s="1106"/>
      <c r="AF734" s="1106"/>
      <c r="AG734" s="1106"/>
      <c r="AH734" s="1106"/>
      <c r="AL734" s="1106"/>
      <c r="AZ734" s="1106"/>
      <c r="BA734" s="1106"/>
      <c r="BB734" s="1106"/>
      <c r="BC734" s="1106"/>
      <c r="BD734" s="1106"/>
      <c r="BE734" s="1106"/>
      <c r="BF734" s="1106"/>
      <c r="BG734" s="1106"/>
      <c r="BH734" s="1106"/>
      <c r="BI734" s="1106"/>
      <c r="BJ734" s="1106"/>
      <c r="BK734" s="1106"/>
      <c r="BL734" s="1106"/>
      <c r="BM734" s="1106"/>
      <c r="BN734" s="1106"/>
      <c r="BO734" s="1106"/>
      <c r="BP734" s="1106"/>
      <c r="BQ734" s="1106"/>
      <c r="BR734" s="1106"/>
      <c r="BS734" s="1106"/>
      <c r="BT734" s="1106"/>
      <c r="BU734" s="1106"/>
      <c r="BV734" s="1106"/>
      <c r="BW734" s="1106"/>
      <c r="BX734" s="1106"/>
      <c r="BY734" s="1106"/>
      <c r="BZ734" s="1106"/>
      <c r="CA734" s="1106"/>
    </row>
    <row r="735" spans="3:79" ht="9" customHeight="1" x14ac:dyDescent="0.2">
      <c r="C735" s="1106"/>
      <c r="D735" s="1106"/>
      <c r="E735" s="1106"/>
      <c r="F735" s="1106"/>
      <c r="G735" s="1106"/>
      <c r="H735" s="1106"/>
      <c r="I735" s="1106"/>
      <c r="J735" s="1106"/>
      <c r="K735" s="1106"/>
      <c r="L735" s="1106"/>
      <c r="M735" s="1106"/>
      <c r="N735" s="1106"/>
      <c r="O735" s="1106"/>
      <c r="AB735" s="1106"/>
      <c r="AC735" s="1106"/>
      <c r="AD735" s="1106"/>
      <c r="AE735" s="1106"/>
      <c r="AF735" s="1106"/>
      <c r="AG735" s="1106"/>
      <c r="AH735" s="1106"/>
      <c r="AL735" s="1106"/>
      <c r="AZ735" s="1106"/>
      <c r="BA735" s="1106"/>
      <c r="BB735" s="1106"/>
      <c r="BC735" s="1106"/>
      <c r="BD735" s="1106"/>
      <c r="BE735" s="1106"/>
      <c r="BF735" s="1106"/>
      <c r="BG735" s="1106"/>
      <c r="BH735" s="1106"/>
      <c r="BI735" s="1106"/>
      <c r="BJ735" s="1106"/>
      <c r="BK735" s="1106"/>
      <c r="BL735" s="1106"/>
      <c r="BM735" s="1106"/>
      <c r="BN735" s="1106"/>
      <c r="BO735" s="1106"/>
      <c r="BP735" s="1106"/>
      <c r="BQ735" s="1106"/>
      <c r="BR735" s="1106"/>
      <c r="BS735" s="1106"/>
      <c r="BT735" s="1106"/>
      <c r="BU735" s="1106"/>
      <c r="BV735" s="1106"/>
      <c r="BW735" s="1106"/>
      <c r="BX735" s="1106"/>
      <c r="BY735" s="1106"/>
      <c r="BZ735" s="1106"/>
      <c r="CA735" s="1106"/>
    </row>
    <row r="736" spans="3:79" ht="9" customHeight="1" x14ac:dyDescent="0.2">
      <c r="C736" s="1106"/>
      <c r="D736" s="1106"/>
      <c r="E736" s="1106"/>
      <c r="F736" s="1106"/>
      <c r="G736" s="1106"/>
      <c r="H736" s="1106"/>
      <c r="I736" s="1106"/>
      <c r="J736" s="1106"/>
      <c r="K736" s="1106"/>
      <c r="L736" s="1106"/>
      <c r="M736" s="1106"/>
      <c r="N736" s="1106"/>
      <c r="O736" s="1106"/>
      <c r="U736" s="1106"/>
      <c r="AB736" s="1106"/>
      <c r="AC736" s="1106"/>
      <c r="AD736" s="1106"/>
      <c r="AE736" s="1106"/>
      <c r="AF736" s="1106"/>
      <c r="AG736" s="1106"/>
      <c r="AH736" s="1106"/>
      <c r="AL736" s="1106"/>
      <c r="AT736" s="1106"/>
      <c r="AU736" s="1106"/>
      <c r="AV736" s="1106"/>
      <c r="AW736" s="1106"/>
      <c r="AX736" s="1106"/>
      <c r="AY736" s="1106"/>
      <c r="AZ736" s="1106"/>
      <c r="BA736" s="1106"/>
      <c r="BB736" s="1106"/>
      <c r="BC736" s="1106"/>
      <c r="BD736" s="1106"/>
      <c r="BE736" s="1106"/>
      <c r="BF736" s="1106"/>
      <c r="BG736" s="1106"/>
      <c r="BH736" s="1106"/>
      <c r="BI736" s="1106"/>
      <c r="BJ736" s="1106"/>
      <c r="BK736" s="1106"/>
      <c r="BL736" s="1106"/>
      <c r="BM736" s="1106"/>
      <c r="BN736" s="1106"/>
      <c r="BO736" s="1106"/>
      <c r="BP736" s="1106"/>
      <c r="BQ736" s="1106"/>
      <c r="BR736" s="1106"/>
      <c r="BS736" s="1106"/>
      <c r="BT736" s="1106"/>
      <c r="BU736" s="1106"/>
      <c r="BV736" s="1106"/>
      <c r="BW736" s="1106"/>
      <c r="BX736" s="1106"/>
      <c r="BY736" s="1106"/>
      <c r="BZ736" s="1106"/>
      <c r="CA736" s="1106"/>
    </row>
    <row r="737" spans="3:79" ht="9" customHeight="1" x14ac:dyDescent="0.2">
      <c r="C737" s="1106"/>
      <c r="D737" s="1106"/>
      <c r="E737" s="1106"/>
      <c r="F737" s="1106"/>
      <c r="G737" s="1106"/>
      <c r="H737" s="1106"/>
      <c r="I737" s="1106"/>
      <c r="J737" s="1106"/>
      <c r="K737" s="1106"/>
      <c r="L737" s="1106"/>
      <c r="M737" s="1106"/>
      <c r="N737" s="1106"/>
      <c r="O737" s="1106"/>
      <c r="U737" s="1106"/>
      <c r="AB737" s="1106"/>
      <c r="AC737" s="1106"/>
      <c r="AD737" s="1106"/>
      <c r="AE737" s="1106"/>
      <c r="AF737" s="1106"/>
      <c r="AG737" s="1106"/>
      <c r="AH737" s="1106"/>
      <c r="AL737" s="1106"/>
      <c r="AO737" s="1106"/>
      <c r="AP737" s="1106"/>
      <c r="AT737" s="1106"/>
      <c r="AU737" s="1106"/>
      <c r="AV737" s="1106"/>
      <c r="AW737" s="1106"/>
      <c r="AX737" s="1106"/>
      <c r="AY737" s="1106"/>
      <c r="AZ737" s="1106"/>
      <c r="BA737" s="1106"/>
      <c r="BB737" s="1106"/>
      <c r="BC737" s="1106"/>
      <c r="BD737" s="1106"/>
      <c r="BE737" s="1106"/>
      <c r="BF737" s="1106"/>
      <c r="BG737" s="1106"/>
      <c r="BH737" s="1106"/>
      <c r="BI737" s="1106"/>
      <c r="BJ737" s="1106"/>
      <c r="BK737" s="1106"/>
      <c r="BL737" s="1106"/>
      <c r="BM737" s="1106"/>
      <c r="BN737" s="1106"/>
      <c r="BO737" s="1106"/>
      <c r="BP737" s="1106"/>
      <c r="BQ737" s="1106"/>
      <c r="BR737" s="1106"/>
      <c r="BS737" s="1106"/>
      <c r="BT737" s="1106"/>
      <c r="BU737" s="1106"/>
      <c r="BV737" s="1106"/>
      <c r="BW737" s="1106"/>
      <c r="BX737" s="1106"/>
      <c r="BY737" s="1106"/>
      <c r="BZ737" s="1106"/>
      <c r="CA737" s="1106"/>
    </row>
    <row r="738" spans="3:79" ht="9" customHeight="1" x14ac:dyDescent="0.2">
      <c r="C738" s="1106"/>
      <c r="D738" s="1106"/>
      <c r="E738" s="1106"/>
      <c r="F738" s="1106"/>
      <c r="G738" s="1106"/>
      <c r="H738" s="1106"/>
      <c r="I738" s="1106"/>
      <c r="J738" s="1106"/>
      <c r="K738" s="1106"/>
      <c r="L738" s="1106"/>
      <c r="M738" s="1106"/>
      <c r="N738" s="1106"/>
      <c r="O738" s="1106"/>
      <c r="U738" s="1106"/>
      <c r="AB738" s="1106"/>
      <c r="AC738" s="1106"/>
      <c r="AD738" s="1106"/>
      <c r="AE738" s="1106"/>
      <c r="AF738" s="1106"/>
      <c r="AG738" s="1106"/>
      <c r="AH738" s="1106"/>
      <c r="AL738" s="1106"/>
      <c r="AT738" s="1106"/>
      <c r="AU738" s="1106"/>
      <c r="AV738" s="1106"/>
      <c r="AW738" s="1106"/>
      <c r="AX738" s="1106"/>
      <c r="AY738" s="1106"/>
      <c r="AZ738" s="1106"/>
      <c r="BA738" s="1106"/>
      <c r="BB738" s="1106"/>
      <c r="BC738" s="1106"/>
      <c r="BD738" s="1106"/>
      <c r="BE738" s="1106"/>
      <c r="BF738" s="1106"/>
      <c r="BG738" s="1106"/>
      <c r="BH738" s="1106"/>
      <c r="BI738" s="1106"/>
      <c r="BJ738" s="1106"/>
      <c r="BK738" s="1106"/>
      <c r="BL738" s="1106"/>
      <c r="BM738" s="1106"/>
      <c r="BN738" s="1106"/>
      <c r="BO738" s="1106"/>
      <c r="BP738" s="1106"/>
      <c r="BQ738" s="1106"/>
      <c r="BR738" s="1106"/>
      <c r="BS738" s="1106"/>
      <c r="BT738" s="1106"/>
      <c r="BU738" s="1106"/>
      <c r="BV738" s="1106"/>
      <c r="BW738" s="1106"/>
      <c r="BX738" s="1106"/>
      <c r="BY738" s="1106"/>
      <c r="BZ738" s="1106"/>
      <c r="CA738" s="1106"/>
    </row>
    <row r="739" spans="3:79" ht="9" customHeight="1" x14ac:dyDescent="0.2">
      <c r="C739" s="1106"/>
      <c r="D739" s="1106"/>
      <c r="E739" s="1106"/>
      <c r="F739" s="1106"/>
      <c r="G739" s="1106"/>
      <c r="H739" s="1106"/>
      <c r="I739" s="1106"/>
      <c r="J739" s="1106"/>
      <c r="K739" s="1106"/>
      <c r="L739" s="1106"/>
      <c r="M739" s="1106"/>
      <c r="N739" s="1106"/>
      <c r="O739" s="1106"/>
      <c r="AB739" s="1106"/>
      <c r="AC739" s="1106"/>
      <c r="AD739" s="1106"/>
      <c r="AE739" s="1106"/>
      <c r="AF739" s="1106"/>
      <c r="AG739" s="1106"/>
      <c r="AH739" s="1106"/>
      <c r="AL739" s="1106"/>
      <c r="AZ739" s="1106"/>
      <c r="BA739" s="1106"/>
      <c r="BB739" s="1106"/>
      <c r="BC739" s="1106"/>
      <c r="BD739" s="1106"/>
      <c r="BE739" s="1106"/>
      <c r="BF739" s="1106"/>
      <c r="BG739" s="1106"/>
      <c r="BH739" s="1106"/>
      <c r="BI739" s="1106"/>
      <c r="BJ739" s="1106"/>
      <c r="BK739" s="1106"/>
      <c r="BL739" s="1106"/>
      <c r="BM739" s="1106"/>
      <c r="BN739" s="1106"/>
      <c r="BO739" s="1106"/>
      <c r="BP739" s="1106"/>
      <c r="BQ739" s="1106"/>
      <c r="BR739" s="1106"/>
      <c r="BS739" s="1106"/>
      <c r="BT739" s="1106"/>
      <c r="BU739" s="1106"/>
      <c r="BV739" s="1106"/>
      <c r="BW739" s="1106"/>
      <c r="BX739" s="1106"/>
      <c r="BY739" s="1106"/>
      <c r="BZ739" s="1106"/>
      <c r="CA739" s="1106"/>
    </row>
    <row r="740" spans="3:79" ht="9" customHeight="1" x14ac:dyDescent="0.2">
      <c r="C740" s="1106"/>
      <c r="D740" s="1106"/>
      <c r="E740" s="1106"/>
      <c r="F740" s="1106"/>
      <c r="G740" s="1106"/>
      <c r="H740" s="1106"/>
      <c r="I740" s="1106"/>
      <c r="J740" s="1106"/>
      <c r="K740" s="1106"/>
      <c r="L740" s="1106"/>
      <c r="M740" s="1106"/>
      <c r="N740" s="1106"/>
      <c r="O740" s="1106"/>
      <c r="AB740" s="1106"/>
      <c r="AC740" s="1106"/>
      <c r="AD740" s="1106"/>
      <c r="AE740" s="1106"/>
      <c r="AF740" s="1106"/>
      <c r="AG740" s="1106"/>
      <c r="AH740" s="1106"/>
      <c r="AL740" s="1106"/>
      <c r="AZ740" s="1106"/>
      <c r="BA740" s="1106"/>
      <c r="BB740" s="1106"/>
      <c r="BC740" s="1106"/>
      <c r="BD740" s="1106"/>
      <c r="BE740" s="1106"/>
      <c r="BF740" s="1106"/>
      <c r="BG740" s="1106"/>
      <c r="BH740" s="1106"/>
      <c r="BI740" s="1106"/>
      <c r="BJ740" s="1106"/>
      <c r="BK740" s="1106"/>
      <c r="BL740" s="1106"/>
      <c r="BM740" s="1106"/>
      <c r="BN740" s="1106"/>
      <c r="BO740" s="1106"/>
      <c r="BP740" s="1106"/>
      <c r="BQ740" s="1106"/>
      <c r="BR740" s="1106"/>
      <c r="BS740" s="1106"/>
      <c r="BT740" s="1106"/>
      <c r="BU740" s="1106"/>
      <c r="BV740" s="1106"/>
      <c r="BW740" s="1106"/>
      <c r="BX740" s="1106"/>
      <c r="BY740" s="1106"/>
      <c r="BZ740" s="1106"/>
      <c r="CA740" s="1106"/>
    </row>
    <row r="741" spans="3:79" ht="9" customHeight="1" x14ac:dyDescent="0.2">
      <c r="C741" s="1106"/>
      <c r="D741" s="1106"/>
      <c r="E741" s="1106"/>
      <c r="F741" s="1106"/>
      <c r="G741" s="1106"/>
      <c r="H741" s="1106"/>
      <c r="I741" s="1106"/>
      <c r="J741" s="1106"/>
      <c r="K741" s="1106"/>
      <c r="L741" s="1106"/>
      <c r="M741" s="1106"/>
      <c r="N741" s="1106"/>
      <c r="O741" s="1106"/>
      <c r="AB741" s="1106"/>
      <c r="AC741" s="1106"/>
      <c r="AD741" s="1106"/>
      <c r="AE741" s="1106"/>
      <c r="AF741" s="1106"/>
      <c r="AG741" s="1106"/>
      <c r="AH741" s="1106"/>
      <c r="AL741" s="1106"/>
      <c r="AZ741" s="1106"/>
      <c r="BA741" s="1106"/>
      <c r="BB741" s="1106"/>
      <c r="BC741" s="1106"/>
      <c r="BD741" s="1106"/>
      <c r="BE741" s="1106"/>
      <c r="BF741" s="1106"/>
      <c r="BG741" s="1106"/>
      <c r="BH741" s="1106"/>
      <c r="BI741" s="1106"/>
      <c r="BJ741" s="1106"/>
      <c r="BK741" s="1106"/>
      <c r="BL741" s="1106"/>
      <c r="BM741" s="1106"/>
      <c r="BN741" s="1106"/>
      <c r="BO741" s="1106"/>
      <c r="BP741" s="1106"/>
      <c r="BQ741" s="1106"/>
      <c r="BR741" s="1106"/>
      <c r="BS741" s="1106"/>
      <c r="BT741" s="1106"/>
      <c r="BU741" s="1106"/>
      <c r="BV741" s="1106"/>
      <c r="BW741" s="1106"/>
      <c r="BX741" s="1106"/>
      <c r="BY741" s="1106"/>
      <c r="BZ741" s="1106"/>
      <c r="CA741" s="1106"/>
    </row>
    <row r="742" spans="3:79" ht="9" customHeight="1" x14ac:dyDescent="0.2">
      <c r="C742" s="1106"/>
      <c r="D742" s="1106"/>
      <c r="E742" s="1106"/>
      <c r="F742" s="1106"/>
      <c r="G742" s="1106"/>
      <c r="H742" s="1106"/>
      <c r="I742" s="1106"/>
      <c r="J742" s="1106"/>
      <c r="K742" s="1106"/>
      <c r="L742" s="1106"/>
      <c r="M742" s="1106"/>
      <c r="N742" s="1106"/>
      <c r="O742" s="1106"/>
      <c r="U742" s="1106"/>
      <c r="AB742" s="1106"/>
      <c r="AC742" s="1106"/>
      <c r="AD742" s="1106"/>
      <c r="AE742" s="1106"/>
      <c r="AF742" s="1106"/>
      <c r="AG742" s="1106"/>
      <c r="AH742" s="1106"/>
      <c r="AL742" s="1106"/>
      <c r="AT742" s="1106"/>
      <c r="AU742" s="1106"/>
      <c r="AV742" s="1106"/>
      <c r="AW742" s="1106"/>
      <c r="AX742" s="1106"/>
      <c r="AY742" s="1106"/>
      <c r="AZ742" s="1106"/>
      <c r="BA742" s="1106"/>
      <c r="BB742" s="1106"/>
      <c r="BC742" s="1106"/>
      <c r="BD742" s="1106"/>
      <c r="BE742" s="1106"/>
      <c r="BF742" s="1106"/>
      <c r="BG742" s="1106"/>
      <c r="BH742" s="1106"/>
      <c r="BI742" s="1106"/>
      <c r="BJ742" s="1106"/>
      <c r="BK742" s="1106"/>
      <c r="BL742" s="1106"/>
      <c r="BM742" s="1106"/>
      <c r="BN742" s="1106"/>
      <c r="BO742" s="1106"/>
      <c r="BP742" s="1106"/>
      <c r="BQ742" s="1106"/>
      <c r="BR742" s="1106"/>
      <c r="BS742" s="1106"/>
      <c r="BT742" s="1106"/>
      <c r="BU742" s="1106"/>
      <c r="BV742" s="1106"/>
      <c r="BW742" s="1106"/>
      <c r="BX742" s="1106"/>
      <c r="BY742" s="1106"/>
      <c r="BZ742" s="1106"/>
      <c r="CA742" s="1106"/>
    </row>
    <row r="743" spans="3:79" ht="9" customHeight="1" x14ac:dyDescent="0.2">
      <c r="C743" s="1106"/>
      <c r="D743" s="1106"/>
      <c r="E743" s="1106"/>
      <c r="F743" s="1106"/>
      <c r="G743" s="1106"/>
      <c r="H743" s="1106"/>
      <c r="I743" s="1106"/>
      <c r="J743" s="1106"/>
      <c r="K743" s="1106"/>
      <c r="L743" s="1106"/>
      <c r="M743" s="1106"/>
      <c r="N743" s="1106"/>
      <c r="O743" s="1106"/>
      <c r="U743" s="1106"/>
      <c r="AB743" s="1106"/>
      <c r="AC743" s="1106"/>
      <c r="AD743" s="1106"/>
      <c r="AE743" s="1106"/>
      <c r="AF743" s="1106"/>
      <c r="AG743" s="1106"/>
      <c r="AH743" s="1106"/>
      <c r="AL743" s="1106"/>
      <c r="AO743" s="1106"/>
      <c r="AP743" s="1106"/>
      <c r="AT743" s="1106"/>
      <c r="AU743" s="1106"/>
      <c r="AV743" s="1106"/>
      <c r="AW743" s="1106"/>
      <c r="AX743" s="1106"/>
      <c r="AY743" s="1106"/>
      <c r="AZ743" s="1106"/>
      <c r="BA743" s="1106"/>
      <c r="BB743" s="1106"/>
      <c r="BC743" s="1106"/>
      <c r="BD743" s="1106"/>
      <c r="BE743" s="1106"/>
      <c r="BF743" s="1106"/>
      <c r="BG743" s="1106"/>
      <c r="BH743" s="1106"/>
      <c r="BI743" s="1106"/>
      <c r="BJ743" s="1106"/>
      <c r="BK743" s="1106"/>
      <c r="BL743" s="1106"/>
      <c r="BM743" s="1106"/>
      <c r="BN743" s="1106"/>
      <c r="BO743" s="1106"/>
      <c r="BP743" s="1106"/>
      <c r="BQ743" s="1106"/>
      <c r="BR743" s="1106"/>
      <c r="BS743" s="1106"/>
      <c r="BT743" s="1106"/>
      <c r="BU743" s="1106"/>
      <c r="BV743" s="1106"/>
      <c r="BW743" s="1106"/>
      <c r="BX743" s="1106"/>
      <c r="BY743" s="1106"/>
      <c r="BZ743" s="1106"/>
      <c r="CA743" s="1106"/>
    </row>
    <row r="744" spans="3:79" ht="9" customHeight="1" x14ac:dyDescent="0.2">
      <c r="C744" s="1106"/>
      <c r="D744" s="1106"/>
      <c r="E744" s="1106"/>
      <c r="F744" s="1106"/>
      <c r="G744" s="1106"/>
      <c r="H744" s="1106"/>
      <c r="I744" s="1106"/>
      <c r="J744" s="1106"/>
      <c r="K744" s="1106"/>
      <c r="L744" s="1106"/>
      <c r="M744" s="1106"/>
      <c r="N744" s="1106"/>
      <c r="O744" s="1106"/>
      <c r="U744" s="1106"/>
      <c r="AB744" s="1106"/>
      <c r="AC744" s="1106"/>
      <c r="AD744" s="1106"/>
      <c r="AE744" s="1106"/>
      <c r="AF744" s="1106"/>
      <c r="AG744" s="1106"/>
      <c r="AH744" s="1106"/>
      <c r="AL744" s="1106"/>
      <c r="AT744" s="1106"/>
      <c r="AU744" s="1106"/>
      <c r="AV744" s="1106"/>
      <c r="AW744" s="1106"/>
      <c r="AX744" s="1106"/>
      <c r="AY744" s="1106"/>
      <c r="AZ744" s="1106"/>
      <c r="BA744" s="1106"/>
      <c r="BB744" s="1106"/>
      <c r="BC744" s="1106"/>
      <c r="BD744" s="1106"/>
      <c r="BE744" s="1106"/>
      <c r="BF744" s="1106"/>
      <c r="BG744" s="1106"/>
      <c r="BH744" s="1106"/>
      <c r="BI744" s="1106"/>
      <c r="BJ744" s="1106"/>
      <c r="BK744" s="1106"/>
      <c r="BL744" s="1106"/>
      <c r="BM744" s="1106"/>
      <c r="BN744" s="1106"/>
      <c r="BO744" s="1106"/>
      <c r="BP744" s="1106"/>
      <c r="BQ744" s="1106"/>
      <c r="BR744" s="1106"/>
      <c r="BS744" s="1106"/>
      <c r="BT744" s="1106"/>
      <c r="BU744" s="1106"/>
      <c r="BV744" s="1106"/>
      <c r="BW744" s="1106"/>
      <c r="BX744" s="1106"/>
      <c r="BY744" s="1106"/>
      <c r="BZ744" s="1106"/>
      <c r="CA744" s="1106"/>
    </row>
    <row r="745" spans="3:79" ht="9" customHeight="1" x14ac:dyDescent="0.2">
      <c r="C745" s="1106"/>
      <c r="D745" s="1106"/>
      <c r="E745" s="1106"/>
      <c r="F745" s="1106"/>
      <c r="G745" s="1106"/>
      <c r="H745" s="1106"/>
      <c r="I745" s="1106"/>
      <c r="J745" s="1106"/>
      <c r="K745" s="1106"/>
      <c r="L745" s="1106"/>
      <c r="M745" s="1106"/>
      <c r="N745" s="1106"/>
      <c r="O745" s="1106"/>
      <c r="AB745" s="1106"/>
      <c r="AC745" s="1106"/>
      <c r="AD745" s="1106"/>
      <c r="AE745" s="1106"/>
      <c r="AF745" s="1106"/>
      <c r="AG745" s="1106"/>
      <c r="AH745" s="1106"/>
      <c r="AL745" s="1106"/>
      <c r="AZ745" s="1106"/>
      <c r="BA745" s="1106"/>
      <c r="BB745" s="1106"/>
      <c r="BC745" s="1106"/>
      <c r="BD745" s="1106"/>
      <c r="BE745" s="1106"/>
      <c r="BF745" s="1106"/>
      <c r="BG745" s="1106"/>
      <c r="BH745" s="1106"/>
      <c r="BI745" s="1106"/>
      <c r="BJ745" s="1106"/>
      <c r="BK745" s="1106"/>
      <c r="BL745" s="1106"/>
      <c r="BM745" s="1106"/>
      <c r="BN745" s="1106"/>
      <c r="BO745" s="1106"/>
      <c r="BP745" s="1106"/>
      <c r="BQ745" s="1106"/>
      <c r="BR745" s="1106"/>
      <c r="BS745" s="1106"/>
      <c r="BT745" s="1106"/>
      <c r="BU745" s="1106"/>
      <c r="BV745" s="1106"/>
      <c r="BW745" s="1106"/>
      <c r="BX745" s="1106"/>
      <c r="BY745" s="1106"/>
      <c r="BZ745" s="1106"/>
      <c r="CA745" s="1106"/>
    </row>
    <row r="746" spans="3:79" ht="9" customHeight="1" x14ac:dyDescent="0.2">
      <c r="C746" s="1106"/>
      <c r="D746" s="1106"/>
      <c r="E746" s="1106"/>
      <c r="F746" s="1106"/>
      <c r="G746" s="1106"/>
      <c r="H746" s="1106"/>
      <c r="I746" s="1106"/>
      <c r="J746" s="1106"/>
      <c r="K746" s="1106"/>
      <c r="L746" s="1106"/>
      <c r="M746" s="1106"/>
      <c r="N746" s="1106"/>
      <c r="O746" s="1106"/>
      <c r="AB746" s="1106"/>
      <c r="AC746" s="1106"/>
      <c r="AD746" s="1106"/>
      <c r="AE746" s="1106"/>
      <c r="AF746" s="1106"/>
      <c r="AG746" s="1106"/>
      <c r="AH746" s="1106"/>
      <c r="AL746" s="1106"/>
      <c r="AZ746" s="1106"/>
      <c r="BA746" s="1106"/>
      <c r="BB746" s="1106"/>
      <c r="BC746" s="1106"/>
      <c r="BD746" s="1106"/>
      <c r="BE746" s="1106"/>
      <c r="BF746" s="1106"/>
      <c r="BG746" s="1106"/>
      <c r="BH746" s="1106"/>
      <c r="BI746" s="1106"/>
      <c r="BJ746" s="1106"/>
      <c r="BK746" s="1106"/>
      <c r="BL746" s="1106"/>
      <c r="BM746" s="1106"/>
      <c r="BN746" s="1106"/>
      <c r="BO746" s="1106"/>
      <c r="BP746" s="1106"/>
      <c r="BQ746" s="1106"/>
      <c r="BR746" s="1106"/>
      <c r="BS746" s="1106"/>
      <c r="BT746" s="1106"/>
      <c r="BU746" s="1106"/>
      <c r="BV746" s="1106"/>
      <c r="BW746" s="1106"/>
      <c r="BX746" s="1106"/>
      <c r="BY746" s="1106"/>
      <c r="BZ746" s="1106"/>
      <c r="CA746" s="1106"/>
    </row>
    <row r="747" spans="3:79" ht="9" customHeight="1" x14ac:dyDescent="0.2">
      <c r="C747" s="1106"/>
      <c r="D747" s="1106"/>
      <c r="E747" s="1106"/>
      <c r="F747" s="1106"/>
      <c r="G747" s="1106"/>
      <c r="H747" s="1106"/>
      <c r="I747" s="1106"/>
      <c r="J747" s="1106"/>
      <c r="K747" s="1106"/>
      <c r="L747" s="1106"/>
      <c r="M747" s="1106"/>
      <c r="N747" s="1106"/>
      <c r="O747" s="1106"/>
      <c r="AB747" s="1106"/>
      <c r="AC747" s="1106"/>
      <c r="AD747" s="1106"/>
      <c r="AE747" s="1106"/>
      <c r="AF747" s="1106"/>
      <c r="AG747" s="1106"/>
      <c r="AH747" s="1106"/>
      <c r="AL747" s="1106"/>
      <c r="AZ747" s="1106"/>
      <c r="BA747" s="1106"/>
      <c r="BB747" s="1106"/>
      <c r="BC747" s="1106"/>
      <c r="BD747" s="1106"/>
      <c r="BE747" s="1106"/>
      <c r="BF747" s="1106"/>
      <c r="BG747" s="1106"/>
      <c r="BH747" s="1106"/>
      <c r="BI747" s="1106"/>
      <c r="BJ747" s="1106"/>
      <c r="BK747" s="1106"/>
      <c r="BL747" s="1106"/>
      <c r="BM747" s="1106"/>
      <c r="BN747" s="1106"/>
      <c r="BO747" s="1106"/>
      <c r="BP747" s="1106"/>
      <c r="BQ747" s="1106"/>
      <c r="BR747" s="1106"/>
      <c r="BS747" s="1106"/>
      <c r="BT747" s="1106"/>
      <c r="BU747" s="1106"/>
      <c r="BV747" s="1106"/>
      <c r="BW747" s="1106"/>
      <c r="BX747" s="1106"/>
      <c r="BY747" s="1106"/>
      <c r="BZ747" s="1106"/>
      <c r="CA747" s="1106"/>
    </row>
    <row r="748" spans="3:79" ht="9" customHeight="1" x14ac:dyDescent="0.2">
      <c r="C748" s="1106"/>
      <c r="D748" s="1106"/>
      <c r="E748" s="1106"/>
      <c r="F748" s="1106"/>
      <c r="G748" s="1106"/>
      <c r="H748" s="1106"/>
      <c r="I748" s="1106"/>
      <c r="J748" s="1106"/>
      <c r="K748" s="1106"/>
      <c r="L748" s="1106"/>
      <c r="M748" s="1106"/>
      <c r="N748" s="1106"/>
      <c r="O748" s="1106"/>
      <c r="U748" s="1106"/>
      <c r="AB748" s="1106"/>
      <c r="AC748" s="1106"/>
      <c r="AD748" s="1106"/>
      <c r="AE748" s="1106"/>
      <c r="AF748" s="1106"/>
      <c r="AG748" s="1106"/>
      <c r="AH748" s="1106"/>
      <c r="AL748" s="1106"/>
      <c r="AT748" s="1106"/>
      <c r="AU748" s="1106"/>
      <c r="AV748" s="1106"/>
      <c r="AW748" s="1106"/>
      <c r="AX748" s="1106"/>
      <c r="AY748" s="1106"/>
      <c r="AZ748" s="1106"/>
      <c r="BA748" s="1106"/>
      <c r="BB748" s="1106"/>
      <c r="BC748" s="1106"/>
      <c r="BD748" s="1106"/>
      <c r="BE748" s="1106"/>
      <c r="BF748" s="1106"/>
      <c r="BG748" s="1106"/>
      <c r="BH748" s="1106"/>
      <c r="BI748" s="1106"/>
      <c r="BJ748" s="1106"/>
      <c r="BK748" s="1106"/>
      <c r="BL748" s="1106"/>
      <c r="BM748" s="1106"/>
      <c r="BN748" s="1106"/>
      <c r="BO748" s="1106"/>
      <c r="BP748" s="1106"/>
      <c r="BQ748" s="1106"/>
      <c r="BR748" s="1106"/>
      <c r="BS748" s="1106"/>
      <c r="BT748" s="1106"/>
      <c r="BU748" s="1106"/>
      <c r="BV748" s="1106"/>
      <c r="BW748" s="1106"/>
      <c r="BX748" s="1106"/>
      <c r="BY748" s="1106"/>
      <c r="BZ748" s="1106"/>
      <c r="CA748" s="1106"/>
    </row>
    <row r="749" spans="3:79" ht="9" customHeight="1" x14ac:dyDescent="0.2">
      <c r="C749" s="1106"/>
      <c r="D749" s="1106"/>
      <c r="E749" s="1106"/>
      <c r="F749" s="1106"/>
      <c r="G749" s="1106"/>
      <c r="H749" s="1106"/>
      <c r="I749" s="1106"/>
      <c r="J749" s="1106"/>
      <c r="K749" s="1106"/>
      <c r="L749" s="1106"/>
      <c r="M749" s="1106"/>
      <c r="N749" s="1106"/>
      <c r="O749" s="1106"/>
      <c r="U749" s="1106"/>
      <c r="AB749" s="1106"/>
      <c r="AC749" s="1106"/>
      <c r="AD749" s="1106"/>
      <c r="AE749" s="1106"/>
      <c r="AF749" s="1106"/>
      <c r="AG749" s="1106"/>
      <c r="AH749" s="1106"/>
      <c r="AL749" s="1106"/>
      <c r="AO749" s="1106"/>
      <c r="AP749" s="1106"/>
      <c r="AT749" s="1106"/>
      <c r="AU749" s="1106"/>
      <c r="AV749" s="1106"/>
      <c r="AW749" s="1106"/>
      <c r="AX749" s="1106"/>
      <c r="AY749" s="1106"/>
      <c r="AZ749" s="1106"/>
      <c r="BA749" s="1106"/>
      <c r="BB749" s="1106"/>
      <c r="BC749" s="1106"/>
      <c r="BD749" s="1106"/>
      <c r="BE749" s="1106"/>
      <c r="BF749" s="1106"/>
      <c r="BG749" s="1106"/>
      <c r="BH749" s="1106"/>
      <c r="BI749" s="1106"/>
      <c r="BJ749" s="1106"/>
      <c r="BK749" s="1106"/>
      <c r="BL749" s="1106"/>
      <c r="BM749" s="1106"/>
      <c r="BN749" s="1106"/>
      <c r="BO749" s="1106"/>
      <c r="BP749" s="1106"/>
      <c r="BQ749" s="1106"/>
      <c r="BR749" s="1106"/>
      <c r="BS749" s="1106"/>
      <c r="BT749" s="1106"/>
      <c r="BU749" s="1106"/>
      <c r="BV749" s="1106"/>
      <c r="BW749" s="1106"/>
      <c r="BX749" s="1106"/>
      <c r="BY749" s="1106"/>
      <c r="BZ749" s="1106"/>
      <c r="CA749" s="1106"/>
    </row>
    <row r="750" spans="3:79" ht="9" customHeight="1" x14ac:dyDescent="0.2">
      <c r="C750" s="1106"/>
      <c r="D750" s="1106"/>
      <c r="E750" s="1106"/>
      <c r="F750" s="1106"/>
      <c r="G750" s="1106"/>
      <c r="H750" s="1106"/>
      <c r="I750" s="1106"/>
      <c r="J750" s="1106"/>
      <c r="K750" s="1106"/>
      <c r="L750" s="1106"/>
      <c r="M750" s="1106"/>
      <c r="N750" s="1106"/>
      <c r="O750" s="1106"/>
      <c r="U750" s="1106"/>
      <c r="AB750" s="1106"/>
      <c r="AC750" s="1106"/>
      <c r="AD750" s="1106"/>
      <c r="AE750" s="1106"/>
      <c r="AF750" s="1106"/>
      <c r="AG750" s="1106"/>
      <c r="AH750" s="1106"/>
      <c r="AL750" s="1106"/>
      <c r="AT750" s="1106"/>
      <c r="AU750" s="1106"/>
      <c r="AV750" s="1106"/>
      <c r="AW750" s="1106"/>
      <c r="AX750" s="1106"/>
      <c r="AY750" s="1106"/>
      <c r="AZ750" s="1106"/>
      <c r="BA750" s="1106"/>
      <c r="BB750" s="1106"/>
      <c r="BC750" s="1106"/>
      <c r="BD750" s="1106"/>
      <c r="BE750" s="1106"/>
      <c r="BF750" s="1106"/>
      <c r="BG750" s="1106"/>
      <c r="BH750" s="1106"/>
      <c r="BI750" s="1106"/>
      <c r="BJ750" s="1106"/>
      <c r="BK750" s="1106"/>
      <c r="BL750" s="1106"/>
      <c r="BM750" s="1106"/>
      <c r="BN750" s="1106"/>
      <c r="BO750" s="1106"/>
      <c r="BP750" s="1106"/>
      <c r="BQ750" s="1106"/>
      <c r="BR750" s="1106"/>
      <c r="BS750" s="1106"/>
      <c r="BT750" s="1106"/>
      <c r="BU750" s="1106"/>
      <c r="BV750" s="1106"/>
      <c r="BW750" s="1106"/>
      <c r="BX750" s="1106"/>
      <c r="BY750" s="1106"/>
      <c r="BZ750" s="1106"/>
      <c r="CA750" s="1106"/>
    </row>
    <row r="751" spans="3:79" ht="9" customHeight="1" x14ac:dyDescent="0.2">
      <c r="C751" s="1106"/>
      <c r="D751" s="1106"/>
      <c r="E751" s="1106"/>
      <c r="F751" s="1106"/>
      <c r="G751" s="1106"/>
      <c r="H751" s="1106"/>
      <c r="I751" s="1106"/>
      <c r="J751" s="1106"/>
      <c r="K751" s="1106"/>
      <c r="L751" s="1106"/>
      <c r="M751" s="1106"/>
      <c r="N751" s="1106"/>
      <c r="O751" s="1106"/>
      <c r="AB751" s="1106"/>
      <c r="AC751" s="1106"/>
      <c r="AD751" s="1106"/>
      <c r="AE751" s="1106"/>
      <c r="AF751" s="1106"/>
      <c r="AG751" s="1106"/>
      <c r="AH751" s="1106"/>
      <c r="AL751" s="1106"/>
      <c r="AZ751" s="1106"/>
      <c r="BA751" s="1106"/>
      <c r="BB751" s="1106"/>
      <c r="BC751" s="1106"/>
      <c r="BD751" s="1106"/>
      <c r="BE751" s="1106"/>
      <c r="BF751" s="1106"/>
      <c r="BG751" s="1106"/>
      <c r="BH751" s="1106"/>
      <c r="BI751" s="1106"/>
      <c r="BJ751" s="1106"/>
      <c r="BK751" s="1106"/>
      <c r="BL751" s="1106"/>
      <c r="BM751" s="1106"/>
      <c r="BN751" s="1106"/>
      <c r="BO751" s="1106"/>
      <c r="BP751" s="1106"/>
      <c r="BQ751" s="1106"/>
      <c r="BR751" s="1106"/>
      <c r="BS751" s="1106"/>
      <c r="BT751" s="1106"/>
      <c r="BU751" s="1106"/>
      <c r="BV751" s="1106"/>
      <c r="BW751" s="1106"/>
      <c r="BX751" s="1106"/>
      <c r="BY751" s="1106"/>
      <c r="BZ751" s="1106"/>
      <c r="CA751" s="1106"/>
    </row>
    <row r="752" spans="3:79" ht="9" customHeight="1" x14ac:dyDescent="0.2">
      <c r="C752" s="1106"/>
      <c r="D752" s="1106"/>
      <c r="E752" s="1106"/>
      <c r="F752" s="1106"/>
      <c r="G752" s="1106"/>
      <c r="H752" s="1106"/>
      <c r="I752" s="1106"/>
      <c r="J752" s="1106"/>
      <c r="K752" s="1106"/>
      <c r="L752" s="1106"/>
      <c r="M752" s="1106"/>
      <c r="N752" s="1106"/>
      <c r="O752" s="1106"/>
      <c r="AB752" s="1106"/>
      <c r="AC752" s="1106"/>
      <c r="AD752" s="1106"/>
      <c r="AE752" s="1106"/>
      <c r="AF752" s="1106"/>
      <c r="AG752" s="1106"/>
      <c r="AH752" s="1106"/>
      <c r="AL752" s="1106"/>
      <c r="AZ752" s="1106"/>
      <c r="BA752" s="1106"/>
      <c r="BB752" s="1106"/>
      <c r="BC752" s="1106"/>
      <c r="BD752" s="1106"/>
      <c r="BE752" s="1106"/>
      <c r="BF752" s="1106"/>
      <c r="BG752" s="1106"/>
      <c r="BH752" s="1106"/>
      <c r="BI752" s="1106"/>
      <c r="BJ752" s="1106"/>
      <c r="BK752" s="1106"/>
      <c r="BL752" s="1106"/>
      <c r="BM752" s="1106"/>
      <c r="BN752" s="1106"/>
      <c r="BO752" s="1106"/>
      <c r="BP752" s="1106"/>
      <c r="BQ752" s="1106"/>
      <c r="BR752" s="1106"/>
      <c r="BS752" s="1106"/>
      <c r="BT752" s="1106"/>
      <c r="BU752" s="1106"/>
      <c r="BV752" s="1106"/>
      <c r="BW752" s="1106"/>
      <c r="BX752" s="1106"/>
      <c r="BY752" s="1106"/>
      <c r="BZ752" s="1106"/>
      <c r="CA752" s="1106"/>
    </row>
    <row r="753" spans="3:79" ht="9" customHeight="1" x14ac:dyDescent="0.2">
      <c r="C753" s="1106"/>
      <c r="D753" s="1106"/>
      <c r="E753" s="1106"/>
      <c r="F753" s="1106"/>
      <c r="G753" s="1106"/>
      <c r="H753" s="1106"/>
      <c r="I753" s="1106"/>
      <c r="J753" s="1106"/>
      <c r="K753" s="1106"/>
      <c r="L753" s="1106"/>
      <c r="M753" s="1106"/>
      <c r="N753" s="1106"/>
      <c r="O753" s="1106"/>
      <c r="AB753" s="1106"/>
      <c r="AC753" s="1106"/>
      <c r="AD753" s="1106"/>
      <c r="AE753" s="1106"/>
      <c r="AF753" s="1106"/>
      <c r="AG753" s="1106"/>
      <c r="AH753" s="1106"/>
      <c r="AL753" s="1106"/>
      <c r="AZ753" s="1106"/>
      <c r="BA753" s="1106"/>
      <c r="BB753" s="1106"/>
      <c r="BC753" s="1106"/>
      <c r="BD753" s="1106"/>
      <c r="BE753" s="1106"/>
      <c r="BF753" s="1106"/>
      <c r="BG753" s="1106"/>
      <c r="BH753" s="1106"/>
      <c r="BI753" s="1106"/>
      <c r="BJ753" s="1106"/>
      <c r="BK753" s="1106"/>
      <c r="BL753" s="1106"/>
      <c r="BM753" s="1106"/>
      <c r="BN753" s="1106"/>
      <c r="BO753" s="1106"/>
      <c r="BP753" s="1106"/>
      <c r="BQ753" s="1106"/>
      <c r="BR753" s="1106"/>
      <c r="BS753" s="1106"/>
      <c r="BT753" s="1106"/>
      <c r="BU753" s="1106"/>
      <c r="BV753" s="1106"/>
      <c r="BW753" s="1106"/>
      <c r="BX753" s="1106"/>
      <c r="BY753" s="1106"/>
      <c r="BZ753" s="1106"/>
      <c r="CA753" s="1106"/>
    </row>
    <row r="754" spans="3:79" ht="9" customHeight="1" x14ac:dyDescent="0.2">
      <c r="C754" s="1106"/>
      <c r="D754" s="1106"/>
      <c r="E754" s="1106"/>
      <c r="F754" s="1106"/>
      <c r="G754" s="1106"/>
      <c r="H754" s="1106"/>
      <c r="I754" s="1106"/>
      <c r="J754" s="1106"/>
      <c r="K754" s="1106"/>
      <c r="L754" s="1106"/>
      <c r="M754" s="1106"/>
      <c r="N754" s="1106"/>
      <c r="O754" s="1106"/>
      <c r="U754" s="1106"/>
      <c r="AB754" s="1106"/>
      <c r="AC754" s="1106"/>
      <c r="AD754" s="1106"/>
      <c r="AE754" s="1106"/>
      <c r="AF754" s="1106"/>
      <c r="AG754" s="1106"/>
      <c r="AH754" s="1106"/>
      <c r="AL754" s="1106"/>
      <c r="AT754" s="1106"/>
      <c r="AU754" s="1106"/>
      <c r="AV754" s="1106"/>
      <c r="AW754" s="1106"/>
      <c r="AX754" s="1106"/>
      <c r="AY754" s="1106"/>
      <c r="AZ754" s="1106"/>
      <c r="BA754" s="1106"/>
      <c r="BB754" s="1106"/>
      <c r="BC754" s="1106"/>
      <c r="BD754" s="1106"/>
      <c r="BE754" s="1106"/>
      <c r="BF754" s="1106"/>
      <c r="BG754" s="1106"/>
      <c r="BH754" s="1106"/>
      <c r="BI754" s="1106"/>
      <c r="BJ754" s="1106"/>
      <c r="BK754" s="1106"/>
      <c r="BL754" s="1106"/>
      <c r="BM754" s="1106"/>
      <c r="BN754" s="1106"/>
      <c r="BO754" s="1106"/>
      <c r="BP754" s="1106"/>
      <c r="BQ754" s="1106"/>
      <c r="BR754" s="1106"/>
      <c r="BS754" s="1106"/>
      <c r="BT754" s="1106"/>
      <c r="BU754" s="1106"/>
      <c r="BV754" s="1106"/>
      <c r="BW754" s="1106"/>
      <c r="BX754" s="1106"/>
      <c r="BY754" s="1106"/>
      <c r="BZ754" s="1106"/>
      <c r="CA754" s="1106"/>
    </row>
    <row r="755" spans="3:79" ht="9" customHeight="1" x14ac:dyDescent="0.2">
      <c r="C755" s="1106"/>
      <c r="D755" s="1106"/>
      <c r="E755" s="1106"/>
      <c r="F755" s="1106"/>
      <c r="G755" s="1106"/>
      <c r="H755" s="1106"/>
      <c r="I755" s="1106"/>
      <c r="J755" s="1106"/>
      <c r="K755" s="1106"/>
      <c r="L755" s="1106"/>
      <c r="M755" s="1106"/>
      <c r="N755" s="1106"/>
      <c r="O755" s="1106"/>
      <c r="U755" s="1106"/>
      <c r="AB755" s="1106"/>
      <c r="AC755" s="1106"/>
      <c r="AD755" s="1106"/>
      <c r="AE755" s="1106"/>
      <c r="AF755" s="1106"/>
      <c r="AG755" s="1106"/>
      <c r="AH755" s="1106"/>
      <c r="AL755" s="1106"/>
      <c r="AO755" s="1106"/>
      <c r="AP755" s="1106"/>
      <c r="AT755" s="1106"/>
      <c r="AU755" s="1106"/>
      <c r="AV755" s="1106"/>
      <c r="AW755" s="1106"/>
      <c r="AX755" s="1106"/>
      <c r="AY755" s="1106"/>
      <c r="AZ755" s="1106"/>
      <c r="BA755" s="1106"/>
      <c r="BB755" s="1106"/>
      <c r="BC755" s="1106"/>
      <c r="BD755" s="1106"/>
      <c r="BE755" s="1106"/>
      <c r="BF755" s="1106"/>
      <c r="BG755" s="1106"/>
      <c r="BH755" s="1106"/>
      <c r="BI755" s="1106"/>
      <c r="BJ755" s="1106"/>
      <c r="BK755" s="1106"/>
      <c r="BL755" s="1106"/>
      <c r="BM755" s="1106"/>
      <c r="BN755" s="1106"/>
      <c r="BO755" s="1106"/>
      <c r="BP755" s="1106"/>
      <c r="BQ755" s="1106"/>
      <c r="BR755" s="1106"/>
      <c r="BS755" s="1106"/>
      <c r="BT755" s="1106"/>
      <c r="BU755" s="1106"/>
      <c r="BV755" s="1106"/>
      <c r="BW755" s="1106"/>
      <c r="BX755" s="1106"/>
      <c r="BY755" s="1106"/>
      <c r="BZ755" s="1106"/>
      <c r="CA755" s="1106"/>
    </row>
    <row r="756" spans="3:79" ht="9" customHeight="1" x14ac:dyDescent="0.2">
      <c r="C756" s="1106"/>
      <c r="D756" s="1106"/>
      <c r="E756" s="1106"/>
      <c r="F756" s="1106"/>
      <c r="G756" s="1106"/>
      <c r="H756" s="1106"/>
      <c r="I756" s="1106"/>
      <c r="J756" s="1106"/>
      <c r="K756" s="1106"/>
      <c r="L756" s="1106"/>
      <c r="M756" s="1106"/>
      <c r="N756" s="1106"/>
      <c r="O756" s="1106"/>
      <c r="U756" s="1106"/>
      <c r="AB756" s="1106"/>
      <c r="AC756" s="1106"/>
      <c r="AD756" s="1106"/>
      <c r="AE756" s="1106"/>
      <c r="AF756" s="1106"/>
      <c r="AG756" s="1106"/>
      <c r="AH756" s="1106"/>
      <c r="AL756" s="1106"/>
      <c r="AT756" s="1106"/>
      <c r="AU756" s="1106"/>
      <c r="AV756" s="1106"/>
      <c r="AW756" s="1106"/>
      <c r="AX756" s="1106"/>
      <c r="AY756" s="1106"/>
      <c r="AZ756" s="1106"/>
      <c r="BA756" s="1106"/>
      <c r="BB756" s="1106"/>
      <c r="BC756" s="1106"/>
      <c r="BD756" s="1106"/>
      <c r="BE756" s="1106"/>
      <c r="BF756" s="1106"/>
      <c r="BG756" s="1106"/>
      <c r="BH756" s="1106"/>
      <c r="BI756" s="1106"/>
      <c r="BJ756" s="1106"/>
      <c r="BK756" s="1106"/>
      <c r="BL756" s="1106"/>
      <c r="BM756" s="1106"/>
      <c r="BN756" s="1106"/>
      <c r="BO756" s="1106"/>
      <c r="BP756" s="1106"/>
      <c r="BQ756" s="1106"/>
      <c r="BR756" s="1106"/>
      <c r="BS756" s="1106"/>
      <c r="BT756" s="1106"/>
      <c r="BU756" s="1106"/>
      <c r="BV756" s="1106"/>
      <c r="BW756" s="1106"/>
      <c r="BX756" s="1106"/>
      <c r="BY756" s="1106"/>
      <c r="BZ756" s="1106"/>
      <c r="CA756" s="1106"/>
    </row>
    <row r="757" spans="3:79" ht="9" customHeight="1" x14ac:dyDescent="0.2">
      <c r="C757" s="1106"/>
      <c r="D757" s="1106"/>
      <c r="E757" s="1106"/>
      <c r="F757" s="1106"/>
      <c r="G757" s="1106"/>
      <c r="H757" s="1106"/>
      <c r="I757" s="1106"/>
      <c r="J757" s="1106"/>
      <c r="K757" s="1106"/>
      <c r="L757" s="1106"/>
      <c r="M757" s="1106"/>
      <c r="N757" s="1106"/>
      <c r="O757" s="1106"/>
      <c r="AB757" s="1106"/>
      <c r="AC757" s="1106"/>
      <c r="AD757" s="1106"/>
      <c r="AE757" s="1106"/>
      <c r="AF757" s="1106"/>
      <c r="AG757" s="1106"/>
      <c r="AH757" s="1106"/>
      <c r="AL757" s="1106"/>
      <c r="AZ757" s="1106"/>
      <c r="BA757" s="1106"/>
      <c r="BB757" s="1106"/>
      <c r="BC757" s="1106"/>
      <c r="BD757" s="1106"/>
      <c r="BE757" s="1106"/>
      <c r="BF757" s="1106"/>
      <c r="BG757" s="1106"/>
      <c r="BH757" s="1106"/>
      <c r="BI757" s="1106"/>
      <c r="BJ757" s="1106"/>
      <c r="BK757" s="1106"/>
      <c r="BL757" s="1106"/>
      <c r="BM757" s="1106"/>
      <c r="BN757" s="1106"/>
      <c r="BO757" s="1106"/>
      <c r="BP757" s="1106"/>
      <c r="BQ757" s="1106"/>
      <c r="BR757" s="1106"/>
      <c r="BS757" s="1106"/>
      <c r="BT757" s="1106"/>
      <c r="BU757" s="1106"/>
      <c r="BV757" s="1106"/>
      <c r="BW757" s="1106"/>
      <c r="BX757" s="1106"/>
      <c r="BY757" s="1106"/>
      <c r="BZ757" s="1106"/>
      <c r="CA757" s="1106"/>
    </row>
    <row r="758" spans="3:79" ht="9" customHeight="1" x14ac:dyDescent="0.2">
      <c r="C758" s="1106"/>
      <c r="D758" s="1106"/>
      <c r="E758" s="1106"/>
      <c r="F758" s="1106"/>
      <c r="G758" s="1106"/>
      <c r="H758" s="1106"/>
      <c r="I758" s="1106"/>
      <c r="J758" s="1106"/>
      <c r="K758" s="1106"/>
      <c r="L758" s="1106"/>
      <c r="M758" s="1106"/>
      <c r="N758" s="1106"/>
      <c r="O758" s="1106"/>
      <c r="AB758" s="1106"/>
      <c r="AC758" s="1106"/>
      <c r="AD758" s="1106"/>
      <c r="AE758" s="1106"/>
      <c r="AF758" s="1106"/>
      <c r="AG758" s="1106"/>
      <c r="AH758" s="1106"/>
      <c r="AL758" s="1106"/>
      <c r="AZ758" s="1106"/>
      <c r="BA758" s="1106"/>
      <c r="BB758" s="1106"/>
      <c r="BC758" s="1106"/>
      <c r="BD758" s="1106"/>
      <c r="BE758" s="1106"/>
      <c r="BF758" s="1106"/>
      <c r="BG758" s="1106"/>
      <c r="BH758" s="1106"/>
      <c r="BI758" s="1106"/>
      <c r="BJ758" s="1106"/>
      <c r="BK758" s="1106"/>
      <c r="BL758" s="1106"/>
      <c r="BM758" s="1106"/>
      <c r="BN758" s="1106"/>
      <c r="BO758" s="1106"/>
      <c r="BP758" s="1106"/>
      <c r="BQ758" s="1106"/>
      <c r="BR758" s="1106"/>
      <c r="BS758" s="1106"/>
      <c r="BT758" s="1106"/>
      <c r="BU758" s="1106"/>
      <c r="BV758" s="1106"/>
      <c r="BW758" s="1106"/>
      <c r="BX758" s="1106"/>
      <c r="BY758" s="1106"/>
      <c r="BZ758" s="1106"/>
      <c r="CA758" s="1106"/>
    </row>
    <row r="759" spans="3:79" ht="9" customHeight="1" x14ac:dyDescent="0.2">
      <c r="C759" s="1106"/>
      <c r="D759" s="1106"/>
      <c r="E759" s="1106"/>
      <c r="F759" s="1106"/>
      <c r="G759" s="1106"/>
      <c r="H759" s="1106"/>
      <c r="I759" s="1106"/>
      <c r="J759" s="1106"/>
      <c r="K759" s="1106"/>
      <c r="L759" s="1106"/>
      <c r="M759" s="1106"/>
      <c r="N759" s="1106"/>
      <c r="O759" s="1106"/>
      <c r="AB759" s="1106"/>
      <c r="AC759" s="1106"/>
      <c r="AD759" s="1106"/>
      <c r="AE759" s="1106"/>
      <c r="AF759" s="1106"/>
      <c r="AG759" s="1106"/>
      <c r="AH759" s="1106"/>
      <c r="AL759" s="1106"/>
      <c r="AZ759" s="1106"/>
      <c r="BA759" s="1106"/>
      <c r="BB759" s="1106"/>
      <c r="BC759" s="1106"/>
      <c r="BD759" s="1106"/>
      <c r="BE759" s="1106"/>
      <c r="BF759" s="1106"/>
      <c r="BG759" s="1106"/>
      <c r="BH759" s="1106"/>
      <c r="BI759" s="1106"/>
      <c r="BJ759" s="1106"/>
      <c r="BK759" s="1106"/>
      <c r="BL759" s="1106"/>
      <c r="BM759" s="1106"/>
      <c r="BN759" s="1106"/>
      <c r="BO759" s="1106"/>
      <c r="BP759" s="1106"/>
      <c r="BQ759" s="1106"/>
      <c r="BR759" s="1106"/>
      <c r="BS759" s="1106"/>
      <c r="BT759" s="1106"/>
      <c r="BU759" s="1106"/>
      <c r="BV759" s="1106"/>
      <c r="BW759" s="1106"/>
      <c r="BX759" s="1106"/>
      <c r="BY759" s="1106"/>
      <c r="BZ759" s="1106"/>
      <c r="CA759" s="1106"/>
    </row>
    <row r="760" spans="3:79" ht="9" customHeight="1" x14ac:dyDescent="0.2">
      <c r="C760" s="1106"/>
      <c r="D760" s="1106"/>
      <c r="E760" s="1106"/>
      <c r="F760" s="1106"/>
      <c r="G760" s="1106"/>
      <c r="H760" s="1106"/>
      <c r="I760" s="1106"/>
      <c r="J760" s="1106"/>
      <c r="K760" s="1106"/>
      <c r="L760" s="1106"/>
      <c r="M760" s="1106"/>
      <c r="N760" s="1106"/>
      <c r="O760" s="1106"/>
      <c r="U760" s="1106"/>
      <c r="AB760" s="1106"/>
      <c r="AC760" s="1106"/>
      <c r="AD760" s="1106"/>
      <c r="AE760" s="1106"/>
      <c r="AF760" s="1106"/>
      <c r="AG760" s="1106"/>
      <c r="AH760" s="1106"/>
      <c r="AL760" s="1106"/>
      <c r="AT760" s="1106"/>
      <c r="AU760" s="1106"/>
      <c r="AV760" s="1106"/>
      <c r="AW760" s="1106"/>
      <c r="AX760" s="1106"/>
      <c r="AY760" s="1106"/>
      <c r="AZ760" s="1106"/>
      <c r="BA760" s="1106"/>
      <c r="BB760" s="1106"/>
      <c r="BC760" s="1106"/>
      <c r="BD760" s="1106"/>
      <c r="BE760" s="1106"/>
      <c r="BF760" s="1106"/>
      <c r="BG760" s="1106"/>
      <c r="BH760" s="1106"/>
      <c r="BI760" s="1106"/>
      <c r="BJ760" s="1106"/>
      <c r="BK760" s="1106"/>
      <c r="BL760" s="1106"/>
      <c r="BM760" s="1106"/>
      <c r="BN760" s="1106"/>
      <c r="BO760" s="1106"/>
      <c r="BP760" s="1106"/>
      <c r="BQ760" s="1106"/>
      <c r="BR760" s="1106"/>
      <c r="BS760" s="1106"/>
      <c r="BT760" s="1106"/>
      <c r="BU760" s="1106"/>
      <c r="BV760" s="1106"/>
      <c r="BW760" s="1106"/>
      <c r="BX760" s="1106"/>
      <c r="BY760" s="1106"/>
      <c r="BZ760" s="1106"/>
      <c r="CA760" s="1106"/>
    </row>
    <row r="761" spans="3:79" ht="9" customHeight="1" x14ac:dyDescent="0.2">
      <c r="C761" s="1106"/>
      <c r="D761" s="1106"/>
      <c r="E761" s="1106"/>
      <c r="F761" s="1106"/>
      <c r="G761" s="1106"/>
      <c r="H761" s="1106"/>
      <c r="I761" s="1106"/>
      <c r="J761" s="1106"/>
      <c r="K761" s="1106"/>
      <c r="L761" s="1106"/>
      <c r="M761" s="1106"/>
      <c r="N761" s="1106"/>
      <c r="O761" s="1106"/>
      <c r="U761" s="1106"/>
      <c r="AB761" s="1106"/>
      <c r="AC761" s="1106"/>
      <c r="AD761" s="1106"/>
      <c r="AE761" s="1106"/>
      <c r="AF761" s="1106"/>
      <c r="AG761" s="1106"/>
      <c r="AH761" s="1106"/>
      <c r="AL761" s="1106"/>
      <c r="AO761" s="1106"/>
      <c r="AP761" s="1106"/>
      <c r="AT761" s="1106"/>
      <c r="AU761" s="1106"/>
      <c r="AV761" s="1106"/>
      <c r="AW761" s="1106"/>
      <c r="AX761" s="1106"/>
      <c r="AY761" s="1106"/>
      <c r="AZ761" s="1106"/>
      <c r="BA761" s="1106"/>
      <c r="BB761" s="1106"/>
      <c r="BC761" s="1106"/>
      <c r="BD761" s="1106"/>
      <c r="BE761" s="1106"/>
      <c r="BF761" s="1106"/>
      <c r="BG761" s="1106"/>
      <c r="BH761" s="1106"/>
      <c r="BI761" s="1106"/>
      <c r="BJ761" s="1106"/>
      <c r="BK761" s="1106"/>
      <c r="BL761" s="1106"/>
      <c r="BM761" s="1106"/>
      <c r="BN761" s="1106"/>
      <c r="BO761" s="1106"/>
      <c r="BP761" s="1106"/>
      <c r="BQ761" s="1106"/>
      <c r="BR761" s="1106"/>
      <c r="BS761" s="1106"/>
      <c r="BT761" s="1106"/>
      <c r="BU761" s="1106"/>
      <c r="BV761" s="1106"/>
      <c r="BW761" s="1106"/>
      <c r="BX761" s="1106"/>
      <c r="BY761" s="1106"/>
      <c r="BZ761" s="1106"/>
      <c r="CA761" s="1106"/>
    </row>
    <row r="762" spans="3:79" ht="9" customHeight="1" x14ac:dyDescent="0.2">
      <c r="C762" s="1106"/>
      <c r="D762" s="1106"/>
      <c r="E762" s="1106"/>
      <c r="F762" s="1106"/>
      <c r="G762" s="1106"/>
      <c r="H762" s="1106"/>
      <c r="I762" s="1106"/>
      <c r="J762" s="1106"/>
      <c r="K762" s="1106"/>
      <c r="L762" s="1106"/>
      <c r="M762" s="1106"/>
      <c r="N762" s="1106"/>
      <c r="O762" s="1106"/>
      <c r="U762" s="1106"/>
      <c r="AB762" s="1106"/>
      <c r="AC762" s="1106"/>
      <c r="AD762" s="1106"/>
      <c r="AE762" s="1106"/>
      <c r="AF762" s="1106"/>
      <c r="AG762" s="1106"/>
      <c r="AH762" s="1106"/>
      <c r="AL762" s="1106"/>
      <c r="AT762" s="1106"/>
      <c r="AU762" s="1106"/>
      <c r="AV762" s="1106"/>
      <c r="AW762" s="1106"/>
      <c r="AX762" s="1106"/>
      <c r="AY762" s="1106"/>
      <c r="AZ762" s="1106"/>
      <c r="BA762" s="1106"/>
      <c r="BB762" s="1106"/>
      <c r="BC762" s="1106"/>
      <c r="BD762" s="1106"/>
      <c r="BE762" s="1106"/>
      <c r="BF762" s="1106"/>
      <c r="BG762" s="1106"/>
      <c r="BH762" s="1106"/>
      <c r="BI762" s="1106"/>
      <c r="BJ762" s="1106"/>
      <c r="BK762" s="1106"/>
      <c r="BL762" s="1106"/>
      <c r="BM762" s="1106"/>
      <c r="BN762" s="1106"/>
      <c r="BO762" s="1106"/>
      <c r="BP762" s="1106"/>
      <c r="BQ762" s="1106"/>
      <c r="BR762" s="1106"/>
      <c r="BS762" s="1106"/>
      <c r="BT762" s="1106"/>
      <c r="BU762" s="1106"/>
      <c r="BV762" s="1106"/>
      <c r="BW762" s="1106"/>
      <c r="BX762" s="1106"/>
      <c r="BY762" s="1106"/>
      <c r="BZ762" s="1106"/>
      <c r="CA762" s="1106"/>
    </row>
    <row r="763" spans="3:79" ht="9" customHeight="1" x14ac:dyDescent="0.2">
      <c r="C763" s="1106"/>
      <c r="D763" s="1106"/>
      <c r="E763" s="1106"/>
      <c r="F763" s="1106"/>
      <c r="G763" s="1106"/>
      <c r="H763" s="1106"/>
      <c r="I763" s="1106"/>
      <c r="J763" s="1106"/>
      <c r="K763" s="1106"/>
      <c r="L763" s="1106"/>
      <c r="M763" s="1106"/>
      <c r="N763" s="1106"/>
      <c r="O763" s="1106"/>
      <c r="AB763" s="1106"/>
      <c r="AC763" s="1106"/>
      <c r="AD763" s="1106"/>
      <c r="AE763" s="1106"/>
      <c r="AF763" s="1106"/>
      <c r="AG763" s="1106"/>
      <c r="AH763" s="1106"/>
      <c r="AL763" s="1106"/>
      <c r="AZ763" s="1106"/>
      <c r="BA763" s="1106"/>
      <c r="BB763" s="1106"/>
      <c r="BC763" s="1106"/>
      <c r="BD763" s="1106"/>
      <c r="BE763" s="1106"/>
      <c r="BF763" s="1106"/>
      <c r="BG763" s="1106"/>
      <c r="BH763" s="1106"/>
      <c r="BI763" s="1106"/>
      <c r="BJ763" s="1106"/>
      <c r="BK763" s="1106"/>
      <c r="BL763" s="1106"/>
      <c r="BM763" s="1106"/>
      <c r="BN763" s="1106"/>
      <c r="BO763" s="1106"/>
      <c r="BP763" s="1106"/>
      <c r="BQ763" s="1106"/>
      <c r="BR763" s="1106"/>
      <c r="BS763" s="1106"/>
      <c r="BT763" s="1106"/>
      <c r="BU763" s="1106"/>
      <c r="BV763" s="1106"/>
      <c r="BW763" s="1106"/>
      <c r="BX763" s="1106"/>
      <c r="BY763" s="1106"/>
      <c r="BZ763" s="1106"/>
      <c r="CA763" s="1106"/>
    </row>
    <row r="764" spans="3:79" ht="9" customHeight="1" x14ac:dyDescent="0.2">
      <c r="C764" s="1106"/>
      <c r="D764" s="1106"/>
      <c r="E764" s="1106"/>
      <c r="F764" s="1106"/>
      <c r="G764" s="1106"/>
      <c r="H764" s="1106"/>
      <c r="I764" s="1106"/>
      <c r="J764" s="1106"/>
      <c r="K764" s="1106"/>
      <c r="L764" s="1106"/>
      <c r="M764" s="1106"/>
      <c r="N764" s="1106"/>
      <c r="O764" s="1106"/>
      <c r="AB764" s="1106"/>
      <c r="AC764" s="1106"/>
      <c r="AD764" s="1106"/>
      <c r="AE764" s="1106"/>
      <c r="AF764" s="1106"/>
      <c r="AG764" s="1106"/>
      <c r="AH764" s="1106"/>
      <c r="AL764" s="1106"/>
      <c r="AZ764" s="1106"/>
      <c r="BA764" s="1106"/>
      <c r="BB764" s="1106"/>
      <c r="BC764" s="1106"/>
      <c r="BD764" s="1106"/>
      <c r="BE764" s="1106"/>
      <c r="BF764" s="1106"/>
      <c r="BG764" s="1106"/>
      <c r="BH764" s="1106"/>
      <c r="BI764" s="1106"/>
      <c r="BJ764" s="1106"/>
      <c r="BK764" s="1106"/>
      <c r="BL764" s="1106"/>
      <c r="BM764" s="1106"/>
      <c r="BN764" s="1106"/>
      <c r="BO764" s="1106"/>
      <c r="BP764" s="1106"/>
      <c r="BQ764" s="1106"/>
      <c r="BR764" s="1106"/>
      <c r="BS764" s="1106"/>
      <c r="BT764" s="1106"/>
      <c r="BU764" s="1106"/>
      <c r="BV764" s="1106"/>
      <c r="BW764" s="1106"/>
      <c r="BX764" s="1106"/>
      <c r="BY764" s="1106"/>
      <c r="BZ764" s="1106"/>
      <c r="CA764" s="1106"/>
    </row>
    <row r="765" spans="3:79" ht="9" customHeight="1" x14ac:dyDescent="0.2">
      <c r="C765" s="1106"/>
      <c r="D765" s="1106"/>
      <c r="E765" s="1106"/>
      <c r="F765" s="1106"/>
      <c r="G765" s="1106"/>
      <c r="H765" s="1106"/>
      <c r="I765" s="1106"/>
      <c r="J765" s="1106"/>
      <c r="K765" s="1106"/>
      <c r="L765" s="1106"/>
      <c r="M765" s="1106"/>
      <c r="N765" s="1106"/>
      <c r="O765" s="1106"/>
      <c r="AB765" s="1106"/>
      <c r="AC765" s="1106"/>
      <c r="AD765" s="1106"/>
      <c r="AE765" s="1106"/>
      <c r="AF765" s="1106"/>
      <c r="AG765" s="1106"/>
      <c r="AH765" s="1106"/>
      <c r="AL765" s="1106"/>
      <c r="AZ765" s="1106"/>
      <c r="BA765" s="1106"/>
      <c r="BB765" s="1106"/>
      <c r="BC765" s="1106"/>
      <c r="BD765" s="1106"/>
      <c r="BE765" s="1106"/>
      <c r="BF765" s="1106"/>
      <c r="BG765" s="1106"/>
      <c r="BH765" s="1106"/>
      <c r="BI765" s="1106"/>
      <c r="BJ765" s="1106"/>
      <c r="BK765" s="1106"/>
      <c r="BL765" s="1106"/>
      <c r="BM765" s="1106"/>
      <c r="BN765" s="1106"/>
      <c r="BO765" s="1106"/>
      <c r="BP765" s="1106"/>
      <c r="BQ765" s="1106"/>
      <c r="BR765" s="1106"/>
      <c r="BS765" s="1106"/>
      <c r="BT765" s="1106"/>
      <c r="BU765" s="1106"/>
      <c r="BV765" s="1106"/>
      <c r="BW765" s="1106"/>
      <c r="BX765" s="1106"/>
      <c r="BY765" s="1106"/>
      <c r="BZ765" s="1106"/>
      <c r="CA765" s="1106"/>
    </row>
    <row r="766" spans="3:79" ht="9" customHeight="1" x14ac:dyDescent="0.2">
      <c r="C766" s="1106"/>
      <c r="D766" s="1106"/>
      <c r="E766" s="1106"/>
      <c r="F766" s="1106"/>
      <c r="G766" s="1106"/>
      <c r="H766" s="1106"/>
      <c r="I766" s="1106"/>
      <c r="J766" s="1106"/>
      <c r="K766" s="1106"/>
      <c r="L766" s="1106"/>
      <c r="M766" s="1106"/>
      <c r="N766" s="1106"/>
      <c r="O766" s="1106"/>
      <c r="U766" s="1106"/>
      <c r="AB766" s="1106"/>
      <c r="AC766" s="1106"/>
      <c r="AD766" s="1106"/>
      <c r="AE766" s="1106"/>
      <c r="AF766" s="1106"/>
      <c r="AG766" s="1106"/>
      <c r="AH766" s="1106"/>
      <c r="AL766" s="1106"/>
      <c r="AT766" s="1106"/>
      <c r="AU766" s="1106"/>
      <c r="AV766" s="1106"/>
      <c r="AW766" s="1106"/>
      <c r="AX766" s="1106"/>
      <c r="AY766" s="1106"/>
      <c r="AZ766" s="1106"/>
      <c r="BA766" s="1106"/>
      <c r="BB766" s="1106"/>
      <c r="BC766" s="1106"/>
      <c r="BD766" s="1106"/>
      <c r="BE766" s="1106"/>
      <c r="BF766" s="1106"/>
      <c r="BG766" s="1106"/>
      <c r="BH766" s="1106"/>
      <c r="BI766" s="1106"/>
      <c r="BJ766" s="1106"/>
      <c r="BK766" s="1106"/>
      <c r="BL766" s="1106"/>
      <c r="BM766" s="1106"/>
      <c r="BN766" s="1106"/>
      <c r="BO766" s="1106"/>
      <c r="BP766" s="1106"/>
      <c r="BQ766" s="1106"/>
      <c r="BR766" s="1106"/>
      <c r="BS766" s="1106"/>
      <c r="BT766" s="1106"/>
      <c r="BU766" s="1106"/>
      <c r="BV766" s="1106"/>
      <c r="BW766" s="1106"/>
      <c r="BX766" s="1106"/>
      <c r="BY766" s="1106"/>
      <c r="BZ766" s="1106"/>
      <c r="CA766" s="1106"/>
    </row>
    <row r="767" spans="3:79" ht="9" customHeight="1" x14ac:dyDescent="0.2">
      <c r="C767" s="1106"/>
      <c r="D767" s="1106"/>
      <c r="E767" s="1106"/>
      <c r="F767" s="1106"/>
      <c r="G767" s="1106"/>
      <c r="H767" s="1106"/>
      <c r="I767" s="1106"/>
      <c r="J767" s="1106"/>
      <c r="K767" s="1106"/>
      <c r="L767" s="1106"/>
      <c r="M767" s="1106"/>
      <c r="N767" s="1106"/>
      <c r="O767" s="1106"/>
      <c r="U767" s="1106"/>
      <c r="AB767" s="1106"/>
      <c r="AC767" s="1106"/>
      <c r="AD767" s="1106"/>
      <c r="AE767" s="1106"/>
      <c r="AF767" s="1106"/>
      <c r="AG767" s="1106"/>
      <c r="AH767" s="1106"/>
      <c r="AL767" s="1106"/>
      <c r="AO767" s="1106"/>
      <c r="AP767" s="1106"/>
      <c r="AT767" s="1106"/>
      <c r="AU767" s="1106"/>
      <c r="AV767" s="1106"/>
      <c r="AW767" s="1106"/>
      <c r="AX767" s="1106"/>
      <c r="AY767" s="1106"/>
      <c r="AZ767" s="1106"/>
      <c r="BA767" s="1106"/>
      <c r="BB767" s="1106"/>
      <c r="BC767" s="1106"/>
      <c r="BD767" s="1106"/>
      <c r="BE767" s="1106"/>
      <c r="BF767" s="1106"/>
      <c r="BG767" s="1106"/>
      <c r="BH767" s="1106"/>
      <c r="BI767" s="1106"/>
      <c r="BJ767" s="1106"/>
      <c r="BK767" s="1106"/>
      <c r="BL767" s="1106"/>
      <c r="BM767" s="1106"/>
      <c r="BN767" s="1106"/>
      <c r="BO767" s="1106"/>
      <c r="BP767" s="1106"/>
      <c r="BQ767" s="1106"/>
      <c r="BR767" s="1106"/>
      <c r="BS767" s="1106"/>
      <c r="BT767" s="1106"/>
      <c r="BU767" s="1106"/>
      <c r="BV767" s="1106"/>
      <c r="BW767" s="1106"/>
      <c r="BX767" s="1106"/>
      <c r="BY767" s="1106"/>
      <c r="BZ767" s="1106"/>
      <c r="CA767" s="1106"/>
    </row>
    <row r="768" spans="3:79" ht="9" customHeight="1" x14ac:dyDescent="0.2">
      <c r="C768" s="1106"/>
      <c r="D768" s="1106"/>
      <c r="E768" s="1106"/>
      <c r="F768" s="1106"/>
      <c r="G768" s="1106"/>
      <c r="H768" s="1106"/>
      <c r="I768" s="1106"/>
      <c r="J768" s="1106"/>
      <c r="K768" s="1106"/>
      <c r="L768" s="1106"/>
      <c r="M768" s="1106"/>
      <c r="N768" s="1106"/>
      <c r="O768" s="1106"/>
      <c r="U768" s="1106"/>
      <c r="AB768" s="1106"/>
      <c r="AC768" s="1106"/>
      <c r="AD768" s="1106"/>
      <c r="AE768" s="1106"/>
      <c r="AF768" s="1106"/>
      <c r="AG768" s="1106"/>
      <c r="AH768" s="1106"/>
      <c r="AL768" s="1106"/>
      <c r="AT768" s="1106"/>
      <c r="AU768" s="1106"/>
      <c r="AV768" s="1106"/>
      <c r="AW768" s="1106"/>
      <c r="AX768" s="1106"/>
      <c r="AY768" s="1106"/>
      <c r="AZ768" s="1106"/>
      <c r="BA768" s="1106"/>
      <c r="BB768" s="1106"/>
      <c r="BC768" s="1106"/>
      <c r="BD768" s="1106"/>
      <c r="BE768" s="1106"/>
      <c r="BF768" s="1106"/>
      <c r="BG768" s="1106"/>
      <c r="BH768" s="1106"/>
      <c r="BI768" s="1106"/>
      <c r="BJ768" s="1106"/>
      <c r="BK768" s="1106"/>
      <c r="BL768" s="1106"/>
      <c r="BM768" s="1106"/>
      <c r="BN768" s="1106"/>
      <c r="BO768" s="1106"/>
      <c r="BP768" s="1106"/>
      <c r="BQ768" s="1106"/>
      <c r="BR768" s="1106"/>
      <c r="BS768" s="1106"/>
      <c r="BT768" s="1106"/>
      <c r="BU768" s="1106"/>
      <c r="BV768" s="1106"/>
      <c r="BW768" s="1106"/>
      <c r="BX768" s="1106"/>
      <c r="BY768" s="1106"/>
      <c r="BZ768" s="1106"/>
      <c r="CA768" s="1106"/>
    </row>
    <row r="769" spans="3:79" ht="9" customHeight="1" x14ac:dyDescent="0.2">
      <c r="C769" s="1106"/>
      <c r="D769" s="1106"/>
      <c r="E769" s="1106"/>
      <c r="F769" s="1106"/>
      <c r="G769" s="1106"/>
      <c r="H769" s="1106"/>
      <c r="I769" s="1106"/>
      <c r="J769" s="1106"/>
      <c r="K769" s="1106"/>
      <c r="L769" s="1106"/>
      <c r="M769" s="1106"/>
      <c r="N769" s="1106"/>
      <c r="O769" s="1106"/>
      <c r="AB769" s="1106"/>
      <c r="AC769" s="1106"/>
      <c r="AD769" s="1106"/>
      <c r="AE769" s="1106"/>
      <c r="AF769" s="1106"/>
      <c r="AG769" s="1106"/>
      <c r="AH769" s="1106"/>
      <c r="AL769" s="1106"/>
      <c r="AZ769" s="1106"/>
      <c r="BA769" s="1106"/>
      <c r="BB769" s="1106"/>
      <c r="BC769" s="1106"/>
      <c r="BD769" s="1106"/>
      <c r="BE769" s="1106"/>
      <c r="BF769" s="1106"/>
      <c r="BG769" s="1106"/>
      <c r="BH769" s="1106"/>
      <c r="BI769" s="1106"/>
      <c r="BJ769" s="1106"/>
      <c r="BK769" s="1106"/>
      <c r="BL769" s="1106"/>
      <c r="BM769" s="1106"/>
      <c r="BN769" s="1106"/>
      <c r="BO769" s="1106"/>
      <c r="BP769" s="1106"/>
      <c r="BQ769" s="1106"/>
      <c r="BR769" s="1106"/>
      <c r="BS769" s="1106"/>
      <c r="BT769" s="1106"/>
      <c r="BU769" s="1106"/>
      <c r="BV769" s="1106"/>
      <c r="BW769" s="1106"/>
      <c r="BX769" s="1106"/>
      <c r="BY769" s="1106"/>
      <c r="BZ769" s="1106"/>
      <c r="CA769" s="1106"/>
    </row>
    <row r="770" spans="3:79" ht="9" customHeight="1" x14ac:dyDescent="0.2">
      <c r="C770" s="1106"/>
      <c r="D770" s="1106"/>
      <c r="E770" s="1106"/>
      <c r="F770" s="1106"/>
      <c r="G770" s="1106"/>
      <c r="H770" s="1106"/>
      <c r="I770" s="1106"/>
      <c r="J770" s="1106"/>
      <c r="K770" s="1106"/>
      <c r="L770" s="1106"/>
      <c r="M770" s="1106"/>
      <c r="N770" s="1106"/>
      <c r="O770" s="1106"/>
      <c r="AB770" s="1106"/>
      <c r="AC770" s="1106"/>
      <c r="AD770" s="1106"/>
      <c r="AE770" s="1106"/>
      <c r="AF770" s="1106"/>
      <c r="AG770" s="1106"/>
      <c r="AH770" s="1106"/>
      <c r="AL770" s="1106"/>
      <c r="AZ770" s="1106"/>
      <c r="BA770" s="1106"/>
      <c r="BB770" s="1106"/>
      <c r="BC770" s="1106"/>
      <c r="BD770" s="1106"/>
      <c r="BE770" s="1106"/>
      <c r="BF770" s="1106"/>
      <c r="BG770" s="1106"/>
      <c r="BH770" s="1106"/>
      <c r="BI770" s="1106"/>
      <c r="BJ770" s="1106"/>
      <c r="BK770" s="1106"/>
      <c r="BL770" s="1106"/>
      <c r="BM770" s="1106"/>
      <c r="BN770" s="1106"/>
      <c r="BO770" s="1106"/>
      <c r="BP770" s="1106"/>
      <c r="BQ770" s="1106"/>
      <c r="BR770" s="1106"/>
      <c r="BS770" s="1106"/>
      <c r="BT770" s="1106"/>
      <c r="BU770" s="1106"/>
      <c r="BV770" s="1106"/>
      <c r="BW770" s="1106"/>
      <c r="BX770" s="1106"/>
      <c r="BY770" s="1106"/>
      <c r="BZ770" s="1106"/>
      <c r="CA770" s="1106"/>
    </row>
    <row r="771" spans="3:79" ht="9" customHeight="1" x14ac:dyDescent="0.2">
      <c r="C771" s="1106"/>
      <c r="D771" s="1106"/>
      <c r="E771" s="1106"/>
      <c r="F771" s="1106"/>
      <c r="G771" s="1106"/>
      <c r="H771" s="1106"/>
      <c r="I771" s="1106"/>
      <c r="J771" s="1106"/>
      <c r="K771" s="1106"/>
      <c r="L771" s="1106"/>
      <c r="M771" s="1106"/>
      <c r="N771" s="1106"/>
      <c r="O771" s="1106"/>
      <c r="AB771" s="1106"/>
      <c r="AC771" s="1106"/>
      <c r="AD771" s="1106"/>
      <c r="AE771" s="1106"/>
      <c r="AF771" s="1106"/>
      <c r="AG771" s="1106"/>
      <c r="AH771" s="1106"/>
      <c r="AL771" s="1106"/>
      <c r="AZ771" s="1106"/>
      <c r="BA771" s="1106"/>
      <c r="BB771" s="1106"/>
      <c r="BC771" s="1106"/>
      <c r="BD771" s="1106"/>
      <c r="BE771" s="1106"/>
      <c r="BF771" s="1106"/>
      <c r="BG771" s="1106"/>
      <c r="BH771" s="1106"/>
      <c r="BI771" s="1106"/>
      <c r="BJ771" s="1106"/>
      <c r="BK771" s="1106"/>
      <c r="BL771" s="1106"/>
      <c r="BM771" s="1106"/>
      <c r="BN771" s="1106"/>
      <c r="BO771" s="1106"/>
      <c r="BP771" s="1106"/>
      <c r="BQ771" s="1106"/>
      <c r="BR771" s="1106"/>
      <c r="BS771" s="1106"/>
      <c r="BT771" s="1106"/>
      <c r="BU771" s="1106"/>
      <c r="BV771" s="1106"/>
      <c r="BW771" s="1106"/>
      <c r="BX771" s="1106"/>
      <c r="BY771" s="1106"/>
      <c r="BZ771" s="1106"/>
      <c r="CA771" s="1106"/>
    </row>
    <row r="772" spans="3:79" ht="9" customHeight="1" x14ac:dyDescent="0.2">
      <c r="C772" s="1106"/>
      <c r="D772" s="1106"/>
      <c r="E772" s="1106"/>
      <c r="F772" s="1106"/>
      <c r="G772" s="1106"/>
      <c r="H772" s="1106"/>
      <c r="I772" s="1106"/>
      <c r="J772" s="1106"/>
      <c r="K772" s="1106"/>
      <c r="L772" s="1106"/>
      <c r="M772" s="1106"/>
      <c r="N772" s="1106"/>
      <c r="O772" s="1106"/>
      <c r="U772" s="1106"/>
      <c r="AB772" s="1106"/>
      <c r="AC772" s="1106"/>
      <c r="AD772" s="1106"/>
      <c r="AE772" s="1106"/>
      <c r="AF772" s="1106"/>
      <c r="AG772" s="1106"/>
      <c r="AH772" s="1106"/>
      <c r="AL772" s="1106"/>
      <c r="AT772" s="1106"/>
      <c r="AU772" s="1106"/>
      <c r="AV772" s="1106"/>
      <c r="AW772" s="1106"/>
      <c r="AX772" s="1106"/>
      <c r="AY772" s="1106"/>
      <c r="AZ772" s="1106"/>
      <c r="BA772" s="1106"/>
      <c r="BB772" s="1106"/>
      <c r="BC772" s="1106"/>
      <c r="BD772" s="1106"/>
      <c r="BE772" s="1106"/>
      <c r="BF772" s="1106"/>
      <c r="BG772" s="1106"/>
      <c r="BH772" s="1106"/>
      <c r="BI772" s="1106"/>
      <c r="BJ772" s="1106"/>
      <c r="BK772" s="1106"/>
      <c r="BL772" s="1106"/>
      <c r="BM772" s="1106"/>
      <c r="BN772" s="1106"/>
      <c r="BO772" s="1106"/>
      <c r="BP772" s="1106"/>
      <c r="BQ772" s="1106"/>
      <c r="BR772" s="1106"/>
      <c r="BS772" s="1106"/>
      <c r="BT772" s="1106"/>
      <c r="BU772" s="1106"/>
      <c r="BV772" s="1106"/>
      <c r="BW772" s="1106"/>
      <c r="BX772" s="1106"/>
      <c r="BY772" s="1106"/>
      <c r="BZ772" s="1106"/>
      <c r="CA772" s="1106"/>
    </row>
    <row r="773" spans="3:79" ht="9" customHeight="1" x14ac:dyDescent="0.2">
      <c r="C773" s="1106"/>
      <c r="D773" s="1106"/>
      <c r="E773" s="1106"/>
      <c r="F773" s="1106"/>
      <c r="G773" s="1106"/>
      <c r="H773" s="1106"/>
      <c r="I773" s="1106"/>
      <c r="J773" s="1106"/>
      <c r="K773" s="1106"/>
      <c r="L773" s="1106"/>
      <c r="M773" s="1106"/>
      <c r="N773" s="1106"/>
      <c r="O773" s="1106"/>
      <c r="U773" s="1106"/>
      <c r="AB773" s="1106"/>
      <c r="AC773" s="1106"/>
      <c r="AD773" s="1106"/>
      <c r="AE773" s="1106"/>
      <c r="AF773" s="1106"/>
      <c r="AG773" s="1106"/>
      <c r="AH773" s="1106"/>
      <c r="AL773" s="1106"/>
      <c r="AO773" s="1106"/>
      <c r="AP773" s="1106"/>
      <c r="AT773" s="1106"/>
      <c r="AU773" s="1106"/>
      <c r="AV773" s="1106"/>
      <c r="AW773" s="1106"/>
      <c r="AX773" s="1106"/>
      <c r="AY773" s="1106"/>
      <c r="AZ773" s="1106"/>
      <c r="BA773" s="1106"/>
      <c r="BB773" s="1106"/>
      <c r="BC773" s="1106"/>
      <c r="BD773" s="1106"/>
      <c r="BE773" s="1106"/>
      <c r="BF773" s="1106"/>
      <c r="BG773" s="1106"/>
      <c r="BH773" s="1106"/>
      <c r="BI773" s="1106"/>
      <c r="BJ773" s="1106"/>
      <c r="BK773" s="1106"/>
      <c r="BL773" s="1106"/>
      <c r="BM773" s="1106"/>
      <c r="BN773" s="1106"/>
      <c r="BO773" s="1106"/>
      <c r="BP773" s="1106"/>
      <c r="BQ773" s="1106"/>
      <c r="BR773" s="1106"/>
      <c r="BS773" s="1106"/>
      <c r="BT773" s="1106"/>
      <c r="BU773" s="1106"/>
      <c r="BV773" s="1106"/>
      <c r="BW773" s="1106"/>
      <c r="BX773" s="1106"/>
      <c r="BY773" s="1106"/>
      <c r="BZ773" s="1106"/>
      <c r="CA773" s="1106"/>
    </row>
    <row r="774" spans="3:79" ht="9" customHeight="1" x14ac:dyDescent="0.2">
      <c r="C774" s="1106"/>
      <c r="D774" s="1106"/>
      <c r="E774" s="1106"/>
      <c r="F774" s="1106"/>
      <c r="G774" s="1106"/>
      <c r="H774" s="1106"/>
      <c r="I774" s="1106"/>
      <c r="J774" s="1106"/>
      <c r="K774" s="1106"/>
      <c r="L774" s="1106"/>
      <c r="M774" s="1106"/>
      <c r="N774" s="1106"/>
      <c r="O774" s="1106"/>
      <c r="U774" s="1106"/>
      <c r="AB774" s="1106"/>
      <c r="AC774" s="1106"/>
      <c r="AD774" s="1106"/>
      <c r="AE774" s="1106"/>
      <c r="AF774" s="1106"/>
      <c r="AG774" s="1106"/>
      <c r="AH774" s="1106"/>
      <c r="AL774" s="1106"/>
      <c r="AT774" s="1106"/>
      <c r="AU774" s="1106"/>
      <c r="AV774" s="1106"/>
      <c r="AW774" s="1106"/>
      <c r="AX774" s="1106"/>
      <c r="AY774" s="1106"/>
      <c r="AZ774" s="1106"/>
      <c r="BA774" s="1106"/>
      <c r="BB774" s="1106"/>
      <c r="BC774" s="1106"/>
      <c r="BD774" s="1106"/>
      <c r="BE774" s="1106"/>
      <c r="BF774" s="1106"/>
      <c r="BG774" s="1106"/>
      <c r="BH774" s="1106"/>
      <c r="BI774" s="1106"/>
      <c r="BJ774" s="1106"/>
      <c r="BK774" s="1106"/>
      <c r="BL774" s="1106"/>
      <c r="BM774" s="1106"/>
      <c r="BN774" s="1106"/>
      <c r="BO774" s="1106"/>
      <c r="BP774" s="1106"/>
      <c r="BQ774" s="1106"/>
      <c r="BR774" s="1106"/>
      <c r="BS774" s="1106"/>
      <c r="BT774" s="1106"/>
      <c r="BU774" s="1106"/>
      <c r="BV774" s="1106"/>
      <c r="BW774" s="1106"/>
      <c r="BX774" s="1106"/>
      <c r="BY774" s="1106"/>
      <c r="BZ774" s="1106"/>
      <c r="CA774" s="1106"/>
    </row>
    <row r="775" spans="3:79" ht="9" customHeight="1" x14ac:dyDescent="0.2">
      <c r="C775" s="1106"/>
      <c r="D775" s="1106"/>
      <c r="E775" s="1106"/>
      <c r="F775" s="1106"/>
      <c r="G775" s="1106"/>
      <c r="H775" s="1106"/>
      <c r="I775" s="1106"/>
      <c r="J775" s="1106"/>
      <c r="K775" s="1106"/>
      <c r="L775" s="1106"/>
      <c r="M775" s="1106"/>
      <c r="N775" s="1106"/>
      <c r="O775" s="1106"/>
      <c r="AB775" s="1106"/>
      <c r="AC775" s="1106"/>
      <c r="AD775" s="1106"/>
      <c r="AE775" s="1106"/>
      <c r="AF775" s="1106"/>
      <c r="AG775" s="1106"/>
      <c r="AH775" s="1106"/>
      <c r="AL775" s="1106"/>
      <c r="AZ775" s="1106"/>
      <c r="BA775" s="1106"/>
      <c r="BB775" s="1106"/>
      <c r="BC775" s="1106"/>
      <c r="BD775" s="1106"/>
      <c r="BE775" s="1106"/>
      <c r="BF775" s="1106"/>
      <c r="BG775" s="1106"/>
      <c r="BH775" s="1106"/>
      <c r="BI775" s="1106"/>
      <c r="BJ775" s="1106"/>
      <c r="BK775" s="1106"/>
      <c r="BL775" s="1106"/>
      <c r="BM775" s="1106"/>
      <c r="BN775" s="1106"/>
      <c r="BO775" s="1106"/>
      <c r="BP775" s="1106"/>
      <c r="BQ775" s="1106"/>
      <c r="BR775" s="1106"/>
      <c r="BS775" s="1106"/>
      <c r="BT775" s="1106"/>
      <c r="BU775" s="1106"/>
      <c r="BV775" s="1106"/>
      <c r="BW775" s="1106"/>
      <c r="BX775" s="1106"/>
      <c r="BY775" s="1106"/>
      <c r="BZ775" s="1106"/>
      <c r="CA775" s="1106"/>
    </row>
    <row r="776" spans="3:79" ht="9" customHeight="1" x14ac:dyDescent="0.2">
      <c r="C776" s="1106"/>
      <c r="D776" s="1106"/>
      <c r="E776" s="1106"/>
      <c r="F776" s="1106"/>
      <c r="G776" s="1106"/>
      <c r="H776" s="1106"/>
      <c r="I776" s="1106"/>
      <c r="J776" s="1106"/>
      <c r="K776" s="1106"/>
      <c r="L776" s="1106"/>
      <c r="M776" s="1106"/>
      <c r="N776" s="1106"/>
      <c r="O776" s="1106"/>
      <c r="AB776" s="1106"/>
      <c r="AC776" s="1106"/>
      <c r="AD776" s="1106"/>
      <c r="AE776" s="1106"/>
      <c r="AF776" s="1106"/>
      <c r="AG776" s="1106"/>
      <c r="AH776" s="1106"/>
      <c r="AL776" s="1106"/>
      <c r="AZ776" s="1106"/>
      <c r="BA776" s="1106"/>
      <c r="BB776" s="1106"/>
      <c r="BC776" s="1106"/>
      <c r="BD776" s="1106"/>
      <c r="BE776" s="1106"/>
      <c r="BF776" s="1106"/>
      <c r="BG776" s="1106"/>
      <c r="BH776" s="1106"/>
      <c r="BI776" s="1106"/>
      <c r="BJ776" s="1106"/>
      <c r="BK776" s="1106"/>
      <c r="BL776" s="1106"/>
      <c r="BM776" s="1106"/>
      <c r="BN776" s="1106"/>
      <c r="BO776" s="1106"/>
      <c r="BP776" s="1106"/>
      <c r="BQ776" s="1106"/>
      <c r="BR776" s="1106"/>
      <c r="BS776" s="1106"/>
      <c r="BT776" s="1106"/>
      <c r="BU776" s="1106"/>
      <c r="BV776" s="1106"/>
      <c r="BW776" s="1106"/>
      <c r="BX776" s="1106"/>
      <c r="BY776" s="1106"/>
      <c r="BZ776" s="1106"/>
      <c r="CA776" s="1106"/>
    </row>
    <row r="777" spans="3:79" ht="9" customHeight="1" x14ac:dyDescent="0.2">
      <c r="C777" s="1106"/>
      <c r="D777" s="1106"/>
      <c r="E777" s="1106"/>
      <c r="F777" s="1106"/>
      <c r="G777" s="1106"/>
      <c r="H777" s="1106"/>
      <c r="I777" s="1106"/>
      <c r="J777" s="1106"/>
      <c r="K777" s="1106"/>
      <c r="L777" s="1106"/>
      <c r="M777" s="1106"/>
      <c r="N777" s="1106"/>
      <c r="O777" s="1106"/>
      <c r="AB777" s="1106"/>
      <c r="AC777" s="1106"/>
      <c r="AD777" s="1106"/>
      <c r="AE777" s="1106"/>
      <c r="AF777" s="1106"/>
      <c r="AG777" s="1106"/>
      <c r="AH777" s="1106"/>
      <c r="AL777" s="1106"/>
      <c r="AZ777" s="1106"/>
      <c r="BA777" s="1106"/>
      <c r="BB777" s="1106"/>
      <c r="BC777" s="1106"/>
      <c r="BD777" s="1106"/>
      <c r="BE777" s="1106"/>
      <c r="BF777" s="1106"/>
      <c r="BG777" s="1106"/>
      <c r="BH777" s="1106"/>
      <c r="BI777" s="1106"/>
      <c r="BJ777" s="1106"/>
      <c r="BK777" s="1106"/>
      <c r="BL777" s="1106"/>
      <c r="BM777" s="1106"/>
      <c r="BN777" s="1106"/>
      <c r="BO777" s="1106"/>
      <c r="BP777" s="1106"/>
      <c r="BQ777" s="1106"/>
      <c r="BR777" s="1106"/>
      <c r="BS777" s="1106"/>
      <c r="BT777" s="1106"/>
      <c r="BU777" s="1106"/>
      <c r="BV777" s="1106"/>
      <c r="BW777" s="1106"/>
      <c r="BX777" s="1106"/>
      <c r="BY777" s="1106"/>
      <c r="BZ777" s="1106"/>
      <c r="CA777" s="1106"/>
    </row>
    <row r="778" spans="3:79" ht="9" customHeight="1" x14ac:dyDescent="0.2">
      <c r="C778" s="1106"/>
      <c r="D778" s="1106"/>
      <c r="E778" s="1106"/>
      <c r="F778" s="1106"/>
      <c r="G778" s="1106"/>
      <c r="H778" s="1106"/>
      <c r="I778" s="1106"/>
      <c r="J778" s="1106"/>
      <c r="K778" s="1106"/>
      <c r="L778" s="1106"/>
      <c r="M778" s="1106"/>
      <c r="N778" s="1106"/>
      <c r="O778" s="1106"/>
      <c r="U778" s="1106"/>
      <c r="AB778" s="1106"/>
      <c r="AC778" s="1106"/>
      <c r="AD778" s="1106"/>
      <c r="AE778" s="1106"/>
      <c r="AF778" s="1106"/>
      <c r="AG778" s="1106"/>
      <c r="AH778" s="1106"/>
      <c r="AL778" s="1106"/>
      <c r="AT778" s="1106"/>
      <c r="AU778" s="1106"/>
      <c r="AV778" s="1106"/>
      <c r="AW778" s="1106"/>
      <c r="AX778" s="1106"/>
      <c r="AY778" s="1106"/>
      <c r="AZ778" s="1106"/>
      <c r="BA778" s="1106"/>
      <c r="BB778" s="1106"/>
      <c r="BC778" s="1106"/>
      <c r="BD778" s="1106"/>
      <c r="BE778" s="1106"/>
      <c r="BF778" s="1106"/>
      <c r="BG778" s="1106"/>
      <c r="BH778" s="1106"/>
      <c r="BI778" s="1106"/>
      <c r="BJ778" s="1106"/>
      <c r="BK778" s="1106"/>
      <c r="BL778" s="1106"/>
      <c r="BM778" s="1106"/>
      <c r="BN778" s="1106"/>
      <c r="BO778" s="1106"/>
      <c r="BP778" s="1106"/>
      <c r="BQ778" s="1106"/>
      <c r="BR778" s="1106"/>
      <c r="BS778" s="1106"/>
      <c r="BT778" s="1106"/>
      <c r="BU778" s="1106"/>
      <c r="BV778" s="1106"/>
      <c r="BW778" s="1106"/>
      <c r="BX778" s="1106"/>
      <c r="BY778" s="1106"/>
      <c r="BZ778" s="1106"/>
      <c r="CA778" s="1106"/>
    </row>
    <row r="779" spans="3:79" ht="9" customHeight="1" x14ac:dyDescent="0.2">
      <c r="C779" s="1106"/>
      <c r="D779" s="1106"/>
      <c r="E779" s="1106"/>
      <c r="F779" s="1106"/>
      <c r="G779" s="1106"/>
      <c r="H779" s="1106"/>
      <c r="I779" s="1106"/>
      <c r="J779" s="1106"/>
      <c r="K779" s="1106"/>
      <c r="L779" s="1106"/>
      <c r="M779" s="1106"/>
      <c r="N779" s="1106"/>
      <c r="O779" s="1106"/>
      <c r="U779" s="1106"/>
      <c r="AB779" s="1106"/>
      <c r="AC779" s="1106"/>
      <c r="AD779" s="1106"/>
      <c r="AE779" s="1106"/>
      <c r="AF779" s="1106"/>
      <c r="AG779" s="1106"/>
      <c r="AH779" s="1106"/>
      <c r="AL779" s="1106"/>
      <c r="AO779" s="1106"/>
      <c r="AP779" s="1106"/>
      <c r="AT779" s="1106"/>
      <c r="AU779" s="1106"/>
      <c r="AV779" s="1106"/>
      <c r="AW779" s="1106"/>
      <c r="AX779" s="1106"/>
      <c r="AY779" s="1106"/>
      <c r="AZ779" s="1106"/>
      <c r="BA779" s="1106"/>
      <c r="BB779" s="1106"/>
      <c r="BC779" s="1106"/>
      <c r="BD779" s="1106"/>
      <c r="BE779" s="1106"/>
      <c r="BF779" s="1106"/>
      <c r="BG779" s="1106"/>
      <c r="BH779" s="1106"/>
      <c r="BI779" s="1106"/>
      <c r="BJ779" s="1106"/>
      <c r="BK779" s="1106"/>
      <c r="BL779" s="1106"/>
      <c r="BM779" s="1106"/>
      <c r="BN779" s="1106"/>
      <c r="BO779" s="1106"/>
      <c r="BP779" s="1106"/>
      <c r="BQ779" s="1106"/>
      <c r="BR779" s="1106"/>
      <c r="BS779" s="1106"/>
      <c r="BT779" s="1106"/>
      <c r="BU779" s="1106"/>
      <c r="BV779" s="1106"/>
      <c r="BW779" s="1106"/>
      <c r="BX779" s="1106"/>
      <c r="BY779" s="1106"/>
      <c r="BZ779" s="1106"/>
      <c r="CA779" s="1106"/>
    </row>
    <row r="780" spans="3:79" ht="9" customHeight="1" x14ac:dyDescent="0.2">
      <c r="C780" s="1106"/>
      <c r="D780" s="1106"/>
      <c r="E780" s="1106"/>
      <c r="F780" s="1106"/>
      <c r="G780" s="1106"/>
      <c r="H780" s="1106"/>
      <c r="I780" s="1106"/>
      <c r="J780" s="1106"/>
      <c r="K780" s="1106"/>
      <c r="L780" s="1106"/>
      <c r="M780" s="1106"/>
      <c r="N780" s="1106"/>
      <c r="O780" s="1106"/>
      <c r="U780" s="1106"/>
      <c r="AB780" s="1106"/>
      <c r="AC780" s="1106"/>
      <c r="AD780" s="1106"/>
      <c r="AE780" s="1106"/>
      <c r="AF780" s="1106"/>
      <c r="AG780" s="1106"/>
      <c r="AH780" s="1106"/>
      <c r="AL780" s="1106"/>
      <c r="AT780" s="1106"/>
      <c r="AU780" s="1106"/>
      <c r="AV780" s="1106"/>
      <c r="AW780" s="1106"/>
      <c r="AX780" s="1106"/>
      <c r="AY780" s="1106"/>
      <c r="AZ780" s="1106"/>
      <c r="BA780" s="1106"/>
      <c r="BB780" s="1106"/>
      <c r="BC780" s="1106"/>
      <c r="BD780" s="1106"/>
      <c r="BE780" s="1106"/>
      <c r="BF780" s="1106"/>
      <c r="BG780" s="1106"/>
      <c r="BH780" s="1106"/>
      <c r="BI780" s="1106"/>
      <c r="BJ780" s="1106"/>
      <c r="BK780" s="1106"/>
      <c r="BL780" s="1106"/>
      <c r="BM780" s="1106"/>
      <c r="BN780" s="1106"/>
      <c r="BO780" s="1106"/>
      <c r="BP780" s="1106"/>
      <c r="BQ780" s="1106"/>
      <c r="BR780" s="1106"/>
      <c r="BS780" s="1106"/>
      <c r="BT780" s="1106"/>
      <c r="BU780" s="1106"/>
      <c r="BV780" s="1106"/>
      <c r="BW780" s="1106"/>
      <c r="BX780" s="1106"/>
      <c r="BY780" s="1106"/>
      <c r="BZ780" s="1106"/>
      <c r="CA780" s="1106"/>
    </row>
    <row r="781" spans="3:79" ht="9" customHeight="1" x14ac:dyDescent="0.2">
      <c r="C781" s="1106"/>
      <c r="D781" s="1106"/>
      <c r="E781" s="1106"/>
      <c r="F781" s="1106"/>
      <c r="G781" s="1106"/>
      <c r="H781" s="1106"/>
      <c r="I781" s="1106"/>
      <c r="J781" s="1106"/>
      <c r="K781" s="1106"/>
      <c r="L781" s="1106"/>
      <c r="M781" s="1106"/>
      <c r="N781" s="1106"/>
      <c r="O781" s="1106"/>
      <c r="AB781" s="1106"/>
      <c r="AC781" s="1106"/>
      <c r="AD781" s="1106"/>
      <c r="AE781" s="1106"/>
      <c r="AF781" s="1106"/>
      <c r="AG781" s="1106"/>
      <c r="AH781" s="1106"/>
      <c r="AL781" s="1106"/>
      <c r="AZ781" s="1106"/>
      <c r="BA781" s="1106"/>
      <c r="BB781" s="1106"/>
      <c r="BC781" s="1106"/>
      <c r="BD781" s="1106"/>
      <c r="BE781" s="1106"/>
      <c r="BF781" s="1106"/>
      <c r="BG781" s="1106"/>
      <c r="BH781" s="1106"/>
      <c r="BI781" s="1106"/>
      <c r="BJ781" s="1106"/>
      <c r="BK781" s="1106"/>
      <c r="BL781" s="1106"/>
      <c r="BM781" s="1106"/>
      <c r="BN781" s="1106"/>
      <c r="BO781" s="1106"/>
      <c r="BP781" s="1106"/>
      <c r="BQ781" s="1106"/>
      <c r="BR781" s="1106"/>
      <c r="BS781" s="1106"/>
      <c r="BT781" s="1106"/>
      <c r="BU781" s="1106"/>
      <c r="BV781" s="1106"/>
      <c r="BW781" s="1106"/>
      <c r="BX781" s="1106"/>
      <c r="BY781" s="1106"/>
      <c r="BZ781" s="1106"/>
      <c r="CA781" s="1106"/>
    </row>
    <row r="782" spans="3:79" ht="9" customHeight="1" x14ac:dyDescent="0.2">
      <c r="C782" s="1106"/>
      <c r="D782" s="1106"/>
      <c r="E782" s="1106"/>
      <c r="F782" s="1106"/>
      <c r="G782" s="1106"/>
      <c r="H782" s="1106"/>
      <c r="I782" s="1106"/>
      <c r="J782" s="1106"/>
      <c r="K782" s="1106"/>
      <c r="L782" s="1106"/>
      <c r="M782" s="1106"/>
      <c r="N782" s="1106"/>
      <c r="O782" s="1106"/>
      <c r="AB782" s="1106"/>
      <c r="AC782" s="1106"/>
      <c r="AD782" s="1106"/>
      <c r="AE782" s="1106"/>
      <c r="AF782" s="1106"/>
      <c r="AG782" s="1106"/>
      <c r="AH782" s="1106"/>
      <c r="AL782" s="1106"/>
      <c r="AZ782" s="1106"/>
      <c r="BA782" s="1106"/>
      <c r="BB782" s="1106"/>
      <c r="BC782" s="1106"/>
      <c r="BD782" s="1106"/>
      <c r="BE782" s="1106"/>
      <c r="BF782" s="1106"/>
      <c r="BG782" s="1106"/>
      <c r="BH782" s="1106"/>
      <c r="BI782" s="1106"/>
      <c r="BJ782" s="1106"/>
      <c r="BK782" s="1106"/>
      <c r="BL782" s="1106"/>
      <c r="BM782" s="1106"/>
      <c r="BN782" s="1106"/>
      <c r="BO782" s="1106"/>
      <c r="BP782" s="1106"/>
      <c r="BQ782" s="1106"/>
      <c r="BR782" s="1106"/>
      <c r="BS782" s="1106"/>
      <c r="BT782" s="1106"/>
      <c r="BU782" s="1106"/>
      <c r="BV782" s="1106"/>
      <c r="BW782" s="1106"/>
      <c r="BX782" s="1106"/>
      <c r="BY782" s="1106"/>
      <c r="BZ782" s="1106"/>
      <c r="CA782" s="1106"/>
    </row>
    <row r="783" spans="3:79" ht="9" customHeight="1" x14ac:dyDescent="0.2">
      <c r="C783" s="1106"/>
      <c r="D783" s="1106"/>
      <c r="E783" s="1106"/>
      <c r="F783" s="1106"/>
      <c r="G783" s="1106"/>
      <c r="H783" s="1106"/>
      <c r="I783" s="1106"/>
      <c r="J783" s="1106"/>
      <c r="K783" s="1106"/>
      <c r="L783" s="1106"/>
      <c r="M783" s="1106"/>
      <c r="N783" s="1106"/>
      <c r="O783" s="1106"/>
      <c r="AB783" s="1106"/>
      <c r="AC783" s="1106"/>
      <c r="AD783" s="1106"/>
      <c r="AE783" s="1106"/>
      <c r="AF783" s="1106"/>
      <c r="AG783" s="1106"/>
      <c r="AH783" s="1106"/>
      <c r="AL783" s="1106"/>
      <c r="AZ783" s="1106"/>
      <c r="BA783" s="1106"/>
      <c r="BB783" s="1106"/>
      <c r="BC783" s="1106"/>
      <c r="BD783" s="1106"/>
      <c r="BE783" s="1106"/>
      <c r="BF783" s="1106"/>
      <c r="BG783" s="1106"/>
      <c r="BH783" s="1106"/>
      <c r="BI783" s="1106"/>
      <c r="BJ783" s="1106"/>
      <c r="BK783" s="1106"/>
      <c r="BL783" s="1106"/>
      <c r="BM783" s="1106"/>
      <c r="BN783" s="1106"/>
      <c r="BO783" s="1106"/>
      <c r="BP783" s="1106"/>
      <c r="BQ783" s="1106"/>
      <c r="BR783" s="1106"/>
      <c r="BS783" s="1106"/>
      <c r="BT783" s="1106"/>
      <c r="BU783" s="1106"/>
      <c r="BV783" s="1106"/>
      <c r="BW783" s="1106"/>
      <c r="BX783" s="1106"/>
      <c r="BY783" s="1106"/>
      <c r="BZ783" s="1106"/>
      <c r="CA783" s="1106"/>
    </row>
    <row r="784" spans="3:79" ht="9" customHeight="1" x14ac:dyDescent="0.2">
      <c r="C784" s="1106"/>
      <c r="D784" s="1106"/>
      <c r="E784" s="1106"/>
      <c r="F784" s="1106"/>
      <c r="G784" s="1106"/>
      <c r="H784" s="1106"/>
      <c r="I784" s="1106"/>
      <c r="J784" s="1106"/>
      <c r="K784" s="1106"/>
      <c r="L784" s="1106"/>
      <c r="M784" s="1106"/>
      <c r="N784" s="1106"/>
      <c r="O784" s="1106"/>
      <c r="U784" s="1106"/>
      <c r="AB784" s="1106"/>
      <c r="AC784" s="1106"/>
      <c r="AD784" s="1106"/>
      <c r="AE784" s="1106"/>
      <c r="AF784" s="1106"/>
      <c r="AG784" s="1106"/>
      <c r="AH784" s="1106"/>
      <c r="AL784" s="1106"/>
      <c r="AT784" s="1106"/>
      <c r="AU784" s="1106"/>
      <c r="AV784" s="1106"/>
      <c r="AW784" s="1106"/>
      <c r="AX784" s="1106"/>
      <c r="AY784" s="1106"/>
      <c r="AZ784" s="1106"/>
      <c r="BA784" s="1106"/>
      <c r="BB784" s="1106"/>
      <c r="BC784" s="1106"/>
      <c r="BD784" s="1106"/>
      <c r="BE784" s="1106"/>
      <c r="BF784" s="1106"/>
      <c r="BG784" s="1106"/>
      <c r="BH784" s="1106"/>
      <c r="BI784" s="1106"/>
      <c r="BJ784" s="1106"/>
      <c r="BK784" s="1106"/>
      <c r="BL784" s="1106"/>
      <c r="BM784" s="1106"/>
      <c r="BN784" s="1106"/>
      <c r="BO784" s="1106"/>
      <c r="BP784" s="1106"/>
      <c r="BQ784" s="1106"/>
      <c r="BR784" s="1106"/>
      <c r="BS784" s="1106"/>
      <c r="BT784" s="1106"/>
      <c r="BU784" s="1106"/>
      <c r="BV784" s="1106"/>
      <c r="BW784" s="1106"/>
      <c r="BX784" s="1106"/>
      <c r="BY784" s="1106"/>
      <c r="BZ784" s="1106"/>
      <c r="CA784" s="1106"/>
    </row>
    <row r="785" spans="3:79" ht="9" customHeight="1" x14ac:dyDescent="0.2">
      <c r="C785" s="1106"/>
      <c r="D785" s="1106"/>
      <c r="E785" s="1106"/>
      <c r="F785" s="1106"/>
      <c r="G785" s="1106"/>
      <c r="H785" s="1106"/>
      <c r="I785" s="1106"/>
      <c r="J785" s="1106"/>
      <c r="K785" s="1106"/>
      <c r="L785" s="1106"/>
      <c r="M785" s="1106"/>
      <c r="N785" s="1106"/>
      <c r="O785" s="1106"/>
      <c r="U785" s="1106"/>
      <c r="AB785" s="1106"/>
      <c r="AC785" s="1106"/>
      <c r="AD785" s="1106"/>
      <c r="AE785" s="1106"/>
      <c r="AF785" s="1106"/>
      <c r="AG785" s="1106"/>
      <c r="AH785" s="1106"/>
      <c r="AL785" s="1106"/>
      <c r="AO785" s="1106"/>
      <c r="AP785" s="1106"/>
      <c r="AT785" s="1106"/>
      <c r="AU785" s="1106"/>
      <c r="AV785" s="1106"/>
      <c r="AW785" s="1106"/>
      <c r="AX785" s="1106"/>
      <c r="AY785" s="1106"/>
      <c r="AZ785" s="1106"/>
      <c r="BA785" s="1106"/>
      <c r="BB785" s="1106"/>
      <c r="BC785" s="1106"/>
      <c r="BD785" s="1106"/>
      <c r="BE785" s="1106"/>
      <c r="BF785" s="1106"/>
      <c r="BG785" s="1106"/>
      <c r="BH785" s="1106"/>
      <c r="BI785" s="1106"/>
      <c r="BJ785" s="1106"/>
      <c r="BK785" s="1106"/>
      <c r="BL785" s="1106"/>
      <c r="BM785" s="1106"/>
      <c r="BN785" s="1106"/>
      <c r="BO785" s="1106"/>
      <c r="BP785" s="1106"/>
      <c r="BQ785" s="1106"/>
      <c r="BR785" s="1106"/>
      <c r="BS785" s="1106"/>
      <c r="BT785" s="1106"/>
      <c r="BU785" s="1106"/>
      <c r="BV785" s="1106"/>
      <c r="BW785" s="1106"/>
      <c r="BX785" s="1106"/>
      <c r="BY785" s="1106"/>
      <c r="BZ785" s="1106"/>
      <c r="CA785" s="1106"/>
    </row>
    <row r="786" spans="3:79" ht="9" customHeight="1" x14ac:dyDescent="0.2">
      <c r="C786" s="1106"/>
      <c r="D786" s="1106"/>
      <c r="E786" s="1106"/>
      <c r="F786" s="1106"/>
      <c r="G786" s="1106"/>
      <c r="H786" s="1106"/>
      <c r="I786" s="1106"/>
      <c r="J786" s="1106"/>
      <c r="K786" s="1106"/>
      <c r="L786" s="1106"/>
      <c r="M786" s="1106"/>
      <c r="N786" s="1106"/>
      <c r="O786" s="1106"/>
      <c r="U786" s="1106"/>
      <c r="AB786" s="1106"/>
      <c r="AC786" s="1106"/>
      <c r="AD786" s="1106"/>
      <c r="AE786" s="1106"/>
      <c r="AF786" s="1106"/>
      <c r="AG786" s="1106"/>
      <c r="AH786" s="1106"/>
      <c r="AL786" s="1106"/>
      <c r="AT786" s="1106"/>
      <c r="AU786" s="1106"/>
      <c r="AV786" s="1106"/>
      <c r="AW786" s="1106"/>
      <c r="AX786" s="1106"/>
      <c r="AY786" s="1106"/>
      <c r="AZ786" s="1106"/>
      <c r="BA786" s="1106"/>
      <c r="BB786" s="1106"/>
      <c r="BC786" s="1106"/>
      <c r="BD786" s="1106"/>
      <c r="BE786" s="1106"/>
      <c r="BF786" s="1106"/>
      <c r="BG786" s="1106"/>
      <c r="BH786" s="1106"/>
      <c r="BI786" s="1106"/>
      <c r="BJ786" s="1106"/>
      <c r="BK786" s="1106"/>
      <c r="BL786" s="1106"/>
      <c r="BM786" s="1106"/>
      <c r="BN786" s="1106"/>
      <c r="BO786" s="1106"/>
      <c r="BP786" s="1106"/>
      <c r="BQ786" s="1106"/>
      <c r="BR786" s="1106"/>
      <c r="BS786" s="1106"/>
      <c r="BT786" s="1106"/>
      <c r="BU786" s="1106"/>
      <c r="BV786" s="1106"/>
      <c r="BW786" s="1106"/>
      <c r="BX786" s="1106"/>
      <c r="BY786" s="1106"/>
      <c r="BZ786" s="1106"/>
      <c r="CA786" s="1106"/>
    </row>
    <row r="787" spans="3:79" ht="9" customHeight="1" x14ac:dyDescent="0.2">
      <c r="C787" s="1106"/>
      <c r="D787" s="1106"/>
      <c r="E787" s="1106"/>
      <c r="F787" s="1106"/>
      <c r="G787" s="1106"/>
      <c r="H787" s="1106"/>
      <c r="I787" s="1106"/>
      <c r="J787" s="1106"/>
      <c r="K787" s="1106"/>
      <c r="L787" s="1106"/>
      <c r="M787" s="1106"/>
      <c r="N787" s="1106"/>
      <c r="O787" s="1106"/>
      <c r="AB787" s="1106"/>
      <c r="AC787" s="1106"/>
      <c r="AD787" s="1106"/>
      <c r="AE787" s="1106"/>
      <c r="AF787" s="1106"/>
      <c r="AG787" s="1106"/>
      <c r="AH787" s="1106"/>
      <c r="AL787" s="1106"/>
      <c r="AZ787" s="1106"/>
      <c r="BA787" s="1106"/>
      <c r="BB787" s="1106"/>
      <c r="BC787" s="1106"/>
      <c r="BD787" s="1106"/>
      <c r="BE787" s="1106"/>
      <c r="BF787" s="1106"/>
      <c r="BG787" s="1106"/>
      <c r="BH787" s="1106"/>
      <c r="BI787" s="1106"/>
      <c r="BJ787" s="1106"/>
      <c r="BK787" s="1106"/>
      <c r="BL787" s="1106"/>
      <c r="BM787" s="1106"/>
      <c r="BN787" s="1106"/>
      <c r="BO787" s="1106"/>
      <c r="BP787" s="1106"/>
      <c r="BQ787" s="1106"/>
      <c r="BR787" s="1106"/>
      <c r="BS787" s="1106"/>
      <c r="BT787" s="1106"/>
      <c r="BU787" s="1106"/>
      <c r="BV787" s="1106"/>
      <c r="BW787" s="1106"/>
      <c r="BX787" s="1106"/>
      <c r="BY787" s="1106"/>
      <c r="BZ787" s="1106"/>
      <c r="CA787" s="1106"/>
    </row>
    <row r="788" spans="3:79" ht="9" customHeight="1" x14ac:dyDescent="0.2">
      <c r="C788" s="1106"/>
      <c r="D788" s="1106"/>
      <c r="E788" s="1106"/>
      <c r="F788" s="1106"/>
      <c r="G788" s="1106"/>
      <c r="H788" s="1106"/>
      <c r="I788" s="1106"/>
      <c r="J788" s="1106"/>
      <c r="K788" s="1106"/>
      <c r="L788" s="1106"/>
      <c r="M788" s="1106"/>
      <c r="N788" s="1106"/>
      <c r="O788" s="1106"/>
      <c r="AB788" s="1106"/>
      <c r="AC788" s="1106"/>
      <c r="AD788" s="1106"/>
      <c r="AE788" s="1106"/>
      <c r="AF788" s="1106"/>
      <c r="AG788" s="1106"/>
      <c r="AH788" s="1106"/>
      <c r="AL788" s="1106"/>
      <c r="AZ788" s="1106"/>
      <c r="BA788" s="1106"/>
      <c r="BB788" s="1106"/>
      <c r="BC788" s="1106"/>
      <c r="BD788" s="1106"/>
      <c r="BE788" s="1106"/>
      <c r="BF788" s="1106"/>
      <c r="BG788" s="1106"/>
      <c r="BH788" s="1106"/>
      <c r="BI788" s="1106"/>
      <c r="BJ788" s="1106"/>
      <c r="BK788" s="1106"/>
      <c r="BL788" s="1106"/>
      <c r="BM788" s="1106"/>
      <c r="BN788" s="1106"/>
      <c r="BO788" s="1106"/>
      <c r="BP788" s="1106"/>
      <c r="BQ788" s="1106"/>
      <c r="BR788" s="1106"/>
      <c r="BS788" s="1106"/>
      <c r="BT788" s="1106"/>
      <c r="BU788" s="1106"/>
      <c r="BV788" s="1106"/>
      <c r="BW788" s="1106"/>
      <c r="BX788" s="1106"/>
      <c r="BY788" s="1106"/>
      <c r="BZ788" s="1106"/>
      <c r="CA788" s="1106"/>
    </row>
    <row r="789" spans="3:79" ht="9" customHeight="1" x14ac:dyDescent="0.2">
      <c r="C789" s="1106"/>
      <c r="D789" s="1106"/>
      <c r="E789" s="1106"/>
      <c r="F789" s="1106"/>
      <c r="G789" s="1106"/>
      <c r="H789" s="1106"/>
      <c r="I789" s="1106"/>
      <c r="J789" s="1106"/>
      <c r="K789" s="1106"/>
      <c r="L789" s="1106"/>
      <c r="M789" s="1106"/>
      <c r="N789" s="1106"/>
      <c r="O789" s="1106"/>
      <c r="AB789" s="1106"/>
      <c r="AC789" s="1106"/>
      <c r="AD789" s="1106"/>
      <c r="AE789" s="1106"/>
      <c r="AF789" s="1106"/>
      <c r="AG789" s="1106"/>
      <c r="AH789" s="1106"/>
      <c r="AL789" s="1106"/>
      <c r="AZ789" s="1106"/>
      <c r="BA789" s="1106"/>
      <c r="BB789" s="1106"/>
      <c r="BC789" s="1106"/>
      <c r="BD789" s="1106"/>
      <c r="BE789" s="1106"/>
      <c r="BF789" s="1106"/>
      <c r="BG789" s="1106"/>
      <c r="BH789" s="1106"/>
      <c r="BI789" s="1106"/>
      <c r="BJ789" s="1106"/>
      <c r="BK789" s="1106"/>
      <c r="BL789" s="1106"/>
      <c r="BM789" s="1106"/>
      <c r="BN789" s="1106"/>
      <c r="BO789" s="1106"/>
      <c r="BP789" s="1106"/>
      <c r="BQ789" s="1106"/>
      <c r="BR789" s="1106"/>
      <c r="BS789" s="1106"/>
      <c r="BT789" s="1106"/>
      <c r="BU789" s="1106"/>
      <c r="BV789" s="1106"/>
      <c r="BW789" s="1106"/>
      <c r="BX789" s="1106"/>
      <c r="BY789" s="1106"/>
      <c r="BZ789" s="1106"/>
      <c r="CA789" s="1106"/>
    </row>
    <row r="790" spans="3:79" ht="9" customHeight="1" x14ac:dyDescent="0.2">
      <c r="C790" s="1106"/>
      <c r="D790" s="1106"/>
      <c r="E790" s="1106"/>
      <c r="F790" s="1106"/>
      <c r="G790" s="1106"/>
      <c r="H790" s="1106"/>
      <c r="I790" s="1106"/>
      <c r="J790" s="1106"/>
      <c r="K790" s="1106"/>
      <c r="L790" s="1106"/>
      <c r="M790" s="1106"/>
      <c r="N790" s="1106"/>
      <c r="O790" s="1106"/>
      <c r="U790" s="1106"/>
      <c r="AB790" s="1106"/>
      <c r="AC790" s="1106"/>
      <c r="AD790" s="1106"/>
      <c r="AE790" s="1106"/>
      <c r="AF790" s="1106"/>
      <c r="AG790" s="1106"/>
      <c r="AH790" s="1106"/>
      <c r="AL790" s="1106"/>
      <c r="AT790" s="1106"/>
      <c r="AU790" s="1106"/>
      <c r="AV790" s="1106"/>
      <c r="AW790" s="1106"/>
      <c r="AX790" s="1106"/>
      <c r="AY790" s="1106"/>
      <c r="AZ790" s="1106"/>
      <c r="BA790" s="1106"/>
      <c r="BB790" s="1106"/>
      <c r="BC790" s="1106"/>
      <c r="BD790" s="1106"/>
      <c r="BE790" s="1106"/>
      <c r="BF790" s="1106"/>
      <c r="BG790" s="1106"/>
      <c r="BH790" s="1106"/>
      <c r="BI790" s="1106"/>
      <c r="BJ790" s="1106"/>
      <c r="BK790" s="1106"/>
      <c r="BL790" s="1106"/>
      <c r="BM790" s="1106"/>
      <c r="BN790" s="1106"/>
      <c r="BO790" s="1106"/>
      <c r="BP790" s="1106"/>
      <c r="BQ790" s="1106"/>
      <c r="BR790" s="1106"/>
      <c r="BS790" s="1106"/>
      <c r="BT790" s="1106"/>
      <c r="BU790" s="1106"/>
      <c r="BV790" s="1106"/>
      <c r="BW790" s="1106"/>
      <c r="BX790" s="1106"/>
      <c r="BY790" s="1106"/>
      <c r="BZ790" s="1106"/>
      <c r="CA790" s="1106"/>
    </row>
    <row r="791" spans="3:79" ht="9" customHeight="1" x14ac:dyDescent="0.2">
      <c r="C791" s="1106"/>
      <c r="D791" s="1106"/>
      <c r="E791" s="1106"/>
      <c r="F791" s="1106"/>
      <c r="G791" s="1106"/>
      <c r="H791" s="1106"/>
      <c r="I791" s="1106"/>
      <c r="J791" s="1106"/>
      <c r="K791" s="1106"/>
      <c r="L791" s="1106"/>
      <c r="M791" s="1106"/>
      <c r="N791" s="1106"/>
      <c r="O791" s="1106"/>
      <c r="U791" s="1106"/>
      <c r="AB791" s="1106"/>
      <c r="AC791" s="1106"/>
      <c r="AD791" s="1106"/>
      <c r="AE791" s="1106"/>
      <c r="AF791" s="1106"/>
      <c r="AG791" s="1106"/>
      <c r="AH791" s="1106"/>
      <c r="AL791" s="1106"/>
      <c r="AO791" s="1106"/>
      <c r="AP791" s="1106"/>
      <c r="AT791" s="1106"/>
      <c r="AU791" s="1106"/>
      <c r="AV791" s="1106"/>
      <c r="AW791" s="1106"/>
      <c r="AX791" s="1106"/>
      <c r="AY791" s="1106"/>
      <c r="AZ791" s="1106"/>
      <c r="BA791" s="1106"/>
      <c r="BB791" s="1106"/>
      <c r="BC791" s="1106"/>
      <c r="BD791" s="1106"/>
      <c r="BE791" s="1106"/>
      <c r="BF791" s="1106"/>
      <c r="BG791" s="1106"/>
      <c r="BH791" s="1106"/>
      <c r="BI791" s="1106"/>
      <c r="BJ791" s="1106"/>
      <c r="BK791" s="1106"/>
      <c r="BL791" s="1106"/>
      <c r="BM791" s="1106"/>
      <c r="BN791" s="1106"/>
      <c r="BO791" s="1106"/>
      <c r="BP791" s="1106"/>
      <c r="BQ791" s="1106"/>
      <c r="BR791" s="1106"/>
      <c r="BS791" s="1106"/>
      <c r="BT791" s="1106"/>
      <c r="BU791" s="1106"/>
      <c r="BV791" s="1106"/>
      <c r="BW791" s="1106"/>
      <c r="BX791" s="1106"/>
      <c r="BY791" s="1106"/>
      <c r="BZ791" s="1106"/>
      <c r="CA791" s="1106"/>
    </row>
    <row r="792" spans="3:79" ht="9" customHeight="1" x14ac:dyDescent="0.2">
      <c r="C792" s="1106"/>
      <c r="D792" s="1106"/>
      <c r="E792" s="1106"/>
      <c r="F792" s="1106"/>
      <c r="G792" s="1106"/>
      <c r="H792" s="1106"/>
      <c r="I792" s="1106"/>
      <c r="J792" s="1106"/>
      <c r="K792" s="1106"/>
      <c r="L792" s="1106"/>
      <c r="M792" s="1106"/>
      <c r="N792" s="1106"/>
      <c r="O792" s="1106"/>
      <c r="U792" s="1106"/>
      <c r="AB792" s="1106"/>
      <c r="AC792" s="1106"/>
      <c r="AD792" s="1106"/>
      <c r="AE792" s="1106"/>
      <c r="AF792" s="1106"/>
      <c r="AG792" s="1106"/>
      <c r="AH792" s="1106"/>
      <c r="AL792" s="1106"/>
      <c r="AT792" s="1106"/>
      <c r="AU792" s="1106"/>
      <c r="AV792" s="1106"/>
      <c r="AW792" s="1106"/>
      <c r="AX792" s="1106"/>
      <c r="AY792" s="1106"/>
      <c r="AZ792" s="1106"/>
      <c r="BA792" s="1106"/>
      <c r="BB792" s="1106"/>
      <c r="BC792" s="1106"/>
      <c r="BD792" s="1106"/>
      <c r="BE792" s="1106"/>
      <c r="BF792" s="1106"/>
      <c r="BG792" s="1106"/>
      <c r="BH792" s="1106"/>
      <c r="BI792" s="1106"/>
      <c r="BJ792" s="1106"/>
      <c r="BK792" s="1106"/>
      <c r="BL792" s="1106"/>
      <c r="BM792" s="1106"/>
      <c r="BN792" s="1106"/>
      <c r="BO792" s="1106"/>
      <c r="BP792" s="1106"/>
      <c r="BQ792" s="1106"/>
      <c r="BR792" s="1106"/>
      <c r="BS792" s="1106"/>
      <c r="BT792" s="1106"/>
      <c r="BU792" s="1106"/>
      <c r="BV792" s="1106"/>
      <c r="BW792" s="1106"/>
      <c r="BX792" s="1106"/>
      <c r="BY792" s="1106"/>
      <c r="BZ792" s="1106"/>
      <c r="CA792" s="1106"/>
    </row>
    <row r="793" spans="3:79" ht="9" customHeight="1" x14ac:dyDescent="0.2">
      <c r="C793" s="1106"/>
      <c r="D793" s="1106"/>
      <c r="E793" s="1106"/>
      <c r="F793" s="1106"/>
      <c r="G793" s="1106"/>
      <c r="H793" s="1106"/>
      <c r="I793" s="1106"/>
      <c r="J793" s="1106"/>
      <c r="K793" s="1106"/>
      <c r="L793" s="1106"/>
      <c r="M793" s="1106"/>
      <c r="N793" s="1106"/>
      <c r="O793" s="1106"/>
      <c r="AB793" s="1106"/>
      <c r="AC793" s="1106"/>
      <c r="AD793" s="1106"/>
      <c r="AE793" s="1106"/>
      <c r="AF793" s="1106"/>
      <c r="AG793" s="1106"/>
      <c r="AH793" s="1106"/>
      <c r="AL793" s="1106"/>
      <c r="AZ793" s="1106"/>
      <c r="BA793" s="1106"/>
      <c r="BB793" s="1106"/>
      <c r="BC793" s="1106"/>
      <c r="BD793" s="1106"/>
      <c r="BE793" s="1106"/>
      <c r="BF793" s="1106"/>
      <c r="BG793" s="1106"/>
      <c r="BH793" s="1106"/>
      <c r="BI793" s="1106"/>
      <c r="BJ793" s="1106"/>
      <c r="BK793" s="1106"/>
      <c r="BL793" s="1106"/>
      <c r="BM793" s="1106"/>
      <c r="BN793" s="1106"/>
      <c r="BO793" s="1106"/>
      <c r="BP793" s="1106"/>
      <c r="BQ793" s="1106"/>
      <c r="BR793" s="1106"/>
      <c r="BS793" s="1106"/>
      <c r="BT793" s="1106"/>
      <c r="BU793" s="1106"/>
      <c r="BV793" s="1106"/>
      <c r="BW793" s="1106"/>
      <c r="BX793" s="1106"/>
      <c r="BY793" s="1106"/>
      <c r="BZ793" s="1106"/>
      <c r="CA793" s="1106"/>
    </row>
    <row r="794" spans="3:79" ht="9" customHeight="1" x14ac:dyDescent="0.2">
      <c r="C794" s="1106"/>
      <c r="D794" s="1106"/>
      <c r="E794" s="1106"/>
      <c r="F794" s="1106"/>
      <c r="G794" s="1106"/>
      <c r="H794" s="1106"/>
      <c r="I794" s="1106"/>
      <c r="J794" s="1106"/>
      <c r="K794" s="1106"/>
      <c r="L794" s="1106"/>
      <c r="M794" s="1106"/>
      <c r="N794" s="1106"/>
      <c r="O794" s="1106"/>
      <c r="AB794" s="1106"/>
      <c r="AC794" s="1106"/>
      <c r="AD794" s="1106"/>
      <c r="AE794" s="1106"/>
      <c r="AF794" s="1106"/>
      <c r="AG794" s="1106"/>
      <c r="AH794" s="1106"/>
      <c r="AL794" s="1106"/>
      <c r="AZ794" s="1106"/>
      <c r="BA794" s="1106"/>
      <c r="BB794" s="1106"/>
      <c r="BC794" s="1106"/>
      <c r="BD794" s="1106"/>
      <c r="BE794" s="1106"/>
      <c r="BF794" s="1106"/>
      <c r="BG794" s="1106"/>
      <c r="BH794" s="1106"/>
      <c r="BI794" s="1106"/>
      <c r="BJ794" s="1106"/>
      <c r="BK794" s="1106"/>
      <c r="BL794" s="1106"/>
      <c r="BM794" s="1106"/>
      <c r="BN794" s="1106"/>
      <c r="BO794" s="1106"/>
      <c r="BP794" s="1106"/>
      <c r="BQ794" s="1106"/>
      <c r="BR794" s="1106"/>
      <c r="BS794" s="1106"/>
      <c r="BT794" s="1106"/>
      <c r="BU794" s="1106"/>
      <c r="BV794" s="1106"/>
      <c r="BW794" s="1106"/>
      <c r="BX794" s="1106"/>
      <c r="BY794" s="1106"/>
      <c r="BZ794" s="1106"/>
      <c r="CA794" s="1106"/>
    </row>
    <row r="795" spans="3:79" ht="9" customHeight="1" x14ac:dyDescent="0.2">
      <c r="C795" s="1106"/>
      <c r="D795" s="1106"/>
      <c r="E795" s="1106"/>
      <c r="F795" s="1106"/>
      <c r="G795" s="1106"/>
      <c r="H795" s="1106"/>
      <c r="I795" s="1106"/>
      <c r="J795" s="1106"/>
      <c r="K795" s="1106"/>
      <c r="L795" s="1106"/>
      <c r="M795" s="1106"/>
      <c r="N795" s="1106"/>
      <c r="O795" s="1106"/>
      <c r="AB795" s="1106"/>
      <c r="AC795" s="1106"/>
      <c r="AD795" s="1106"/>
      <c r="AE795" s="1106"/>
      <c r="AF795" s="1106"/>
      <c r="AG795" s="1106"/>
      <c r="AH795" s="1106"/>
      <c r="AL795" s="1106"/>
      <c r="AZ795" s="1106"/>
      <c r="BA795" s="1106"/>
      <c r="BB795" s="1106"/>
      <c r="BC795" s="1106"/>
      <c r="BD795" s="1106"/>
      <c r="BE795" s="1106"/>
      <c r="BF795" s="1106"/>
      <c r="BG795" s="1106"/>
      <c r="BH795" s="1106"/>
      <c r="BI795" s="1106"/>
      <c r="BJ795" s="1106"/>
      <c r="BK795" s="1106"/>
      <c r="BL795" s="1106"/>
      <c r="BM795" s="1106"/>
      <c r="BN795" s="1106"/>
      <c r="BO795" s="1106"/>
      <c r="BP795" s="1106"/>
      <c r="BQ795" s="1106"/>
      <c r="BR795" s="1106"/>
      <c r="BS795" s="1106"/>
      <c r="BT795" s="1106"/>
      <c r="BU795" s="1106"/>
      <c r="BV795" s="1106"/>
      <c r="BW795" s="1106"/>
      <c r="BX795" s="1106"/>
      <c r="BY795" s="1106"/>
      <c r="BZ795" s="1106"/>
      <c r="CA795" s="1106"/>
    </row>
    <row r="796" spans="3:79" ht="9" customHeight="1" x14ac:dyDescent="0.2">
      <c r="C796" s="1106"/>
      <c r="D796" s="1106"/>
      <c r="E796" s="1106"/>
      <c r="F796" s="1106"/>
      <c r="G796" s="1106"/>
      <c r="H796" s="1106"/>
      <c r="I796" s="1106"/>
      <c r="J796" s="1106"/>
      <c r="K796" s="1106"/>
      <c r="L796" s="1106"/>
      <c r="M796" s="1106"/>
      <c r="N796" s="1106"/>
      <c r="O796" s="1106"/>
      <c r="U796" s="1106"/>
      <c r="AB796" s="1106"/>
      <c r="AC796" s="1106"/>
      <c r="AD796" s="1106"/>
      <c r="AE796" s="1106"/>
      <c r="AF796" s="1106"/>
      <c r="AG796" s="1106"/>
      <c r="AH796" s="1106"/>
      <c r="AL796" s="1106"/>
      <c r="AT796" s="1106"/>
      <c r="AU796" s="1106"/>
      <c r="AV796" s="1106"/>
      <c r="AW796" s="1106"/>
      <c r="AX796" s="1106"/>
      <c r="AY796" s="1106"/>
      <c r="AZ796" s="1106"/>
      <c r="BA796" s="1106"/>
      <c r="BB796" s="1106"/>
      <c r="BC796" s="1106"/>
      <c r="BD796" s="1106"/>
      <c r="BE796" s="1106"/>
      <c r="BF796" s="1106"/>
      <c r="BG796" s="1106"/>
      <c r="BH796" s="1106"/>
      <c r="BI796" s="1106"/>
      <c r="BJ796" s="1106"/>
      <c r="BK796" s="1106"/>
      <c r="BL796" s="1106"/>
      <c r="BM796" s="1106"/>
      <c r="BN796" s="1106"/>
      <c r="BO796" s="1106"/>
      <c r="BP796" s="1106"/>
      <c r="BQ796" s="1106"/>
      <c r="BR796" s="1106"/>
      <c r="BS796" s="1106"/>
      <c r="BT796" s="1106"/>
      <c r="BU796" s="1106"/>
      <c r="BV796" s="1106"/>
      <c r="BW796" s="1106"/>
      <c r="BX796" s="1106"/>
      <c r="BY796" s="1106"/>
      <c r="BZ796" s="1106"/>
      <c r="CA796" s="1106"/>
    </row>
    <row r="797" spans="3:79" ht="9" customHeight="1" x14ac:dyDescent="0.2">
      <c r="C797" s="1106"/>
      <c r="D797" s="1106"/>
      <c r="E797" s="1106"/>
      <c r="F797" s="1106"/>
      <c r="G797" s="1106"/>
      <c r="H797" s="1106"/>
      <c r="I797" s="1106"/>
      <c r="J797" s="1106"/>
      <c r="K797" s="1106"/>
      <c r="L797" s="1106"/>
      <c r="M797" s="1106"/>
      <c r="N797" s="1106"/>
      <c r="O797" s="1106"/>
      <c r="U797" s="1106"/>
      <c r="AB797" s="1106"/>
      <c r="AC797" s="1106"/>
      <c r="AD797" s="1106"/>
      <c r="AE797" s="1106"/>
      <c r="AF797" s="1106"/>
      <c r="AG797" s="1106"/>
      <c r="AH797" s="1106"/>
      <c r="AL797" s="1106"/>
      <c r="AO797" s="1106"/>
      <c r="AP797" s="1106"/>
      <c r="AT797" s="1106"/>
      <c r="AU797" s="1106"/>
      <c r="AV797" s="1106"/>
      <c r="AW797" s="1106"/>
      <c r="AX797" s="1106"/>
      <c r="AY797" s="1106"/>
      <c r="AZ797" s="1106"/>
      <c r="BA797" s="1106"/>
      <c r="BB797" s="1106"/>
      <c r="BC797" s="1106"/>
      <c r="BD797" s="1106"/>
      <c r="BE797" s="1106"/>
      <c r="BF797" s="1106"/>
      <c r="BG797" s="1106"/>
      <c r="BH797" s="1106"/>
      <c r="BI797" s="1106"/>
      <c r="BJ797" s="1106"/>
      <c r="BK797" s="1106"/>
      <c r="BL797" s="1106"/>
      <c r="BM797" s="1106"/>
      <c r="BN797" s="1106"/>
      <c r="BO797" s="1106"/>
      <c r="BP797" s="1106"/>
      <c r="BQ797" s="1106"/>
      <c r="BR797" s="1106"/>
      <c r="BS797" s="1106"/>
      <c r="BT797" s="1106"/>
      <c r="BU797" s="1106"/>
      <c r="BV797" s="1106"/>
      <c r="BW797" s="1106"/>
      <c r="BX797" s="1106"/>
      <c r="BY797" s="1106"/>
      <c r="BZ797" s="1106"/>
      <c r="CA797" s="1106"/>
    </row>
    <row r="798" spans="3:79" ht="9" customHeight="1" x14ac:dyDescent="0.2">
      <c r="C798" s="1106"/>
      <c r="D798" s="1106"/>
      <c r="E798" s="1106"/>
      <c r="F798" s="1106"/>
      <c r="G798" s="1106"/>
      <c r="H798" s="1106"/>
      <c r="I798" s="1106"/>
      <c r="J798" s="1106"/>
      <c r="K798" s="1106"/>
      <c r="L798" s="1106"/>
      <c r="M798" s="1106"/>
      <c r="N798" s="1106"/>
      <c r="O798" s="1106"/>
      <c r="U798" s="1106"/>
      <c r="AB798" s="1106"/>
      <c r="AC798" s="1106"/>
      <c r="AD798" s="1106"/>
      <c r="AE798" s="1106"/>
      <c r="AF798" s="1106"/>
      <c r="AG798" s="1106"/>
      <c r="AH798" s="1106"/>
      <c r="AL798" s="1106"/>
      <c r="AT798" s="1106"/>
      <c r="AU798" s="1106"/>
      <c r="AV798" s="1106"/>
      <c r="AW798" s="1106"/>
      <c r="AX798" s="1106"/>
      <c r="AY798" s="1106"/>
      <c r="AZ798" s="1106"/>
      <c r="BA798" s="1106"/>
      <c r="BB798" s="1106"/>
      <c r="BC798" s="1106"/>
      <c r="BD798" s="1106"/>
      <c r="BE798" s="1106"/>
      <c r="BF798" s="1106"/>
      <c r="BG798" s="1106"/>
      <c r="BH798" s="1106"/>
      <c r="BI798" s="1106"/>
      <c r="BJ798" s="1106"/>
      <c r="BK798" s="1106"/>
      <c r="BL798" s="1106"/>
      <c r="BM798" s="1106"/>
      <c r="BN798" s="1106"/>
      <c r="BO798" s="1106"/>
      <c r="BP798" s="1106"/>
      <c r="BQ798" s="1106"/>
      <c r="BR798" s="1106"/>
      <c r="BS798" s="1106"/>
      <c r="BT798" s="1106"/>
      <c r="BU798" s="1106"/>
      <c r="BV798" s="1106"/>
      <c r="BW798" s="1106"/>
      <c r="BX798" s="1106"/>
      <c r="BY798" s="1106"/>
      <c r="BZ798" s="1106"/>
      <c r="CA798" s="1106"/>
    </row>
    <row r="799" spans="3:79" ht="9" customHeight="1" x14ac:dyDescent="0.2">
      <c r="C799" s="1106"/>
      <c r="D799" s="1106"/>
      <c r="E799" s="1106"/>
      <c r="F799" s="1106"/>
      <c r="G799" s="1106"/>
      <c r="H799" s="1106"/>
      <c r="I799" s="1106"/>
      <c r="J799" s="1106"/>
      <c r="K799" s="1106"/>
      <c r="L799" s="1106"/>
      <c r="M799" s="1106"/>
      <c r="N799" s="1106"/>
      <c r="O799" s="1106"/>
      <c r="AB799" s="1106"/>
      <c r="AC799" s="1106"/>
      <c r="AD799" s="1106"/>
      <c r="AE799" s="1106"/>
      <c r="AF799" s="1106"/>
      <c r="AG799" s="1106"/>
      <c r="AH799" s="1106"/>
      <c r="AL799" s="1106"/>
      <c r="AZ799" s="1106"/>
      <c r="BA799" s="1106"/>
      <c r="BB799" s="1106"/>
      <c r="BC799" s="1106"/>
      <c r="BD799" s="1106"/>
      <c r="BE799" s="1106"/>
      <c r="BF799" s="1106"/>
      <c r="BG799" s="1106"/>
      <c r="BH799" s="1106"/>
      <c r="BI799" s="1106"/>
      <c r="BJ799" s="1106"/>
      <c r="BK799" s="1106"/>
      <c r="BL799" s="1106"/>
      <c r="BM799" s="1106"/>
      <c r="BN799" s="1106"/>
      <c r="BO799" s="1106"/>
      <c r="BP799" s="1106"/>
      <c r="BQ799" s="1106"/>
      <c r="BR799" s="1106"/>
      <c r="BS799" s="1106"/>
      <c r="BT799" s="1106"/>
      <c r="BU799" s="1106"/>
      <c r="BV799" s="1106"/>
      <c r="BW799" s="1106"/>
      <c r="BX799" s="1106"/>
      <c r="BY799" s="1106"/>
      <c r="BZ799" s="1106"/>
      <c r="CA799" s="1106"/>
    </row>
    <row r="800" spans="3:79" ht="9" customHeight="1" x14ac:dyDescent="0.2">
      <c r="C800" s="1106"/>
      <c r="D800" s="1106"/>
      <c r="E800" s="1106"/>
      <c r="F800" s="1106"/>
      <c r="G800" s="1106"/>
      <c r="H800" s="1106"/>
      <c r="I800" s="1106"/>
      <c r="J800" s="1106"/>
      <c r="K800" s="1106"/>
      <c r="L800" s="1106"/>
      <c r="M800" s="1106"/>
      <c r="N800" s="1106"/>
      <c r="O800" s="1106"/>
      <c r="AB800" s="1106"/>
      <c r="AC800" s="1106"/>
      <c r="AD800" s="1106"/>
      <c r="AE800" s="1106"/>
      <c r="AF800" s="1106"/>
      <c r="AG800" s="1106"/>
      <c r="AH800" s="1106"/>
      <c r="AL800" s="1106"/>
      <c r="AZ800" s="1106"/>
      <c r="BA800" s="1106"/>
      <c r="BB800" s="1106"/>
      <c r="BC800" s="1106"/>
      <c r="BD800" s="1106"/>
      <c r="BE800" s="1106"/>
      <c r="BF800" s="1106"/>
      <c r="BG800" s="1106"/>
      <c r="BH800" s="1106"/>
      <c r="BI800" s="1106"/>
      <c r="BJ800" s="1106"/>
      <c r="BK800" s="1106"/>
      <c r="BL800" s="1106"/>
      <c r="BM800" s="1106"/>
      <c r="BN800" s="1106"/>
      <c r="BO800" s="1106"/>
      <c r="BP800" s="1106"/>
      <c r="BQ800" s="1106"/>
      <c r="BR800" s="1106"/>
      <c r="BS800" s="1106"/>
      <c r="BT800" s="1106"/>
      <c r="BU800" s="1106"/>
      <c r="BV800" s="1106"/>
      <c r="BW800" s="1106"/>
      <c r="BX800" s="1106"/>
      <c r="BY800" s="1106"/>
      <c r="BZ800" s="1106"/>
      <c r="CA800" s="1106"/>
    </row>
    <row r="801" spans="3:79" ht="9" customHeight="1" x14ac:dyDescent="0.2">
      <c r="C801" s="1106"/>
      <c r="D801" s="1106"/>
      <c r="E801" s="1106"/>
      <c r="F801" s="1106"/>
      <c r="G801" s="1106"/>
      <c r="H801" s="1106"/>
      <c r="I801" s="1106"/>
      <c r="J801" s="1106"/>
      <c r="K801" s="1106"/>
      <c r="L801" s="1106"/>
      <c r="M801" s="1106"/>
      <c r="N801" s="1106"/>
      <c r="O801" s="1106"/>
      <c r="AB801" s="1106"/>
      <c r="AC801" s="1106"/>
      <c r="AD801" s="1106"/>
      <c r="AE801" s="1106"/>
      <c r="AF801" s="1106"/>
      <c r="AG801" s="1106"/>
      <c r="AH801" s="1106"/>
      <c r="AL801" s="1106"/>
      <c r="AZ801" s="1106"/>
      <c r="BA801" s="1106"/>
      <c r="BB801" s="1106"/>
      <c r="BC801" s="1106"/>
      <c r="BD801" s="1106"/>
      <c r="BE801" s="1106"/>
      <c r="BF801" s="1106"/>
      <c r="BG801" s="1106"/>
      <c r="BH801" s="1106"/>
      <c r="BI801" s="1106"/>
      <c r="BJ801" s="1106"/>
      <c r="BK801" s="1106"/>
      <c r="BL801" s="1106"/>
      <c r="BM801" s="1106"/>
      <c r="BN801" s="1106"/>
      <c r="BO801" s="1106"/>
      <c r="BP801" s="1106"/>
      <c r="BQ801" s="1106"/>
      <c r="BR801" s="1106"/>
      <c r="BS801" s="1106"/>
      <c r="BT801" s="1106"/>
      <c r="BU801" s="1106"/>
      <c r="BV801" s="1106"/>
      <c r="BW801" s="1106"/>
      <c r="BX801" s="1106"/>
      <c r="BY801" s="1106"/>
      <c r="BZ801" s="1106"/>
      <c r="CA801" s="1106"/>
    </row>
    <row r="802" spans="3:79" ht="9" customHeight="1" x14ac:dyDescent="0.2">
      <c r="C802" s="1106"/>
      <c r="D802" s="1106"/>
      <c r="E802" s="1106"/>
      <c r="F802" s="1106"/>
      <c r="G802" s="1106"/>
      <c r="H802" s="1106"/>
      <c r="I802" s="1106"/>
      <c r="J802" s="1106"/>
      <c r="K802" s="1106"/>
      <c r="L802" s="1106"/>
      <c r="M802" s="1106"/>
      <c r="N802" s="1106"/>
      <c r="O802" s="1106"/>
      <c r="U802" s="1106"/>
      <c r="AB802" s="1106"/>
      <c r="AC802" s="1106"/>
      <c r="AD802" s="1106"/>
      <c r="AE802" s="1106"/>
      <c r="AF802" s="1106"/>
      <c r="AG802" s="1106"/>
      <c r="AH802" s="1106"/>
      <c r="AL802" s="1106"/>
      <c r="AT802" s="1106"/>
      <c r="AU802" s="1106"/>
      <c r="AV802" s="1106"/>
      <c r="AW802" s="1106"/>
      <c r="AX802" s="1106"/>
      <c r="AY802" s="1106"/>
      <c r="AZ802" s="1106"/>
      <c r="BA802" s="1106"/>
      <c r="BB802" s="1106"/>
      <c r="BC802" s="1106"/>
      <c r="BD802" s="1106"/>
      <c r="BE802" s="1106"/>
      <c r="BF802" s="1106"/>
      <c r="BG802" s="1106"/>
      <c r="BH802" s="1106"/>
      <c r="BI802" s="1106"/>
      <c r="BJ802" s="1106"/>
      <c r="BK802" s="1106"/>
      <c r="BL802" s="1106"/>
      <c r="BM802" s="1106"/>
      <c r="BN802" s="1106"/>
      <c r="BO802" s="1106"/>
      <c r="BP802" s="1106"/>
      <c r="BQ802" s="1106"/>
      <c r="BR802" s="1106"/>
      <c r="BS802" s="1106"/>
      <c r="BT802" s="1106"/>
      <c r="BU802" s="1106"/>
      <c r="BV802" s="1106"/>
      <c r="BW802" s="1106"/>
      <c r="BX802" s="1106"/>
      <c r="BY802" s="1106"/>
      <c r="BZ802" s="1106"/>
      <c r="CA802" s="1106"/>
    </row>
    <row r="803" spans="3:79" ht="9" customHeight="1" x14ac:dyDescent="0.2">
      <c r="C803" s="1106"/>
      <c r="D803" s="1106"/>
      <c r="E803" s="1106"/>
      <c r="F803" s="1106"/>
      <c r="G803" s="1106"/>
      <c r="H803" s="1106"/>
      <c r="I803" s="1106"/>
      <c r="J803" s="1106"/>
      <c r="K803" s="1106"/>
      <c r="L803" s="1106"/>
      <c r="M803" s="1106"/>
      <c r="N803" s="1106"/>
      <c r="O803" s="1106"/>
      <c r="U803" s="1106"/>
      <c r="AB803" s="1106"/>
      <c r="AC803" s="1106"/>
      <c r="AD803" s="1106"/>
      <c r="AE803" s="1106"/>
      <c r="AF803" s="1106"/>
      <c r="AG803" s="1106"/>
      <c r="AH803" s="1106"/>
      <c r="AL803" s="1106"/>
      <c r="AO803" s="1106"/>
      <c r="AP803" s="1106"/>
      <c r="AT803" s="1106"/>
      <c r="AU803" s="1106"/>
      <c r="AV803" s="1106"/>
      <c r="AW803" s="1106"/>
      <c r="AX803" s="1106"/>
      <c r="AY803" s="1106"/>
      <c r="AZ803" s="1106"/>
      <c r="BA803" s="1106"/>
      <c r="BB803" s="1106"/>
      <c r="BC803" s="1106"/>
      <c r="BD803" s="1106"/>
      <c r="BE803" s="1106"/>
      <c r="BF803" s="1106"/>
      <c r="BG803" s="1106"/>
      <c r="BH803" s="1106"/>
      <c r="BI803" s="1106"/>
      <c r="BJ803" s="1106"/>
      <c r="BK803" s="1106"/>
      <c r="BL803" s="1106"/>
      <c r="BM803" s="1106"/>
      <c r="BN803" s="1106"/>
      <c r="BO803" s="1106"/>
      <c r="BP803" s="1106"/>
      <c r="BQ803" s="1106"/>
      <c r="BR803" s="1106"/>
      <c r="BS803" s="1106"/>
      <c r="BT803" s="1106"/>
      <c r="BU803" s="1106"/>
      <c r="BV803" s="1106"/>
      <c r="BW803" s="1106"/>
      <c r="BX803" s="1106"/>
      <c r="BY803" s="1106"/>
      <c r="BZ803" s="1106"/>
      <c r="CA803" s="1106"/>
    </row>
    <row r="804" spans="3:79" ht="9" customHeight="1" x14ac:dyDescent="0.2">
      <c r="C804" s="1106"/>
      <c r="D804" s="1106"/>
      <c r="E804" s="1106"/>
      <c r="F804" s="1106"/>
      <c r="G804" s="1106"/>
      <c r="H804" s="1106"/>
      <c r="I804" s="1106"/>
      <c r="J804" s="1106"/>
      <c r="K804" s="1106"/>
      <c r="L804" s="1106"/>
      <c r="M804" s="1106"/>
      <c r="N804" s="1106"/>
      <c r="O804" s="1106"/>
      <c r="U804" s="1106"/>
      <c r="AB804" s="1106"/>
      <c r="AC804" s="1106"/>
      <c r="AD804" s="1106"/>
      <c r="AE804" s="1106"/>
      <c r="AF804" s="1106"/>
      <c r="AG804" s="1106"/>
      <c r="AH804" s="1106"/>
      <c r="AL804" s="1106"/>
      <c r="AT804" s="1106"/>
      <c r="AU804" s="1106"/>
      <c r="AV804" s="1106"/>
      <c r="AW804" s="1106"/>
      <c r="AX804" s="1106"/>
      <c r="AY804" s="1106"/>
      <c r="AZ804" s="1106"/>
      <c r="BA804" s="1106"/>
      <c r="BB804" s="1106"/>
      <c r="BC804" s="1106"/>
      <c r="BD804" s="1106"/>
      <c r="BE804" s="1106"/>
      <c r="BF804" s="1106"/>
      <c r="BG804" s="1106"/>
      <c r="BH804" s="1106"/>
      <c r="BI804" s="1106"/>
      <c r="BJ804" s="1106"/>
      <c r="BK804" s="1106"/>
      <c r="BL804" s="1106"/>
      <c r="BM804" s="1106"/>
      <c r="BN804" s="1106"/>
      <c r="BO804" s="1106"/>
      <c r="BP804" s="1106"/>
      <c r="BQ804" s="1106"/>
      <c r="BR804" s="1106"/>
      <c r="BS804" s="1106"/>
      <c r="BT804" s="1106"/>
      <c r="BU804" s="1106"/>
      <c r="BV804" s="1106"/>
      <c r="BW804" s="1106"/>
      <c r="BX804" s="1106"/>
      <c r="BY804" s="1106"/>
      <c r="BZ804" s="1106"/>
      <c r="CA804" s="1106"/>
    </row>
    <row r="805" spans="3:79" ht="9" customHeight="1" x14ac:dyDescent="0.2">
      <c r="C805" s="1106"/>
      <c r="D805" s="1106"/>
      <c r="E805" s="1106"/>
      <c r="F805" s="1106"/>
      <c r="G805" s="1106"/>
      <c r="H805" s="1106"/>
      <c r="I805" s="1106"/>
      <c r="J805" s="1106"/>
      <c r="K805" s="1106"/>
      <c r="L805" s="1106"/>
      <c r="M805" s="1106"/>
      <c r="N805" s="1106"/>
      <c r="O805" s="1106"/>
      <c r="AB805" s="1106"/>
      <c r="AC805" s="1106"/>
      <c r="AD805" s="1106"/>
      <c r="AE805" s="1106"/>
      <c r="AF805" s="1106"/>
      <c r="AG805" s="1106"/>
      <c r="AH805" s="1106"/>
      <c r="AL805" s="1106"/>
      <c r="AZ805" s="1106"/>
      <c r="BA805" s="1106"/>
      <c r="BB805" s="1106"/>
      <c r="BC805" s="1106"/>
      <c r="BD805" s="1106"/>
      <c r="BE805" s="1106"/>
      <c r="BF805" s="1106"/>
      <c r="BG805" s="1106"/>
      <c r="BH805" s="1106"/>
      <c r="BI805" s="1106"/>
      <c r="BJ805" s="1106"/>
      <c r="BK805" s="1106"/>
      <c r="BL805" s="1106"/>
      <c r="BM805" s="1106"/>
      <c r="BN805" s="1106"/>
      <c r="BO805" s="1106"/>
      <c r="BP805" s="1106"/>
      <c r="BQ805" s="1106"/>
      <c r="BR805" s="1106"/>
      <c r="BS805" s="1106"/>
      <c r="BT805" s="1106"/>
      <c r="BU805" s="1106"/>
      <c r="BV805" s="1106"/>
      <c r="BW805" s="1106"/>
      <c r="BX805" s="1106"/>
      <c r="BY805" s="1106"/>
      <c r="BZ805" s="1106"/>
      <c r="CA805" s="1106"/>
    </row>
    <row r="806" spans="3:79" ht="9" customHeight="1" x14ac:dyDescent="0.2">
      <c r="C806" s="1106"/>
      <c r="D806" s="1106"/>
      <c r="E806" s="1106"/>
      <c r="F806" s="1106"/>
      <c r="G806" s="1106"/>
      <c r="H806" s="1106"/>
      <c r="I806" s="1106"/>
      <c r="J806" s="1106"/>
      <c r="K806" s="1106"/>
      <c r="L806" s="1106"/>
      <c r="M806" s="1106"/>
      <c r="N806" s="1106"/>
      <c r="O806" s="1106"/>
      <c r="AB806" s="1106"/>
      <c r="AC806" s="1106"/>
      <c r="AD806" s="1106"/>
      <c r="AE806" s="1106"/>
      <c r="AF806" s="1106"/>
      <c r="AG806" s="1106"/>
      <c r="AH806" s="1106"/>
      <c r="AL806" s="1106"/>
      <c r="AZ806" s="1106"/>
      <c r="BA806" s="1106"/>
      <c r="BB806" s="1106"/>
      <c r="BC806" s="1106"/>
      <c r="BD806" s="1106"/>
      <c r="BE806" s="1106"/>
      <c r="BF806" s="1106"/>
      <c r="BG806" s="1106"/>
      <c r="BH806" s="1106"/>
      <c r="BI806" s="1106"/>
      <c r="BJ806" s="1106"/>
      <c r="BK806" s="1106"/>
      <c r="BL806" s="1106"/>
      <c r="BM806" s="1106"/>
      <c r="BN806" s="1106"/>
      <c r="BO806" s="1106"/>
      <c r="BP806" s="1106"/>
      <c r="BQ806" s="1106"/>
      <c r="BR806" s="1106"/>
      <c r="BS806" s="1106"/>
      <c r="BT806" s="1106"/>
      <c r="BU806" s="1106"/>
      <c r="BV806" s="1106"/>
      <c r="BW806" s="1106"/>
      <c r="BX806" s="1106"/>
      <c r="BY806" s="1106"/>
      <c r="BZ806" s="1106"/>
      <c r="CA806" s="1106"/>
    </row>
    <row r="807" spans="3:79" ht="9" customHeight="1" x14ac:dyDescent="0.2">
      <c r="C807" s="1106"/>
      <c r="D807" s="1106"/>
      <c r="E807" s="1106"/>
      <c r="F807" s="1106"/>
      <c r="G807" s="1106"/>
      <c r="H807" s="1106"/>
      <c r="I807" s="1106"/>
      <c r="J807" s="1106"/>
      <c r="K807" s="1106"/>
      <c r="L807" s="1106"/>
      <c r="M807" s="1106"/>
      <c r="N807" s="1106"/>
      <c r="O807" s="1106"/>
      <c r="AB807" s="1106"/>
      <c r="AC807" s="1106"/>
      <c r="AD807" s="1106"/>
      <c r="AE807" s="1106"/>
      <c r="AF807" s="1106"/>
      <c r="AG807" s="1106"/>
      <c r="AH807" s="1106"/>
      <c r="AL807" s="1106"/>
      <c r="AZ807" s="1106"/>
      <c r="BA807" s="1106"/>
      <c r="BB807" s="1106"/>
      <c r="BC807" s="1106"/>
      <c r="BD807" s="1106"/>
      <c r="BE807" s="1106"/>
      <c r="BF807" s="1106"/>
      <c r="BG807" s="1106"/>
      <c r="BH807" s="1106"/>
      <c r="BI807" s="1106"/>
      <c r="BJ807" s="1106"/>
      <c r="BK807" s="1106"/>
      <c r="BL807" s="1106"/>
      <c r="BM807" s="1106"/>
      <c r="BN807" s="1106"/>
      <c r="BO807" s="1106"/>
      <c r="BP807" s="1106"/>
      <c r="BQ807" s="1106"/>
      <c r="BR807" s="1106"/>
      <c r="BS807" s="1106"/>
      <c r="BT807" s="1106"/>
      <c r="BU807" s="1106"/>
      <c r="BV807" s="1106"/>
      <c r="BW807" s="1106"/>
      <c r="BX807" s="1106"/>
      <c r="BY807" s="1106"/>
      <c r="BZ807" s="1106"/>
      <c r="CA807" s="1106"/>
    </row>
    <row r="808" spans="3:79" ht="9" customHeight="1" x14ac:dyDescent="0.2">
      <c r="C808" s="1106"/>
      <c r="D808" s="1106"/>
      <c r="E808" s="1106"/>
      <c r="F808" s="1106"/>
      <c r="G808" s="1106"/>
      <c r="H808" s="1106"/>
      <c r="I808" s="1106"/>
      <c r="J808" s="1106"/>
      <c r="K808" s="1106"/>
      <c r="L808" s="1106"/>
      <c r="M808" s="1106"/>
      <c r="N808" s="1106"/>
      <c r="O808" s="1106"/>
      <c r="U808" s="1106"/>
      <c r="AB808" s="1106"/>
      <c r="AC808" s="1106"/>
      <c r="AD808" s="1106"/>
      <c r="AE808" s="1106"/>
      <c r="AF808" s="1106"/>
      <c r="AG808" s="1106"/>
      <c r="AH808" s="1106"/>
      <c r="AL808" s="1106"/>
      <c r="AT808" s="1106"/>
      <c r="AU808" s="1106"/>
      <c r="AV808" s="1106"/>
      <c r="AW808" s="1106"/>
      <c r="AX808" s="1106"/>
      <c r="AY808" s="1106"/>
      <c r="AZ808" s="1106"/>
      <c r="BA808" s="1106"/>
      <c r="BB808" s="1106"/>
      <c r="BC808" s="1106"/>
      <c r="BD808" s="1106"/>
      <c r="BE808" s="1106"/>
      <c r="BF808" s="1106"/>
      <c r="BG808" s="1106"/>
      <c r="BH808" s="1106"/>
      <c r="BI808" s="1106"/>
      <c r="BJ808" s="1106"/>
      <c r="BK808" s="1106"/>
      <c r="BL808" s="1106"/>
      <c r="BM808" s="1106"/>
      <c r="BN808" s="1106"/>
      <c r="BO808" s="1106"/>
      <c r="BP808" s="1106"/>
      <c r="BQ808" s="1106"/>
      <c r="BR808" s="1106"/>
      <c r="BS808" s="1106"/>
      <c r="BT808" s="1106"/>
      <c r="BU808" s="1106"/>
      <c r="BV808" s="1106"/>
      <c r="BW808" s="1106"/>
      <c r="BX808" s="1106"/>
      <c r="BY808" s="1106"/>
      <c r="BZ808" s="1106"/>
      <c r="CA808" s="1106"/>
    </row>
    <row r="809" spans="3:79" ht="9" customHeight="1" x14ac:dyDescent="0.2">
      <c r="C809" s="1106"/>
      <c r="D809" s="1106"/>
      <c r="E809" s="1106"/>
      <c r="F809" s="1106"/>
      <c r="G809" s="1106"/>
      <c r="H809" s="1106"/>
      <c r="I809" s="1106"/>
      <c r="J809" s="1106"/>
      <c r="K809" s="1106"/>
      <c r="L809" s="1106"/>
      <c r="M809" s="1106"/>
      <c r="N809" s="1106"/>
      <c r="O809" s="1106"/>
      <c r="U809" s="1106"/>
      <c r="AB809" s="1106"/>
      <c r="AC809" s="1106"/>
      <c r="AD809" s="1106"/>
      <c r="AE809" s="1106"/>
      <c r="AF809" s="1106"/>
      <c r="AG809" s="1106"/>
      <c r="AH809" s="1106"/>
      <c r="AL809" s="1106"/>
      <c r="AO809" s="1106"/>
      <c r="AP809" s="1106"/>
      <c r="AT809" s="1106"/>
      <c r="AU809" s="1106"/>
      <c r="AV809" s="1106"/>
      <c r="AW809" s="1106"/>
      <c r="AX809" s="1106"/>
      <c r="AY809" s="1106"/>
      <c r="AZ809" s="1106"/>
      <c r="BA809" s="1106"/>
      <c r="BB809" s="1106"/>
      <c r="BC809" s="1106"/>
      <c r="BD809" s="1106"/>
      <c r="BE809" s="1106"/>
      <c r="BF809" s="1106"/>
      <c r="BG809" s="1106"/>
      <c r="BH809" s="1106"/>
      <c r="BI809" s="1106"/>
      <c r="BJ809" s="1106"/>
      <c r="BK809" s="1106"/>
      <c r="BL809" s="1106"/>
      <c r="BM809" s="1106"/>
      <c r="BN809" s="1106"/>
      <c r="BO809" s="1106"/>
      <c r="BP809" s="1106"/>
      <c r="BQ809" s="1106"/>
      <c r="BR809" s="1106"/>
      <c r="BS809" s="1106"/>
      <c r="BT809" s="1106"/>
      <c r="BU809" s="1106"/>
      <c r="BV809" s="1106"/>
      <c r="BW809" s="1106"/>
      <c r="BX809" s="1106"/>
      <c r="BY809" s="1106"/>
      <c r="BZ809" s="1106"/>
      <c r="CA809" s="1106"/>
    </row>
    <row r="810" spans="3:79" ht="9" customHeight="1" x14ac:dyDescent="0.2">
      <c r="C810" s="1106"/>
      <c r="D810" s="1106"/>
      <c r="E810" s="1106"/>
      <c r="F810" s="1106"/>
      <c r="G810" s="1106"/>
      <c r="H810" s="1106"/>
      <c r="I810" s="1106"/>
      <c r="J810" s="1106"/>
      <c r="K810" s="1106"/>
      <c r="L810" s="1106"/>
      <c r="M810" s="1106"/>
      <c r="N810" s="1106"/>
      <c r="O810" s="1106"/>
      <c r="U810" s="1106"/>
      <c r="AB810" s="1106"/>
      <c r="AC810" s="1106"/>
      <c r="AD810" s="1106"/>
      <c r="AE810" s="1106"/>
      <c r="AF810" s="1106"/>
      <c r="AG810" s="1106"/>
      <c r="AH810" s="1106"/>
      <c r="AL810" s="1106"/>
      <c r="AT810" s="1106"/>
      <c r="AU810" s="1106"/>
      <c r="AV810" s="1106"/>
      <c r="AW810" s="1106"/>
      <c r="AX810" s="1106"/>
      <c r="AY810" s="1106"/>
      <c r="AZ810" s="1106"/>
      <c r="BA810" s="1106"/>
      <c r="BB810" s="1106"/>
      <c r="BC810" s="1106"/>
      <c r="BD810" s="1106"/>
      <c r="BE810" s="1106"/>
      <c r="BF810" s="1106"/>
      <c r="BG810" s="1106"/>
      <c r="BH810" s="1106"/>
      <c r="BI810" s="1106"/>
      <c r="BJ810" s="1106"/>
      <c r="BK810" s="1106"/>
      <c r="BL810" s="1106"/>
      <c r="BM810" s="1106"/>
      <c r="BN810" s="1106"/>
      <c r="BO810" s="1106"/>
      <c r="BP810" s="1106"/>
      <c r="BQ810" s="1106"/>
      <c r="BR810" s="1106"/>
      <c r="BS810" s="1106"/>
      <c r="BT810" s="1106"/>
      <c r="BU810" s="1106"/>
      <c r="BV810" s="1106"/>
      <c r="BW810" s="1106"/>
      <c r="BX810" s="1106"/>
      <c r="BY810" s="1106"/>
      <c r="BZ810" s="1106"/>
      <c r="CA810" s="1106"/>
    </row>
    <row r="811" spans="3:79" ht="9" customHeight="1" x14ac:dyDescent="0.2">
      <c r="C811" s="1106"/>
      <c r="D811" s="1106"/>
      <c r="E811" s="1106"/>
      <c r="F811" s="1106"/>
      <c r="G811" s="1106"/>
      <c r="H811" s="1106"/>
      <c r="I811" s="1106"/>
      <c r="J811" s="1106"/>
      <c r="K811" s="1106"/>
      <c r="L811" s="1106"/>
      <c r="M811" s="1106"/>
      <c r="N811" s="1106"/>
      <c r="O811" s="1106"/>
      <c r="AB811" s="1106"/>
      <c r="AC811" s="1106"/>
      <c r="AD811" s="1106"/>
      <c r="AE811" s="1106"/>
      <c r="AF811" s="1106"/>
      <c r="AG811" s="1106"/>
      <c r="AH811" s="1106"/>
      <c r="AL811" s="1106"/>
      <c r="AZ811" s="1106"/>
      <c r="BA811" s="1106"/>
      <c r="BB811" s="1106"/>
      <c r="BC811" s="1106"/>
      <c r="BD811" s="1106"/>
      <c r="BE811" s="1106"/>
      <c r="BF811" s="1106"/>
      <c r="BG811" s="1106"/>
      <c r="BH811" s="1106"/>
      <c r="BI811" s="1106"/>
      <c r="BJ811" s="1106"/>
      <c r="BK811" s="1106"/>
      <c r="BL811" s="1106"/>
      <c r="BM811" s="1106"/>
      <c r="BN811" s="1106"/>
      <c r="BO811" s="1106"/>
      <c r="BP811" s="1106"/>
      <c r="BQ811" s="1106"/>
      <c r="BR811" s="1106"/>
      <c r="BS811" s="1106"/>
      <c r="BT811" s="1106"/>
      <c r="BU811" s="1106"/>
      <c r="BV811" s="1106"/>
      <c r="BW811" s="1106"/>
      <c r="BX811" s="1106"/>
      <c r="BY811" s="1106"/>
      <c r="BZ811" s="1106"/>
      <c r="CA811" s="1106"/>
    </row>
    <row r="812" spans="3:79" ht="9" customHeight="1" x14ac:dyDescent="0.2">
      <c r="C812" s="1106"/>
      <c r="D812" s="1106"/>
      <c r="E812" s="1106"/>
      <c r="F812" s="1106"/>
      <c r="G812" s="1106"/>
      <c r="H812" s="1106"/>
      <c r="I812" s="1106"/>
      <c r="J812" s="1106"/>
      <c r="K812" s="1106"/>
      <c r="L812" s="1106"/>
      <c r="M812" s="1106"/>
      <c r="N812" s="1106"/>
      <c r="O812" s="1106"/>
      <c r="AB812" s="1106"/>
      <c r="AC812" s="1106"/>
      <c r="AD812" s="1106"/>
      <c r="AE812" s="1106"/>
      <c r="AF812" s="1106"/>
      <c r="AG812" s="1106"/>
      <c r="AH812" s="1106"/>
      <c r="AL812" s="1106"/>
      <c r="AZ812" s="1106"/>
      <c r="BA812" s="1106"/>
      <c r="BB812" s="1106"/>
      <c r="BC812" s="1106"/>
      <c r="BD812" s="1106"/>
      <c r="BE812" s="1106"/>
      <c r="BF812" s="1106"/>
      <c r="BG812" s="1106"/>
      <c r="BH812" s="1106"/>
      <c r="BI812" s="1106"/>
      <c r="BJ812" s="1106"/>
      <c r="BK812" s="1106"/>
      <c r="BL812" s="1106"/>
      <c r="BM812" s="1106"/>
      <c r="BN812" s="1106"/>
      <c r="BO812" s="1106"/>
      <c r="BP812" s="1106"/>
      <c r="BQ812" s="1106"/>
      <c r="BR812" s="1106"/>
      <c r="BS812" s="1106"/>
      <c r="BT812" s="1106"/>
      <c r="BU812" s="1106"/>
      <c r="BV812" s="1106"/>
      <c r="BW812" s="1106"/>
      <c r="BX812" s="1106"/>
      <c r="BY812" s="1106"/>
      <c r="BZ812" s="1106"/>
      <c r="CA812" s="1106"/>
    </row>
    <row r="813" spans="3:79" ht="9" customHeight="1" x14ac:dyDescent="0.2">
      <c r="C813" s="1106"/>
      <c r="D813" s="1106"/>
      <c r="E813" s="1106"/>
      <c r="F813" s="1106"/>
      <c r="G813" s="1106"/>
      <c r="H813" s="1106"/>
      <c r="I813" s="1106"/>
      <c r="J813" s="1106"/>
      <c r="K813" s="1106"/>
      <c r="L813" s="1106"/>
      <c r="M813" s="1106"/>
      <c r="N813" s="1106"/>
      <c r="O813" s="1106"/>
      <c r="AB813" s="1106"/>
      <c r="AC813" s="1106"/>
      <c r="AD813" s="1106"/>
      <c r="AE813" s="1106"/>
      <c r="AF813" s="1106"/>
      <c r="AG813" s="1106"/>
      <c r="AH813" s="1106"/>
      <c r="AL813" s="1106"/>
      <c r="AZ813" s="1106"/>
      <c r="BA813" s="1106"/>
      <c r="BB813" s="1106"/>
      <c r="BC813" s="1106"/>
      <c r="BD813" s="1106"/>
      <c r="BE813" s="1106"/>
      <c r="BF813" s="1106"/>
      <c r="BG813" s="1106"/>
      <c r="BH813" s="1106"/>
      <c r="BI813" s="1106"/>
      <c r="BJ813" s="1106"/>
      <c r="BK813" s="1106"/>
      <c r="BL813" s="1106"/>
      <c r="BM813" s="1106"/>
      <c r="BN813" s="1106"/>
      <c r="BO813" s="1106"/>
      <c r="BP813" s="1106"/>
      <c r="BQ813" s="1106"/>
      <c r="BR813" s="1106"/>
      <c r="BS813" s="1106"/>
      <c r="BT813" s="1106"/>
      <c r="BU813" s="1106"/>
      <c r="BV813" s="1106"/>
      <c r="BW813" s="1106"/>
      <c r="BX813" s="1106"/>
      <c r="BY813" s="1106"/>
      <c r="BZ813" s="1106"/>
      <c r="CA813" s="1106"/>
    </row>
    <row r="814" spans="3:79" ht="9" customHeight="1" x14ac:dyDescent="0.2">
      <c r="C814" s="1106"/>
      <c r="D814" s="1106"/>
      <c r="E814" s="1106"/>
      <c r="F814" s="1106"/>
      <c r="G814" s="1106"/>
      <c r="H814" s="1106"/>
      <c r="I814" s="1106"/>
      <c r="J814" s="1106"/>
      <c r="K814" s="1106"/>
      <c r="L814" s="1106"/>
      <c r="M814" s="1106"/>
      <c r="N814" s="1106"/>
      <c r="O814" s="1106"/>
      <c r="U814" s="1106"/>
      <c r="AB814" s="1106"/>
      <c r="AC814" s="1106"/>
      <c r="AD814" s="1106"/>
      <c r="AE814" s="1106"/>
      <c r="AF814" s="1106"/>
      <c r="AG814" s="1106"/>
      <c r="AH814" s="1106"/>
      <c r="AL814" s="1106"/>
      <c r="AT814" s="1106"/>
      <c r="AU814" s="1106"/>
      <c r="AV814" s="1106"/>
      <c r="AW814" s="1106"/>
      <c r="AX814" s="1106"/>
      <c r="AY814" s="1106"/>
      <c r="AZ814" s="1106"/>
      <c r="BA814" s="1106"/>
      <c r="BB814" s="1106"/>
      <c r="BC814" s="1106"/>
      <c r="BD814" s="1106"/>
      <c r="BE814" s="1106"/>
      <c r="BF814" s="1106"/>
      <c r="BG814" s="1106"/>
      <c r="BH814" s="1106"/>
      <c r="BI814" s="1106"/>
      <c r="BJ814" s="1106"/>
      <c r="BK814" s="1106"/>
      <c r="BL814" s="1106"/>
      <c r="BM814" s="1106"/>
      <c r="BN814" s="1106"/>
      <c r="BO814" s="1106"/>
      <c r="BP814" s="1106"/>
      <c r="BQ814" s="1106"/>
      <c r="BR814" s="1106"/>
      <c r="BS814" s="1106"/>
      <c r="BT814" s="1106"/>
      <c r="BU814" s="1106"/>
      <c r="BV814" s="1106"/>
      <c r="BW814" s="1106"/>
      <c r="BX814" s="1106"/>
      <c r="BY814" s="1106"/>
      <c r="BZ814" s="1106"/>
      <c r="CA814" s="1106"/>
    </row>
    <row r="815" spans="3:79" ht="9" customHeight="1" x14ac:dyDescent="0.2">
      <c r="C815" s="1106"/>
      <c r="D815" s="1106"/>
      <c r="E815" s="1106"/>
      <c r="F815" s="1106"/>
      <c r="G815" s="1106"/>
      <c r="H815" s="1106"/>
      <c r="I815" s="1106"/>
      <c r="J815" s="1106"/>
      <c r="K815" s="1106"/>
      <c r="L815" s="1106"/>
      <c r="M815" s="1106"/>
      <c r="N815" s="1106"/>
      <c r="O815" s="1106"/>
      <c r="U815" s="1106"/>
      <c r="AB815" s="1106"/>
      <c r="AC815" s="1106"/>
      <c r="AD815" s="1106"/>
      <c r="AE815" s="1106"/>
      <c r="AF815" s="1106"/>
      <c r="AG815" s="1106"/>
      <c r="AH815" s="1106"/>
      <c r="AL815" s="1106"/>
      <c r="AO815" s="1106"/>
      <c r="AP815" s="1106"/>
      <c r="AT815" s="1106"/>
      <c r="AU815" s="1106"/>
      <c r="AV815" s="1106"/>
      <c r="AW815" s="1106"/>
      <c r="AX815" s="1106"/>
      <c r="AY815" s="1106"/>
      <c r="AZ815" s="1106"/>
      <c r="BA815" s="1106"/>
      <c r="BB815" s="1106"/>
      <c r="BC815" s="1106"/>
      <c r="BD815" s="1106"/>
      <c r="BE815" s="1106"/>
      <c r="BF815" s="1106"/>
      <c r="BG815" s="1106"/>
      <c r="BH815" s="1106"/>
      <c r="BI815" s="1106"/>
      <c r="BJ815" s="1106"/>
      <c r="BK815" s="1106"/>
      <c r="BL815" s="1106"/>
      <c r="BM815" s="1106"/>
      <c r="BN815" s="1106"/>
      <c r="BO815" s="1106"/>
      <c r="BP815" s="1106"/>
      <c r="BQ815" s="1106"/>
      <c r="BR815" s="1106"/>
      <c r="BS815" s="1106"/>
      <c r="BT815" s="1106"/>
      <c r="BU815" s="1106"/>
      <c r="BV815" s="1106"/>
      <c r="BW815" s="1106"/>
      <c r="BX815" s="1106"/>
      <c r="BY815" s="1106"/>
      <c r="BZ815" s="1106"/>
      <c r="CA815" s="1106"/>
    </row>
    <row r="816" spans="3:79" ht="9" customHeight="1" x14ac:dyDescent="0.2">
      <c r="C816" s="1106"/>
      <c r="D816" s="1106"/>
      <c r="E816" s="1106"/>
      <c r="F816" s="1106"/>
      <c r="G816" s="1106"/>
      <c r="H816" s="1106"/>
      <c r="I816" s="1106"/>
      <c r="J816" s="1106"/>
      <c r="K816" s="1106"/>
      <c r="L816" s="1106"/>
      <c r="M816" s="1106"/>
      <c r="N816" s="1106"/>
      <c r="O816" s="1106"/>
      <c r="U816" s="1106"/>
      <c r="AB816" s="1106"/>
      <c r="AC816" s="1106"/>
      <c r="AD816" s="1106"/>
      <c r="AE816" s="1106"/>
      <c r="AF816" s="1106"/>
      <c r="AG816" s="1106"/>
      <c r="AH816" s="1106"/>
      <c r="AL816" s="1106"/>
      <c r="AT816" s="1106"/>
      <c r="AU816" s="1106"/>
      <c r="AV816" s="1106"/>
      <c r="AW816" s="1106"/>
      <c r="AX816" s="1106"/>
      <c r="AY816" s="1106"/>
      <c r="AZ816" s="1106"/>
      <c r="BA816" s="1106"/>
      <c r="BB816" s="1106"/>
      <c r="BC816" s="1106"/>
      <c r="BD816" s="1106"/>
      <c r="BE816" s="1106"/>
      <c r="BF816" s="1106"/>
      <c r="BG816" s="1106"/>
      <c r="BH816" s="1106"/>
      <c r="BI816" s="1106"/>
      <c r="BJ816" s="1106"/>
      <c r="BK816" s="1106"/>
      <c r="BL816" s="1106"/>
      <c r="BM816" s="1106"/>
      <c r="BN816" s="1106"/>
      <c r="BO816" s="1106"/>
      <c r="BP816" s="1106"/>
      <c r="BQ816" s="1106"/>
      <c r="BR816" s="1106"/>
      <c r="BS816" s="1106"/>
      <c r="BT816" s="1106"/>
      <c r="BU816" s="1106"/>
      <c r="BV816" s="1106"/>
      <c r="BW816" s="1106"/>
      <c r="BX816" s="1106"/>
      <c r="BY816" s="1106"/>
      <c r="BZ816" s="1106"/>
      <c r="CA816" s="1106"/>
    </row>
    <row r="817" spans="3:79" ht="9" customHeight="1" x14ac:dyDescent="0.2">
      <c r="C817" s="1106"/>
      <c r="D817" s="1106"/>
      <c r="E817" s="1106"/>
      <c r="F817" s="1106"/>
      <c r="G817" s="1106"/>
      <c r="H817" s="1106"/>
      <c r="I817" s="1106"/>
      <c r="J817" s="1106"/>
      <c r="K817" s="1106"/>
      <c r="L817" s="1106"/>
      <c r="M817" s="1106"/>
      <c r="N817" s="1106"/>
      <c r="O817" s="1106"/>
      <c r="AB817" s="1106"/>
      <c r="AC817" s="1106"/>
      <c r="AD817" s="1106"/>
      <c r="AE817" s="1106"/>
      <c r="AF817" s="1106"/>
      <c r="AG817" s="1106"/>
      <c r="AH817" s="1106"/>
      <c r="AL817" s="1106"/>
      <c r="AZ817" s="1106"/>
      <c r="BA817" s="1106"/>
      <c r="BB817" s="1106"/>
      <c r="BC817" s="1106"/>
      <c r="BD817" s="1106"/>
      <c r="BE817" s="1106"/>
      <c r="BF817" s="1106"/>
      <c r="BG817" s="1106"/>
      <c r="BH817" s="1106"/>
      <c r="BI817" s="1106"/>
      <c r="BJ817" s="1106"/>
      <c r="BK817" s="1106"/>
      <c r="BL817" s="1106"/>
      <c r="BM817" s="1106"/>
      <c r="BN817" s="1106"/>
      <c r="BO817" s="1106"/>
      <c r="BP817" s="1106"/>
      <c r="BQ817" s="1106"/>
      <c r="BR817" s="1106"/>
      <c r="BS817" s="1106"/>
      <c r="BT817" s="1106"/>
      <c r="BU817" s="1106"/>
      <c r="BV817" s="1106"/>
      <c r="BW817" s="1106"/>
      <c r="BX817" s="1106"/>
      <c r="BY817" s="1106"/>
      <c r="BZ817" s="1106"/>
      <c r="CA817" s="1106"/>
    </row>
    <row r="818" spans="3:79" ht="9" customHeight="1" x14ac:dyDescent="0.2">
      <c r="C818" s="1106"/>
      <c r="D818" s="1106"/>
      <c r="E818" s="1106"/>
      <c r="F818" s="1106"/>
      <c r="G818" s="1106"/>
      <c r="H818" s="1106"/>
      <c r="I818" s="1106"/>
      <c r="J818" s="1106"/>
      <c r="K818" s="1106"/>
      <c r="L818" s="1106"/>
      <c r="M818" s="1106"/>
      <c r="N818" s="1106"/>
      <c r="O818" s="1106"/>
      <c r="AB818" s="1106"/>
      <c r="AC818" s="1106"/>
      <c r="AD818" s="1106"/>
      <c r="AE818" s="1106"/>
      <c r="AF818" s="1106"/>
      <c r="AG818" s="1106"/>
      <c r="AH818" s="1106"/>
      <c r="AL818" s="1106"/>
      <c r="AZ818" s="1106"/>
      <c r="BA818" s="1106"/>
      <c r="BB818" s="1106"/>
      <c r="BC818" s="1106"/>
      <c r="BD818" s="1106"/>
      <c r="BE818" s="1106"/>
      <c r="BF818" s="1106"/>
      <c r="BG818" s="1106"/>
      <c r="BH818" s="1106"/>
      <c r="BI818" s="1106"/>
      <c r="BJ818" s="1106"/>
      <c r="BK818" s="1106"/>
      <c r="BL818" s="1106"/>
      <c r="BM818" s="1106"/>
      <c r="BN818" s="1106"/>
      <c r="BO818" s="1106"/>
      <c r="BP818" s="1106"/>
      <c r="BQ818" s="1106"/>
      <c r="BR818" s="1106"/>
      <c r="BS818" s="1106"/>
      <c r="BT818" s="1106"/>
      <c r="BU818" s="1106"/>
      <c r="BV818" s="1106"/>
      <c r="BW818" s="1106"/>
      <c r="BX818" s="1106"/>
      <c r="BY818" s="1106"/>
      <c r="BZ818" s="1106"/>
      <c r="CA818" s="1106"/>
    </row>
    <row r="819" spans="3:79" ht="9" customHeight="1" x14ac:dyDescent="0.2">
      <c r="C819" s="1106"/>
      <c r="D819" s="1106"/>
      <c r="E819" s="1106"/>
      <c r="F819" s="1106"/>
      <c r="G819" s="1106"/>
      <c r="H819" s="1106"/>
      <c r="I819" s="1106"/>
      <c r="J819" s="1106"/>
      <c r="K819" s="1106"/>
      <c r="L819" s="1106"/>
      <c r="M819" s="1106"/>
      <c r="N819" s="1106"/>
      <c r="O819" s="1106"/>
      <c r="AB819" s="1106"/>
      <c r="AC819" s="1106"/>
      <c r="AD819" s="1106"/>
      <c r="AE819" s="1106"/>
      <c r="AF819" s="1106"/>
      <c r="AG819" s="1106"/>
      <c r="AH819" s="1106"/>
      <c r="AL819" s="1106"/>
      <c r="AZ819" s="1106"/>
      <c r="BA819" s="1106"/>
      <c r="BB819" s="1106"/>
      <c r="BC819" s="1106"/>
      <c r="BD819" s="1106"/>
      <c r="BE819" s="1106"/>
      <c r="BF819" s="1106"/>
      <c r="BG819" s="1106"/>
      <c r="BH819" s="1106"/>
      <c r="BI819" s="1106"/>
      <c r="BJ819" s="1106"/>
      <c r="BK819" s="1106"/>
      <c r="BL819" s="1106"/>
      <c r="BM819" s="1106"/>
      <c r="BN819" s="1106"/>
      <c r="BO819" s="1106"/>
      <c r="BP819" s="1106"/>
      <c r="BQ819" s="1106"/>
      <c r="BR819" s="1106"/>
      <c r="BS819" s="1106"/>
      <c r="BT819" s="1106"/>
      <c r="BU819" s="1106"/>
      <c r="BV819" s="1106"/>
      <c r="BW819" s="1106"/>
      <c r="BX819" s="1106"/>
      <c r="BY819" s="1106"/>
      <c r="BZ819" s="1106"/>
      <c r="CA819" s="1106"/>
    </row>
    <row r="820" spans="3:79" ht="9" customHeight="1" x14ac:dyDescent="0.2">
      <c r="C820" s="1106"/>
      <c r="D820" s="1106"/>
      <c r="E820" s="1106"/>
      <c r="F820" s="1106"/>
      <c r="G820" s="1106"/>
      <c r="H820" s="1106"/>
      <c r="I820" s="1106"/>
      <c r="J820" s="1106"/>
      <c r="K820" s="1106"/>
      <c r="L820" s="1106"/>
      <c r="M820" s="1106"/>
      <c r="N820" s="1106"/>
      <c r="O820" s="1106"/>
      <c r="U820" s="1106"/>
      <c r="AB820" s="1106"/>
      <c r="AC820" s="1106"/>
      <c r="AD820" s="1106"/>
      <c r="AE820" s="1106"/>
      <c r="AF820" s="1106"/>
      <c r="AG820" s="1106"/>
      <c r="AH820" s="1106"/>
      <c r="AL820" s="1106"/>
      <c r="AT820" s="1106"/>
      <c r="AU820" s="1106"/>
      <c r="AV820" s="1106"/>
      <c r="AW820" s="1106"/>
      <c r="AX820" s="1106"/>
      <c r="AY820" s="1106"/>
      <c r="AZ820" s="1106"/>
      <c r="BA820" s="1106"/>
      <c r="BB820" s="1106"/>
      <c r="BC820" s="1106"/>
      <c r="BD820" s="1106"/>
      <c r="BE820" s="1106"/>
      <c r="BF820" s="1106"/>
      <c r="BG820" s="1106"/>
      <c r="BH820" s="1106"/>
      <c r="BI820" s="1106"/>
      <c r="BJ820" s="1106"/>
      <c r="BK820" s="1106"/>
      <c r="BL820" s="1106"/>
      <c r="BM820" s="1106"/>
      <c r="BN820" s="1106"/>
      <c r="BO820" s="1106"/>
      <c r="BP820" s="1106"/>
      <c r="BQ820" s="1106"/>
      <c r="BR820" s="1106"/>
      <c r="BS820" s="1106"/>
      <c r="BT820" s="1106"/>
      <c r="BU820" s="1106"/>
      <c r="BV820" s="1106"/>
      <c r="BW820" s="1106"/>
      <c r="BX820" s="1106"/>
      <c r="BY820" s="1106"/>
      <c r="BZ820" s="1106"/>
      <c r="CA820" s="1106"/>
    </row>
    <row r="821" spans="3:79" ht="9" customHeight="1" x14ac:dyDescent="0.2">
      <c r="C821" s="1106"/>
      <c r="D821" s="1106"/>
      <c r="E821" s="1106"/>
      <c r="F821" s="1106"/>
      <c r="G821" s="1106"/>
      <c r="H821" s="1106"/>
      <c r="I821" s="1106"/>
      <c r="J821" s="1106"/>
      <c r="K821" s="1106"/>
      <c r="L821" s="1106"/>
      <c r="M821" s="1106"/>
      <c r="N821" s="1106"/>
      <c r="O821" s="1106"/>
      <c r="U821" s="1106"/>
      <c r="AB821" s="1106"/>
      <c r="AC821" s="1106"/>
      <c r="AD821" s="1106"/>
      <c r="AE821" s="1106"/>
      <c r="AF821" s="1106"/>
      <c r="AG821" s="1106"/>
      <c r="AH821" s="1106"/>
      <c r="AL821" s="1106"/>
      <c r="AO821" s="1106"/>
      <c r="AP821" s="1106"/>
      <c r="AT821" s="1106"/>
      <c r="AU821" s="1106"/>
      <c r="AV821" s="1106"/>
      <c r="AW821" s="1106"/>
      <c r="AX821" s="1106"/>
      <c r="AY821" s="1106"/>
      <c r="AZ821" s="1106"/>
      <c r="BA821" s="1106"/>
      <c r="BB821" s="1106"/>
      <c r="BC821" s="1106"/>
      <c r="BD821" s="1106"/>
      <c r="BE821" s="1106"/>
      <c r="BF821" s="1106"/>
      <c r="BG821" s="1106"/>
      <c r="BH821" s="1106"/>
      <c r="BI821" s="1106"/>
      <c r="BJ821" s="1106"/>
      <c r="BK821" s="1106"/>
      <c r="BL821" s="1106"/>
      <c r="BM821" s="1106"/>
      <c r="BN821" s="1106"/>
      <c r="BO821" s="1106"/>
      <c r="BP821" s="1106"/>
      <c r="BQ821" s="1106"/>
      <c r="BR821" s="1106"/>
      <c r="BS821" s="1106"/>
      <c r="BT821" s="1106"/>
      <c r="BU821" s="1106"/>
      <c r="BV821" s="1106"/>
      <c r="BW821" s="1106"/>
      <c r="BX821" s="1106"/>
      <c r="BY821" s="1106"/>
      <c r="BZ821" s="1106"/>
      <c r="CA821" s="1106"/>
    </row>
    <row r="822" spans="3:79" ht="9" customHeight="1" x14ac:dyDescent="0.2">
      <c r="C822" s="1106"/>
      <c r="D822" s="1106"/>
      <c r="E822" s="1106"/>
      <c r="F822" s="1106"/>
      <c r="G822" s="1106"/>
      <c r="H822" s="1106"/>
      <c r="I822" s="1106"/>
      <c r="J822" s="1106"/>
      <c r="K822" s="1106"/>
      <c r="L822" s="1106"/>
      <c r="M822" s="1106"/>
      <c r="N822" s="1106"/>
      <c r="O822" s="1106"/>
      <c r="U822" s="1106"/>
      <c r="AB822" s="1106"/>
      <c r="AC822" s="1106"/>
      <c r="AD822" s="1106"/>
      <c r="AE822" s="1106"/>
      <c r="AF822" s="1106"/>
      <c r="AG822" s="1106"/>
      <c r="AH822" s="1106"/>
      <c r="AL822" s="1106"/>
      <c r="AT822" s="1106"/>
      <c r="AU822" s="1106"/>
      <c r="AV822" s="1106"/>
      <c r="AW822" s="1106"/>
      <c r="AX822" s="1106"/>
      <c r="AY822" s="1106"/>
      <c r="AZ822" s="1106"/>
      <c r="BA822" s="1106"/>
      <c r="BB822" s="1106"/>
      <c r="BC822" s="1106"/>
      <c r="BD822" s="1106"/>
      <c r="BE822" s="1106"/>
      <c r="BF822" s="1106"/>
      <c r="BG822" s="1106"/>
      <c r="BH822" s="1106"/>
      <c r="BI822" s="1106"/>
      <c r="BJ822" s="1106"/>
      <c r="BK822" s="1106"/>
      <c r="BL822" s="1106"/>
      <c r="BM822" s="1106"/>
      <c r="BN822" s="1106"/>
      <c r="BO822" s="1106"/>
      <c r="BP822" s="1106"/>
      <c r="BQ822" s="1106"/>
      <c r="BR822" s="1106"/>
      <c r="BS822" s="1106"/>
      <c r="BT822" s="1106"/>
      <c r="BU822" s="1106"/>
      <c r="BV822" s="1106"/>
      <c r="BW822" s="1106"/>
      <c r="BX822" s="1106"/>
      <c r="BY822" s="1106"/>
      <c r="BZ822" s="1106"/>
      <c r="CA822" s="1106"/>
    </row>
    <row r="823" spans="3:79" ht="9" customHeight="1" x14ac:dyDescent="0.2">
      <c r="C823" s="1106"/>
      <c r="D823" s="1106"/>
      <c r="E823" s="1106"/>
      <c r="F823" s="1106"/>
      <c r="G823" s="1106"/>
      <c r="H823" s="1106"/>
      <c r="I823" s="1106"/>
      <c r="J823" s="1106"/>
      <c r="K823" s="1106"/>
      <c r="L823" s="1106"/>
      <c r="M823" s="1106"/>
      <c r="N823" s="1106"/>
      <c r="O823" s="1106"/>
      <c r="AB823" s="1106"/>
      <c r="AC823" s="1106"/>
      <c r="AD823" s="1106"/>
      <c r="AE823" s="1106"/>
      <c r="AF823" s="1106"/>
      <c r="AG823" s="1106"/>
      <c r="AH823" s="1106"/>
      <c r="AL823" s="1106"/>
      <c r="AZ823" s="1106"/>
      <c r="BA823" s="1106"/>
      <c r="BB823" s="1106"/>
      <c r="BC823" s="1106"/>
      <c r="BD823" s="1106"/>
      <c r="BE823" s="1106"/>
      <c r="BF823" s="1106"/>
      <c r="BG823" s="1106"/>
      <c r="BH823" s="1106"/>
      <c r="BI823" s="1106"/>
      <c r="BJ823" s="1106"/>
      <c r="BK823" s="1106"/>
      <c r="BL823" s="1106"/>
      <c r="BM823" s="1106"/>
      <c r="BN823" s="1106"/>
      <c r="BO823" s="1106"/>
      <c r="BP823" s="1106"/>
      <c r="BQ823" s="1106"/>
      <c r="BR823" s="1106"/>
      <c r="BS823" s="1106"/>
      <c r="BT823" s="1106"/>
      <c r="BU823" s="1106"/>
      <c r="BV823" s="1106"/>
      <c r="BW823" s="1106"/>
      <c r="BX823" s="1106"/>
      <c r="BY823" s="1106"/>
      <c r="BZ823" s="1106"/>
      <c r="CA823" s="1106"/>
    </row>
    <row r="824" spans="3:79" ht="9" customHeight="1" x14ac:dyDescent="0.2">
      <c r="C824" s="1106"/>
      <c r="D824" s="1106"/>
      <c r="E824" s="1106"/>
      <c r="F824" s="1106"/>
      <c r="G824" s="1106"/>
      <c r="H824" s="1106"/>
      <c r="I824" s="1106"/>
      <c r="J824" s="1106"/>
      <c r="K824" s="1106"/>
      <c r="L824" s="1106"/>
      <c r="M824" s="1106"/>
      <c r="N824" s="1106"/>
      <c r="O824" s="1106"/>
      <c r="AB824" s="1106"/>
      <c r="AC824" s="1106"/>
      <c r="AD824" s="1106"/>
      <c r="AE824" s="1106"/>
      <c r="AF824" s="1106"/>
      <c r="AG824" s="1106"/>
      <c r="AH824" s="1106"/>
      <c r="AL824" s="1106"/>
      <c r="AZ824" s="1106"/>
      <c r="BA824" s="1106"/>
      <c r="BB824" s="1106"/>
      <c r="BC824" s="1106"/>
      <c r="BD824" s="1106"/>
      <c r="BE824" s="1106"/>
      <c r="BF824" s="1106"/>
      <c r="BG824" s="1106"/>
      <c r="BH824" s="1106"/>
      <c r="BI824" s="1106"/>
      <c r="BJ824" s="1106"/>
      <c r="BK824" s="1106"/>
      <c r="BL824" s="1106"/>
      <c r="BM824" s="1106"/>
      <c r="BN824" s="1106"/>
      <c r="BO824" s="1106"/>
      <c r="BP824" s="1106"/>
      <c r="BQ824" s="1106"/>
      <c r="BR824" s="1106"/>
      <c r="BS824" s="1106"/>
      <c r="BT824" s="1106"/>
      <c r="BU824" s="1106"/>
      <c r="BV824" s="1106"/>
      <c r="BW824" s="1106"/>
      <c r="BX824" s="1106"/>
      <c r="BY824" s="1106"/>
      <c r="BZ824" s="1106"/>
      <c r="CA824" s="1106"/>
    </row>
    <row r="825" spans="3:79" ht="9" customHeight="1" x14ac:dyDescent="0.2">
      <c r="C825" s="1106"/>
      <c r="D825" s="1106"/>
      <c r="E825" s="1106"/>
      <c r="F825" s="1106"/>
      <c r="G825" s="1106"/>
      <c r="H825" s="1106"/>
      <c r="I825" s="1106"/>
      <c r="J825" s="1106"/>
      <c r="K825" s="1106"/>
      <c r="L825" s="1106"/>
      <c r="M825" s="1106"/>
      <c r="N825" s="1106"/>
      <c r="O825" s="1106"/>
      <c r="AB825" s="1106"/>
      <c r="AC825" s="1106"/>
      <c r="AD825" s="1106"/>
      <c r="AE825" s="1106"/>
      <c r="AF825" s="1106"/>
      <c r="AG825" s="1106"/>
      <c r="AH825" s="1106"/>
      <c r="AL825" s="1106"/>
      <c r="AZ825" s="1106"/>
      <c r="BA825" s="1106"/>
      <c r="BB825" s="1106"/>
      <c r="BC825" s="1106"/>
      <c r="BD825" s="1106"/>
      <c r="BE825" s="1106"/>
      <c r="BF825" s="1106"/>
      <c r="BG825" s="1106"/>
      <c r="BH825" s="1106"/>
      <c r="BI825" s="1106"/>
      <c r="BJ825" s="1106"/>
      <c r="BK825" s="1106"/>
      <c r="BL825" s="1106"/>
      <c r="BM825" s="1106"/>
      <c r="BN825" s="1106"/>
      <c r="BO825" s="1106"/>
      <c r="BP825" s="1106"/>
      <c r="BQ825" s="1106"/>
      <c r="BR825" s="1106"/>
      <c r="BS825" s="1106"/>
      <c r="BT825" s="1106"/>
      <c r="BU825" s="1106"/>
      <c r="BV825" s="1106"/>
      <c r="BW825" s="1106"/>
      <c r="BX825" s="1106"/>
      <c r="BY825" s="1106"/>
      <c r="BZ825" s="1106"/>
      <c r="CA825" s="1106"/>
    </row>
    <row r="826" spans="3:79" ht="9" customHeight="1" x14ac:dyDescent="0.2">
      <c r="C826" s="1106"/>
      <c r="D826" s="1106"/>
      <c r="E826" s="1106"/>
      <c r="F826" s="1106"/>
      <c r="G826" s="1106"/>
      <c r="H826" s="1106"/>
      <c r="I826" s="1106"/>
      <c r="J826" s="1106"/>
      <c r="K826" s="1106"/>
      <c r="L826" s="1106"/>
      <c r="M826" s="1106"/>
      <c r="N826" s="1106"/>
      <c r="O826" s="1106"/>
      <c r="U826" s="1106"/>
      <c r="AB826" s="1106"/>
      <c r="AC826" s="1106"/>
      <c r="AD826" s="1106"/>
      <c r="AE826" s="1106"/>
      <c r="AF826" s="1106"/>
      <c r="AG826" s="1106"/>
      <c r="AH826" s="1106"/>
      <c r="AL826" s="1106"/>
      <c r="AT826" s="1106"/>
      <c r="AU826" s="1106"/>
      <c r="AV826" s="1106"/>
      <c r="AW826" s="1106"/>
      <c r="AX826" s="1106"/>
      <c r="AY826" s="1106"/>
      <c r="AZ826" s="1106"/>
      <c r="BA826" s="1106"/>
      <c r="BB826" s="1106"/>
      <c r="BC826" s="1106"/>
      <c r="BD826" s="1106"/>
      <c r="BE826" s="1106"/>
      <c r="BF826" s="1106"/>
      <c r="BG826" s="1106"/>
      <c r="BH826" s="1106"/>
      <c r="BI826" s="1106"/>
      <c r="BJ826" s="1106"/>
      <c r="BK826" s="1106"/>
      <c r="BL826" s="1106"/>
      <c r="BM826" s="1106"/>
      <c r="BN826" s="1106"/>
      <c r="BO826" s="1106"/>
      <c r="BP826" s="1106"/>
      <c r="BQ826" s="1106"/>
      <c r="BR826" s="1106"/>
      <c r="BS826" s="1106"/>
      <c r="BT826" s="1106"/>
      <c r="BU826" s="1106"/>
      <c r="BV826" s="1106"/>
      <c r="BW826" s="1106"/>
      <c r="BX826" s="1106"/>
      <c r="BY826" s="1106"/>
      <c r="BZ826" s="1106"/>
      <c r="CA826" s="1106"/>
    </row>
    <row r="827" spans="3:79" ht="9" customHeight="1" x14ac:dyDescent="0.2">
      <c r="C827" s="1106"/>
      <c r="D827" s="1106"/>
      <c r="E827" s="1106"/>
      <c r="F827" s="1106"/>
      <c r="G827" s="1106"/>
      <c r="H827" s="1106"/>
      <c r="I827" s="1106"/>
      <c r="J827" s="1106"/>
      <c r="K827" s="1106"/>
      <c r="L827" s="1106"/>
      <c r="M827" s="1106"/>
      <c r="N827" s="1106"/>
      <c r="O827" s="1106"/>
      <c r="U827" s="1106"/>
      <c r="AB827" s="1106"/>
      <c r="AC827" s="1106"/>
      <c r="AD827" s="1106"/>
      <c r="AE827" s="1106"/>
      <c r="AF827" s="1106"/>
      <c r="AG827" s="1106"/>
      <c r="AH827" s="1106"/>
      <c r="AL827" s="1106"/>
      <c r="AO827" s="1106"/>
      <c r="AP827" s="1106"/>
      <c r="AT827" s="1106"/>
      <c r="AU827" s="1106"/>
      <c r="AV827" s="1106"/>
      <c r="AW827" s="1106"/>
      <c r="AX827" s="1106"/>
      <c r="AY827" s="1106"/>
      <c r="AZ827" s="1106"/>
      <c r="BA827" s="1106"/>
      <c r="BB827" s="1106"/>
      <c r="BC827" s="1106"/>
      <c r="BD827" s="1106"/>
      <c r="BE827" s="1106"/>
      <c r="BF827" s="1106"/>
      <c r="BG827" s="1106"/>
      <c r="BH827" s="1106"/>
      <c r="BI827" s="1106"/>
      <c r="BJ827" s="1106"/>
      <c r="BK827" s="1106"/>
      <c r="BL827" s="1106"/>
      <c r="BM827" s="1106"/>
      <c r="BN827" s="1106"/>
      <c r="BO827" s="1106"/>
      <c r="BP827" s="1106"/>
      <c r="BQ827" s="1106"/>
      <c r="BR827" s="1106"/>
      <c r="BS827" s="1106"/>
      <c r="BT827" s="1106"/>
      <c r="BU827" s="1106"/>
      <c r="BV827" s="1106"/>
      <c r="BW827" s="1106"/>
      <c r="BX827" s="1106"/>
      <c r="BY827" s="1106"/>
      <c r="BZ827" s="1106"/>
      <c r="CA827" s="1106"/>
    </row>
    <row r="828" spans="3:79" ht="9" customHeight="1" x14ac:dyDescent="0.2">
      <c r="C828" s="1106"/>
      <c r="D828" s="1106"/>
      <c r="E828" s="1106"/>
      <c r="F828" s="1106"/>
      <c r="G828" s="1106"/>
      <c r="H828" s="1106"/>
      <c r="I828" s="1106"/>
      <c r="J828" s="1106"/>
      <c r="K828" s="1106"/>
      <c r="L828" s="1106"/>
      <c r="M828" s="1106"/>
      <c r="N828" s="1106"/>
      <c r="O828" s="1106"/>
      <c r="U828" s="1106"/>
      <c r="AB828" s="1106"/>
      <c r="AC828" s="1106"/>
      <c r="AD828" s="1106"/>
      <c r="AE828" s="1106"/>
      <c r="AF828" s="1106"/>
      <c r="AG828" s="1106"/>
      <c r="AH828" s="1106"/>
      <c r="AL828" s="1106"/>
      <c r="AT828" s="1106"/>
      <c r="AU828" s="1106"/>
      <c r="AV828" s="1106"/>
      <c r="AW828" s="1106"/>
      <c r="AX828" s="1106"/>
      <c r="AY828" s="1106"/>
      <c r="AZ828" s="1106"/>
      <c r="BA828" s="1106"/>
      <c r="BB828" s="1106"/>
      <c r="BC828" s="1106"/>
      <c r="BD828" s="1106"/>
      <c r="BE828" s="1106"/>
      <c r="BF828" s="1106"/>
      <c r="BG828" s="1106"/>
      <c r="BH828" s="1106"/>
      <c r="BI828" s="1106"/>
      <c r="BJ828" s="1106"/>
      <c r="BK828" s="1106"/>
      <c r="BL828" s="1106"/>
      <c r="BM828" s="1106"/>
      <c r="BN828" s="1106"/>
      <c r="BO828" s="1106"/>
      <c r="BP828" s="1106"/>
      <c r="BQ828" s="1106"/>
      <c r="BR828" s="1106"/>
      <c r="BS828" s="1106"/>
      <c r="BT828" s="1106"/>
      <c r="BU828" s="1106"/>
      <c r="BV828" s="1106"/>
      <c r="BW828" s="1106"/>
      <c r="BX828" s="1106"/>
      <c r="BY828" s="1106"/>
      <c r="BZ828" s="1106"/>
      <c r="CA828" s="1106"/>
    </row>
    <row r="829" spans="3:79" ht="9" customHeight="1" x14ac:dyDescent="0.2">
      <c r="C829" s="1106"/>
      <c r="D829" s="1106"/>
      <c r="E829" s="1106"/>
      <c r="F829" s="1106"/>
      <c r="G829" s="1106"/>
      <c r="H829" s="1106"/>
      <c r="I829" s="1106"/>
      <c r="J829" s="1106"/>
      <c r="K829" s="1106"/>
      <c r="L829" s="1106"/>
      <c r="M829" s="1106"/>
      <c r="N829" s="1106"/>
      <c r="O829" s="1106"/>
      <c r="AB829" s="1106"/>
      <c r="AC829" s="1106"/>
      <c r="AD829" s="1106"/>
      <c r="AE829" s="1106"/>
      <c r="AF829" s="1106"/>
      <c r="AG829" s="1106"/>
      <c r="AH829" s="1106"/>
      <c r="AL829" s="1106"/>
      <c r="AZ829" s="1106"/>
      <c r="BA829" s="1106"/>
      <c r="BB829" s="1106"/>
      <c r="BC829" s="1106"/>
      <c r="BD829" s="1106"/>
      <c r="BE829" s="1106"/>
      <c r="BF829" s="1106"/>
      <c r="BG829" s="1106"/>
      <c r="BH829" s="1106"/>
      <c r="BI829" s="1106"/>
      <c r="BJ829" s="1106"/>
      <c r="BK829" s="1106"/>
      <c r="BL829" s="1106"/>
      <c r="BM829" s="1106"/>
      <c r="BN829" s="1106"/>
      <c r="BO829" s="1106"/>
      <c r="BP829" s="1106"/>
      <c r="BQ829" s="1106"/>
      <c r="BR829" s="1106"/>
      <c r="BS829" s="1106"/>
      <c r="BT829" s="1106"/>
      <c r="BU829" s="1106"/>
      <c r="BV829" s="1106"/>
      <c r="BW829" s="1106"/>
      <c r="BX829" s="1106"/>
      <c r="BY829" s="1106"/>
      <c r="BZ829" s="1106"/>
      <c r="CA829" s="1106"/>
    </row>
    <row r="830" spans="3:79" ht="9" customHeight="1" x14ac:dyDescent="0.2">
      <c r="C830" s="1106"/>
      <c r="D830" s="1106"/>
      <c r="E830" s="1106"/>
      <c r="F830" s="1106"/>
      <c r="G830" s="1106"/>
      <c r="H830" s="1106"/>
      <c r="I830" s="1106"/>
      <c r="J830" s="1106"/>
      <c r="K830" s="1106"/>
      <c r="L830" s="1106"/>
      <c r="M830" s="1106"/>
      <c r="N830" s="1106"/>
      <c r="O830" s="1106"/>
      <c r="AB830" s="1106"/>
      <c r="AC830" s="1106"/>
      <c r="AD830" s="1106"/>
      <c r="AE830" s="1106"/>
      <c r="AF830" s="1106"/>
      <c r="AG830" s="1106"/>
      <c r="AH830" s="1106"/>
      <c r="AL830" s="1106"/>
      <c r="AZ830" s="1106"/>
      <c r="BA830" s="1106"/>
      <c r="BB830" s="1106"/>
      <c r="BC830" s="1106"/>
      <c r="BD830" s="1106"/>
      <c r="BE830" s="1106"/>
      <c r="BF830" s="1106"/>
      <c r="BG830" s="1106"/>
      <c r="BH830" s="1106"/>
      <c r="BI830" s="1106"/>
      <c r="BJ830" s="1106"/>
      <c r="BK830" s="1106"/>
      <c r="BL830" s="1106"/>
      <c r="BM830" s="1106"/>
      <c r="BN830" s="1106"/>
      <c r="BO830" s="1106"/>
      <c r="BP830" s="1106"/>
      <c r="BQ830" s="1106"/>
      <c r="BR830" s="1106"/>
      <c r="BS830" s="1106"/>
      <c r="BT830" s="1106"/>
      <c r="BU830" s="1106"/>
      <c r="BV830" s="1106"/>
      <c r="BW830" s="1106"/>
      <c r="BX830" s="1106"/>
      <c r="BY830" s="1106"/>
      <c r="BZ830" s="1106"/>
      <c r="CA830" s="1106"/>
    </row>
    <row r="831" spans="3:79" ht="9" customHeight="1" x14ac:dyDescent="0.2">
      <c r="C831" s="1106"/>
      <c r="D831" s="1106"/>
      <c r="E831" s="1106"/>
      <c r="F831" s="1106"/>
      <c r="G831" s="1106"/>
      <c r="H831" s="1106"/>
      <c r="I831" s="1106"/>
      <c r="J831" s="1106"/>
      <c r="K831" s="1106"/>
      <c r="L831" s="1106"/>
      <c r="M831" s="1106"/>
      <c r="N831" s="1106"/>
      <c r="O831" s="1106"/>
      <c r="AB831" s="1106"/>
      <c r="AC831" s="1106"/>
      <c r="AD831" s="1106"/>
      <c r="AE831" s="1106"/>
      <c r="AF831" s="1106"/>
      <c r="AG831" s="1106"/>
      <c r="AH831" s="1106"/>
      <c r="AL831" s="1106"/>
      <c r="AZ831" s="1106"/>
      <c r="BA831" s="1106"/>
      <c r="BB831" s="1106"/>
      <c r="BC831" s="1106"/>
      <c r="BD831" s="1106"/>
      <c r="BE831" s="1106"/>
      <c r="BF831" s="1106"/>
      <c r="BG831" s="1106"/>
      <c r="BH831" s="1106"/>
      <c r="BI831" s="1106"/>
      <c r="BJ831" s="1106"/>
      <c r="BK831" s="1106"/>
      <c r="BL831" s="1106"/>
      <c r="BM831" s="1106"/>
      <c r="BN831" s="1106"/>
      <c r="BO831" s="1106"/>
      <c r="BP831" s="1106"/>
      <c r="BQ831" s="1106"/>
      <c r="BR831" s="1106"/>
      <c r="BS831" s="1106"/>
      <c r="BT831" s="1106"/>
      <c r="BU831" s="1106"/>
      <c r="BV831" s="1106"/>
      <c r="BW831" s="1106"/>
      <c r="BX831" s="1106"/>
      <c r="BY831" s="1106"/>
      <c r="BZ831" s="1106"/>
      <c r="CA831" s="1106"/>
    </row>
    <row r="832" spans="3:79" ht="9" customHeight="1" x14ac:dyDescent="0.2">
      <c r="C832" s="1106"/>
      <c r="D832" s="1106"/>
      <c r="E832" s="1106"/>
      <c r="F832" s="1106"/>
      <c r="G832" s="1106"/>
      <c r="H832" s="1106"/>
      <c r="I832" s="1106"/>
      <c r="J832" s="1106"/>
      <c r="K832" s="1106"/>
      <c r="L832" s="1106"/>
      <c r="M832" s="1106"/>
      <c r="N832" s="1106"/>
      <c r="O832" s="1106"/>
      <c r="U832" s="1106"/>
      <c r="AB832" s="1106"/>
      <c r="AC832" s="1106"/>
      <c r="AD832" s="1106"/>
      <c r="AE832" s="1106"/>
      <c r="AF832" s="1106"/>
      <c r="AG832" s="1106"/>
      <c r="AH832" s="1106"/>
      <c r="AL832" s="1106"/>
      <c r="AT832" s="1106"/>
      <c r="AU832" s="1106"/>
      <c r="AV832" s="1106"/>
      <c r="AW832" s="1106"/>
      <c r="AX832" s="1106"/>
      <c r="AY832" s="1106"/>
      <c r="AZ832" s="1106"/>
      <c r="BA832" s="1106"/>
      <c r="BB832" s="1106"/>
      <c r="BC832" s="1106"/>
      <c r="BD832" s="1106"/>
      <c r="BE832" s="1106"/>
      <c r="BF832" s="1106"/>
      <c r="BG832" s="1106"/>
      <c r="BH832" s="1106"/>
      <c r="BI832" s="1106"/>
      <c r="BJ832" s="1106"/>
      <c r="BK832" s="1106"/>
      <c r="BL832" s="1106"/>
      <c r="BM832" s="1106"/>
      <c r="BN832" s="1106"/>
      <c r="BO832" s="1106"/>
      <c r="BP832" s="1106"/>
      <c r="BQ832" s="1106"/>
      <c r="BR832" s="1106"/>
      <c r="BS832" s="1106"/>
      <c r="BT832" s="1106"/>
      <c r="BU832" s="1106"/>
      <c r="BV832" s="1106"/>
      <c r="BW832" s="1106"/>
      <c r="BX832" s="1106"/>
      <c r="BY832" s="1106"/>
      <c r="BZ832" s="1106"/>
      <c r="CA832" s="1106"/>
    </row>
    <row r="833" spans="3:79" ht="9" customHeight="1" x14ac:dyDescent="0.2">
      <c r="C833" s="1106"/>
      <c r="D833" s="1106"/>
      <c r="E833" s="1106"/>
      <c r="F833" s="1106"/>
      <c r="G833" s="1106"/>
      <c r="H833" s="1106"/>
      <c r="I833" s="1106"/>
      <c r="J833" s="1106"/>
      <c r="K833" s="1106"/>
      <c r="L833" s="1106"/>
      <c r="M833" s="1106"/>
      <c r="N833" s="1106"/>
      <c r="O833" s="1106"/>
      <c r="U833" s="1106"/>
      <c r="AB833" s="1106"/>
      <c r="AC833" s="1106"/>
      <c r="AD833" s="1106"/>
      <c r="AE833" s="1106"/>
      <c r="AF833" s="1106"/>
      <c r="AG833" s="1106"/>
      <c r="AH833" s="1106"/>
      <c r="AL833" s="1106"/>
      <c r="AO833" s="1106"/>
      <c r="AP833" s="1106"/>
      <c r="AT833" s="1106"/>
      <c r="AU833" s="1106"/>
      <c r="AV833" s="1106"/>
      <c r="AW833" s="1106"/>
      <c r="AX833" s="1106"/>
      <c r="AY833" s="1106"/>
      <c r="AZ833" s="1106"/>
      <c r="BA833" s="1106"/>
      <c r="BB833" s="1106"/>
      <c r="BC833" s="1106"/>
      <c r="BD833" s="1106"/>
      <c r="BE833" s="1106"/>
      <c r="BF833" s="1106"/>
      <c r="BG833" s="1106"/>
      <c r="BH833" s="1106"/>
      <c r="BI833" s="1106"/>
      <c r="BJ833" s="1106"/>
      <c r="BK833" s="1106"/>
      <c r="BL833" s="1106"/>
      <c r="BM833" s="1106"/>
      <c r="BN833" s="1106"/>
      <c r="BO833" s="1106"/>
      <c r="BP833" s="1106"/>
      <c r="BQ833" s="1106"/>
      <c r="BR833" s="1106"/>
      <c r="BS833" s="1106"/>
      <c r="BT833" s="1106"/>
      <c r="BU833" s="1106"/>
      <c r="BV833" s="1106"/>
      <c r="BW833" s="1106"/>
      <c r="BX833" s="1106"/>
      <c r="BY833" s="1106"/>
      <c r="BZ833" s="1106"/>
      <c r="CA833" s="1106"/>
    </row>
    <row r="834" spans="3:79" ht="9" customHeight="1" x14ac:dyDescent="0.2">
      <c r="C834" s="1106"/>
      <c r="D834" s="1106"/>
      <c r="E834" s="1106"/>
      <c r="F834" s="1106"/>
      <c r="G834" s="1106"/>
      <c r="H834" s="1106"/>
      <c r="I834" s="1106"/>
      <c r="J834" s="1106"/>
      <c r="K834" s="1106"/>
      <c r="L834" s="1106"/>
      <c r="M834" s="1106"/>
      <c r="N834" s="1106"/>
      <c r="O834" s="1106"/>
      <c r="U834" s="1106"/>
      <c r="AB834" s="1106"/>
      <c r="AC834" s="1106"/>
      <c r="AD834" s="1106"/>
      <c r="AE834" s="1106"/>
      <c r="AF834" s="1106"/>
      <c r="AG834" s="1106"/>
      <c r="AH834" s="1106"/>
      <c r="AL834" s="1106"/>
      <c r="AT834" s="1106"/>
      <c r="AU834" s="1106"/>
      <c r="AV834" s="1106"/>
      <c r="AW834" s="1106"/>
      <c r="AX834" s="1106"/>
      <c r="AY834" s="1106"/>
      <c r="AZ834" s="1106"/>
      <c r="BA834" s="1106"/>
      <c r="BB834" s="1106"/>
      <c r="BC834" s="1106"/>
      <c r="BD834" s="1106"/>
      <c r="BE834" s="1106"/>
      <c r="BF834" s="1106"/>
      <c r="BG834" s="1106"/>
      <c r="BH834" s="1106"/>
      <c r="BI834" s="1106"/>
      <c r="BJ834" s="1106"/>
      <c r="BK834" s="1106"/>
      <c r="BL834" s="1106"/>
      <c r="BM834" s="1106"/>
      <c r="BN834" s="1106"/>
      <c r="BO834" s="1106"/>
      <c r="BP834" s="1106"/>
      <c r="BQ834" s="1106"/>
      <c r="BR834" s="1106"/>
      <c r="BS834" s="1106"/>
      <c r="BT834" s="1106"/>
      <c r="BU834" s="1106"/>
      <c r="BV834" s="1106"/>
      <c r="BW834" s="1106"/>
      <c r="BX834" s="1106"/>
      <c r="BY834" s="1106"/>
      <c r="BZ834" s="1106"/>
      <c r="CA834" s="1106"/>
    </row>
    <row r="835" spans="3:79" ht="9" customHeight="1" x14ac:dyDescent="0.2">
      <c r="C835" s="1106"/>
      <c r="D835" s="1106"/>
      <c r="E835" s="1106"/>
      <c r="F835" s="1106"/>
      <c r="G835" s="1106"/>
      <c r="H835" s="1106"/>
      <c r="I835" s="1106"/>
      <c r="J835" s="1106"/>
      <c r="K835" s="1106"/>
      <c r="L835" s="1106"/>
      <c r="M835" s="1106"/>
      <c r="N835" s="1106"/>
      <c r="O835" s="1106"/>
      <c r="AB835" s="1106"/>
      <c r="AC835" s="1106"/>
      <c r="AD835" s="1106"/>
      <c r="AE835" s="1106"/>
      <c r="AF835" s="1106"/>
      <c r="AG835" s="1106"/>
      <c r="AH835" s="1106"/>
      <c r="AL835" s="1106"/>
      <c r="AZ835" s="1106"/>
      <c r="BA835" s="1106"/>
      <c r="BB835" s="1106"/>
      <c r="BC835" s="1106"/>
      <c r="BD835" s="1106"/>
      <c r="BE835" s="1106"/>
      <c r="BF835" s="1106"/>
      <c r="BG835" s="1106"/>
      <c r="BH835" s="1106"/>
      <c r="BI835" s="1106"/>
      <c r="BJ835" s="1106"/>
      <c r="BK835" s="1106"/>
      <c r="BL835" s="1106"/>
      <c r="BM835" s="1106"/>
      <c r="BN835" s="1106"/>
      <c r="BO835" s="1106"/>
      <c r="BP835" s="1106"/>
      <c r="BQ835" s="1106"/>
      <c r="BR835" s="1106"/>
      <c r="BS835" s="1106"/>
      <c r="BT835" s="1106"/>
      <c r="BU835" s="1106"/>
      <c r="BV835" s="1106"/>
      <c r="BW835" s="1106"/>
      <c r="BX835" s="1106"/>
      <c r="BY835" s="1106"/>
      <c r="BZ835" s="1106"/>
      <c r="CA835" s="1106"/>
    </row>
    <row r="836" spans="3:79" ht="9" customHeight="1" x14ac:dyDescent="0.2">
      <c r="C836" s="1106"/>
      <c r="D836" s="1106"/>
      <c r="E836" s="1106"/>
      <c r="F836" s="1106"/>
      <c r="G836" s="1106"/>
      <c r="H836" s="1106"/>
      <c r="I836" s="1106"/>
      <c r="J836" s="1106"/>
      <c r="K836" s="1106"/>
      <c r="L836" s="1106"/>
      <c r="M836" s="1106"/>
      <c r="N836" s="1106"/>
      <c r="O836" s="1106"/>
      <c r="AB836" s="1106"/>
      <c r="AC836" s="1106"/>
      <c r="AD836" s="1106"/>
      <c r="AE836" s="1106"/>
      <c r="AF836" s="1106"/>
      <c r="AG836" s="1106"/>
      <c r="AH836" s="1106"/>
      <c r="AL836" s="1106"/>
      <c r="AZ836" s="1106"/>
      <c r="BA836" s="1106"/>
      <c r="BB836" s="1106"/>
      <c r="BC836" s="1106"/>
      <c r="BD836" s="1106"/>
      <c r="BE836" s="1106"/>
      <c r="BF836" s="1106"/>
      <c r="BG836" s="1106"/>
      <c r="BH836" s="1106"/>
      <c r="BI836" s="1106"/>
      <c r="BJ836" s="1106"/>
      <c r="BK836" s="1106"/>
      <c r="BL836" s="1106"/>
      <c r="BM836" s="1106"/>
      <c r="BN836" s="1106"/>
      <c r="BO836" s="1106"/>
      <c r="BP836" s="1106"/>
      <c r="BQ836" s="1106"/>
      <c r="BR836" s="1106"/>
      <c r="BS836" s="1106"/>
      <c r="BT836" s="1106"/>
      <c r="BU836" s="1106"/>
      <c r="BV836" s="1106"/>
      <c r="BW836" s="1106"/>
      <c r="BX836" s="1106"/>
      <c r="BY836" s="1106"/>
      <c r="BZ836" s="1106"/>
      <c r="CA836" s="1106"/>
    </row>
    <row r="837" spans="3:79" ht="9" customHeight="1" x14ac:dyDescent="0.2">
      <c r="C837" s="1106"/>
      <c r="D837" s="1106"/>
      <c r="E837" s="1106"/>
      <c r="F837" s="1106"/>
      <c r="G837" s="1106"/>
      <c r="H837" s="1106"/>
      <c r="I837" s="1106"/>
      <c r="J837" s="1106"/>
      <c r="K837" s="1106"/>
      <c r="L837" s="1106"/>
      <c r="M837" s="1106"/>
      <c r="N837" s="1106"/>
      <c r="O837" s="1106"/>
      <c r="AB837" s="1106"/>
      <c r="AC837" s="1106"/>
      <c r="AD837" s="1106"/>
      <c r="AE837" s="1106"/>
      <c r="AF837" s="1106"/>
      <c r="AG837" s="1106"/>
      <c r="AH837" s="1106"/>
      <c r="AL837" s="1106"/>
      <c r="AZ837" s="1106"/>
      <c r="BA837" s="1106"/>
      <c r="BB837" s="1106"/>
      <c r="BC837" s="1106"/>
      <c r="BD837" s="1106"/>
      <c r="BE837" s="1106"/>
      <c r="BF837" s="1106"/>
      <c r="BG837" s="1106"/>
      <c r="BH837" s="1106"/>
      <c r="BI837" s="1106"/>
      <c r="BJ837" s="1106"/>
      <c r="BK837" s="1106"/>
      <c r="BL837" s="1106"/>
      <c r="BM837" s="1106"/>
      <c r="BN837" s="1106"/>
      <c r="BO837" s="1106"/>
      <c r="BP837" s="1106"/>
      <c r="BQ837" s="1106"/>
      <c r="BR837" s="1106"/>
      <c r="BS837" s="1106"/>
      <c r="BT837" s="1106"/>
      <c r="BU837" s="1106"/>
      <c r="BV837" s="1106"/>
      <c r="BW837" s="1106"/>
      <c r="BX837" s="1106"/>
      <c r="BY837" s="1106"/>
      <c r="BZ837" s="1106"/>
      <c r="CA837" s="1106"/>
    </row>
    <row r="838" spans="3:79" ht="9" customHeight="1" x14ac:dyDescent="0.2">
      <c r="C838" s="1106"/>
      <c r="D838" s="1106"/>
      <c r="E838" s="1106"/>
      <c r="F838" s="1106"/>
      <c r="G838" s="1106"/>
      <c r="H838" s="1106"/>
      <c r="I838" s="1106"/>
      <c r="J838" s="1106"/>
      <c r="K838" s="1106"/>
      <c r="L838" s="1106"/>
      <c r="M838" s="1106"/>
      <c r="N838" s="1106"/>
      <c r="O838" s="1106"/>
      <c r="U838" s="1106"/>
      <c r="AB838" s="1106"/>
      <c r="AC838" s="1106"/>
      <c r="AD838" s="1106"/>
      <c r="AE838" s="1106"/>
      <c r="AF838" s="1106"/>
      <c r="AG838" s="1106"/>
      <c r="AH838" s="1106"/>
      <c r="AL838" s="1106"/>
      <c r="AT838" s="1106"/>
      <c r="AU838" s="1106"/>
      <c r="AV838" s="1106"/>
      <c r="AW838" s="1106"/>
      <c r="AX838" s="1106"/>
      <c r="AY838" s="1106"/>
      <c r="AZ838" s="1106"/>
      <c r="BA838" s="1106"/>
      <c r="BB838" s="1106"/>
      <c r="BC838" s="1106"/>
      <c r="BD838" s="1106"/>
      <c r="BE838" s="1106"/>
      <c r="BF838" s="1106"/>
      <c r="BG838" s="1106"/>
      <c r="BH838" s="1106"/>
      <c r="BI838" s="1106"/>
      <c r="BJ838" s="1106"/>
      <c r="BK838" s="1106"/>
      <c r="BL838" s="1106"/>
      <c r="BM838" s="1106"/>
      <c r="BN838" s="1106"/>
      <c r="BO838" s="1106"/>
      <c r="BP838" s="1106"/>
      <c r="BQ838" s="1106"/>
      <c r="BR838" s="1106"/>
      <c r="BS838" s="1106"/>
      <c r="BT838" s="1106"/>
      <c r="BU838" s="1106"/>
      <c r="BV838" s="1106"/>
      <c r="BW838" s="1106"/>
      <c r="BX838" s="1106"/>
      <c r="BY838" s="1106"/>
      <c r="BZ838" s="1106"/>
      <c r="CA838" s="1106"/>
    </row>
    <row r="839" spans="3:79" ht="9" customHeight="1" x14ac:dyDescent="0.2">
      <c r="C839" s="1106"/>
      <c r="D839" s="1106"/>
      <c r="E839" s="1106"/>
      <c r="F839" s="1106"/>
      <c r="G839" s="1106"/>
      <c r="H839" s="1106"/>
      <c r="I839" s="1106"/>
      <c r="J839" s="1106"/>
      <c r="K839" s="1106"/>
      <c r="L839" s="1106"/>
      <c r="M839" s="1106"/>
      <c r="N839" s="1106"/>
      <c r="O839" s="1106"/>
      <c r="U839" s="1106"/>
      <c r="AB839" s="1106"/>
      <c r="AC839" s="1106"/>
      <c r="AD839" s="1106"/>
      <c r="AE839" s="1106"/>
      <c r="AF839" s="1106"/>
      <c r="AG839" s="1106"/>
      <c r="AH839" s="1106"/>
      <c r="AL839" s="1106"/>
      <c r="AO839" s="1106"/>
      <c r="AP839" s="1106"/>
      <c r="AT839" s="1106"/>
      <c r="AU839" s="1106"/>
      <c r="AV839" s="1106"/>
      <c r="AW839" s="1106"/>
      <c r="AX839" s="1106"/>
      <c r="AY839" s="1106"/>
      <c r="AZ839" s="1106"/>
      <c r="BA839" s="1106"/>
      <c r="BB839" s="1106"/>
      <c r="BC839" s="1106"/>
      <c r="BD839" s="1106"/>
      <c r="BE839" s="1106"/>
      <c r="BF839" s="1106"/>
      <c r="BG839" s="1106"/>
      <c r="BH839" s="1106"/>
      <c r="BI839" s="1106"/>
      <c r="BJ839" s="1106"/>
      <c r="BK839" s="1106"/>
      <c r="BL839" s="1106"/>
      <c r="BM839" s="1106"/>
      <c r="BN839" s="1106"/>
      <c r="BO839" s="1106"/>
      <c r="BP839" s="1106"/>
      <c r="BQ839" s="1106"/>
      <c r="BR839" s="1106"/>
      <c r="BS839" s="1106"/>
      <c r="BT839" s="1106"/>
      <c r="BU839" s="1106"/>
      <c r="BV839" s="1106"/>
      <c r="BW839" s="1106"/>
      <c r="BX839" s="1106"/>
      <c r="BY839" s="1106"/>
      <c r="BZ839" s="1106"/>
      <c r="CA839" s="1106"/>
    </row>
    <row r="840" spans="3:79" ht="9" customHeight="1" x14ac:dyDescent="0.2">
      <c r="C840" s="1106"/>
      <c r="D840" s="1106"/>
      <c r="E840" s="1106"/>
      <c r="F840" s="1106"/>
      <c r="G840" s="1106"/>
      <c r="H840" s="1106"/>
      <c r="I840" s="1106"/>
      <c r="J840" s="1106"/>
      <c r="K840" s="1106"/>
      <c r="L840" s="1106"/>
      <c r="M840" s="1106"/>
      <c r="N840" s="1106"/>
      <c r="O840" s="1106"/>
      <c r="U840" s="1106"/>
      <c r="AB840" s="1106"/>
      <c r="AC840" s="1106"/>
      <c r="AD840" s="1106"/>
      <c r="AE840" s="1106"/>
      <c r="AF840" s="1106"/>
      <c r="AG840" s="1106"/>
      <c r="AH840" s="1106"/>
      <c r="AL840" s="1106"/>
      <c r="AT840" s="1106"/>
      <c r="AU840" s="1106"/>
      <c r="AV840" s="1106"/>
      <c r="AW840" s="1106"/>
      <c r="AX840" s="1106"/>
      <c r="AY840" s="1106"/>
      <c r="AZ840" s="1106"/>
      <c r="BA840" s="1106"/>
      <c r="BB840" s="1106"/>
      <c r="BC840" s="1106"/>
      <c r="BD840" s="1106"/>
      <c r="BE840" s="1106"/>
      <c r="BF840" s="1106"/>
      <c r="BG840" s="1106"/>
      <c r="BH840" s="1106"/>
      <c r="BI840" s="1106"/>
      <c r="BJ840" s="1106"/>
      <c r="BK840" s="1106"/>
      <c r="BL840" s="1106"/>
      <c r="BM840" s="1106"/>
      <c r="BN840" s="1106"/>
      <c r="BO840" s="1106"/>
      <c r="BP840" s="1106"/>
      <c r="BQ840" s="1106"/>
      <c r="BR840" s="1106"/>
      <c r="BS840" s="1106"/>
      <c r="BT840" s="1106"/>
      <c r="BU840" s="1106"/>
      <c r="BV840" s="1106"/>
      <c r="BW840" s="1106"/>
      <c r="BX840" s="1106"/>
      <c r="BY840" s="1106"/>
      <c r="BZ840" s="1106"/>
      <c r="CA840" s="1106"/>
    </row>
    <row r="841" spans="3:79" ht="9" customHeight="1" x14ac:dyDescent="0.2">
      <c r="C841" s="1106"/>
      <c r="D841" s="1106"/>
      <c r="E841" s="1106"/>
      <c r="F841" s="1106"/>
      <c r="G841" s="1106"/>
      <c r="H841" s="1106"/>
      <c r="I841" s="1106"/>
      <c r="J841" s="1106"/>
      <c r="K841" s="1106"/>
      <c r="L841" s="1106"/>
      <c r="M841" s="1106"/>
      <c r="N841" s="1106"/>
      <c r="O841" s="1106"/>
      <c r="AB841" s="1106"/>
      <c r="AC841" s="1106"/>
      <c r="AD841" s="1106"/>
      <c r="AE841" s="1106"/>
      <c r="AF841" s="1106"/>
      <c r="AG841" s="1106"/>
      <c r="AH841" s="1106"/>
      <c r="AL841" s="1106"/>
      <c r="AZ841" s="1106"/>
      <c r="BA841" s="1106"/>
      <c r="BB841" s="1106"/>
      <c r="BC841" s="1106"/>
      <c r="BD841" s="1106"/>
      <c r="BE841" s="1106"/>
      <c r="BF841" s="1106"/>
      <c r="BG841" s="1106"/>
      <c r="BH841" s="1106"/>
      <c r="BI841" s="1106"/>
      <c r="BJ841" s="1106"/>
      <c r="BK841" s="1106"/>
      <c r="BL841" s="1106"/>
      <c r="BM841" s="1106"/>
      <c r="BN841" s="1106"/>
      <c r="BO841" s="1106"/>
      <c r="BP841" s="1106"/>
      <c r="BQ841" s="1106"/>
      <c r="BR841" s="1106"/>
      <c r="BS841" s="1106"/>
      <c r="BT841" s="1106"/>
      <c r="BU841" s="1106"/>
      <c r="BV841" s="1106"/>
      <c r="BW841" s="1106"/>
      <c r="BX841" s="1106"/>
      <c r="BY841" s="1106"/>
      <c r="BZ841" s="1106"/>
      <c r="CA841" s="1106"/>
    </row>
    <row r="842" spans="3:79" ht="9" customHeight="1" x14ac:dyDescent="0.2">
      <c r="C842" s="1106"/>
      <c r="D842" s="1106"/>
      <c r="E842" s="1106"/>
      <c r="F842" s="1106"/>
      <c r="G842" s="1106"/>
      <c r="H842" s="1106"/>
      <c r="I842" s="1106"/>
      <c r="J842" s="1106"/>
      <c r="K842" s="1106"/>
      <c r="L842" s="1106"/>
      <c r="M842" s="1106"/>
      <c r="N842" s="1106"/>
      <c r="O842" s="1106"/>
      <c r="AB842" s="1106"/>
      <c r="AC842" s="1106"/>
      <c r="AD842" s="1106"/>
      <c r="AE842" s="1106"/>
      <c r="AF842" s="1106"/>
      <c r="AG842" s="1106"/>
      <c r="AH842" s="1106"/>
      <c r="AL842" s="1106"/>
      <c r="AZ842" s="1106"/>
      <c r="BA842" s="1106"/>
      <c r="BB842" s="1106"/>
      <c r="BC842" s="1106"/>
      <c r="BD842" s="1106"/>
      <c r="BE842" s="1106"/>
      <c r="BF842" s="1106"/>
      <c r="BG842" s="1106"/>
      <c r="BH842" s="1106"/>
      <c r="BI842" s="1106"/>
      <c r="BJ842" s="1106"/>
      <c r="BK842" s="1106"/>
      <c r="BL842" s="1106"/>
      <c r="BM842" s="1106"/>
      <c r="BN842" s="1106"/>
      <c r="BO842" s="1106"/>
      <c r="BP842" s="1106"/>
      <c r="BQ842" s="1106"/>
      <c r="BR842" s="1106"/>
      <c r="BS842" s="1106"/>
      <c r="BT842" s="1106"/>
      <c r="BU842" s="1106"/>
      <c r="BV842" s="1106"/>
      <c r="BW842" s="1106"/>
      <c r="BX842" s="1106"/>
      <c r="BY842" s="1106"/>
      <c r="BZ842" s="1106"/>
      <c r="CA842" s="1106"/>
    </row>
    <row r="843" spans="3:79" ht="9" customHeight="1" x14ac:dyDescent="0.2">
      <c r="C843" s="1106"/>
      <c r="D843" s="1106"/>
      <c r="E843" s="1106"/>
      <c r="F843" s="1106"/>
      <c r="G843" s="1106"/>
      <c r="H843" s="1106"/>
      <c r="I843" s="1106"/>
      <c r="J843" s="1106"/>
      <c r="K843" s="1106"/>
      <c r="L843" s="1106"/>
      <c r="M843" s="1106"/>
      <c r="N843" s="1106"/>
      <c r="O843" s="1106"/>
      <c r="AB843" s="1106"/>
      <c r="AC843" s="1106"/>
      <c r="AD843" s="1106"/>
      <c r="AE843" s="1106"/>
      <c r="AF843" s="1106"/>
      <c r="AG843" s="1106"/>
      <c r="AH843" s="1106"/>
      <c r="AL843" s="1106"/>
      <c r="AZ843" s="1106"/>
      <c r="BA843" s="1106"/>
      <c r="BB843" s="1106"/>
      <c r="BC843" s="1106"/>
      <c r="BD843" s="1106"/>
      <c r="BE843" s="1106"/>
      <c r="BF843" s="1106"/>
      <c r="BG843" s="1106"/>
      <c r="BH843" s="1106"/>
      <c r="BI843" s="1106"/>
      <c r="BJ843" s="1106"/>
      <c r="BK843" s="1106"/>
      <c r="BL843" s="1106"/>
      <c r="BM843" s="1106"/>
      <c r="BN843" s="1106"/>
      <c r="BO843" s="1106"/>
      <c r="BP843" s="1106"/>
      <c r="BQ843" s="1106"/>
      <c r="BR843" s="1106"/>
      <c r="BS843" s="1106"/>
      <c r="BT843" s="1106"/>
      <c r="BU843" s="1106"/>
      <c r="BV843" s="1106"/>
      <c r="BW843" s="1106"/>
      <c r="BX843" s="1106"/>
      <c r="BY843" s="1106"/>
      <c r="BZ843" s="1106"/>
      <c r="CA843" s="1106"/>
    </row>
    <row r="844" spans="3:79" ht="9" customHeight="1" x14ac:dyDescent="0.2">
      <c r="C844" s="1106"/>
      <c r="D844" s="1106"/>
      <c r="E844" s="1106"/>
      <c r="F844" s="1106"/>
      <c r="G844" s="1106"/>
      <c r="H844" s="1106"/>
      <c r="I844" s="1106"/>
      <c r="J844" s="1106"/>
      <c r="K844" s="1106"/>
      <c r="L844" s="1106"/>
      <c r="M844" s="1106"/>
      <c r="N844" s="1106"/>
      <c r="O844" s="1106"/>
      <c r="U844" s="1106"/>
      <c r="AB844" s="1106"/>
      <c r="AC844" s="1106"/>
      <c r="AD844" s="1106"/>
      <c r="AE844" s="1106"/>
      <c r="AF844" s="1106"/>
      <c r="AG844" s="1106"/>
      <c r="AH844" s="1106"/>
      <c r="AL844" s="1106"/>
      <c r="AT844" s="1106"/>
      <c r="AU844" s="1106"/>
      <c r="AV844" s="1106"/>
      <c r="AW844" s="1106"/>
      <c r="AX844" s="1106"/>
      <c r="AY844" s="1106"/>
      <c r="AZ844" s="1106"/>
      <c r="BA844" s="1106"/>
      <c r="BB844" s="1106"/>
      <c r="BC844" s="1106"/>
      <c r="BD844" s="1106"/>
      <c r="BE844" s="1106"/>
      <c r="BF844" s="1106"/>
      <c r="BG844" s="1106"/>
      <c r="BH844" s="1106"/>
      <c r="BI844" s="1106"/>
      <c r="BJ844" s="1106"/>
      <c r="BK844" s="1106"/>
      <c r="BL844" s="1106"/>
      <c r="BM844" s="1106"/>
      <c r="BN844" s="1106"/>
      <c r="BO844" s="1106"/>
      <c r="BP844" s="1106"/>
      <c r="BQ844" s="1106"/>
      <c r="BR844" s="1106"/>
      <c r="BS844" s="1106"/>
      <c r="BT844" s="1106"/>
      <c r="BU844" s="1106"/>
      <c r="BV844" s="1106"/>
      <c r="BW844" s="1106"/>
      <c r="BX844" s="1106"/>
      <c r="BY844" s="1106"/>
      <c r="BZ844" s="1106"/>
      <c r="CA844" s="1106"/>
    </row>
    <row r="845" spans="3:79" ht="9" customHeight="1" x14ac:dyDescent="0.2">
      <c r="C845" s="1106"/>
      <c r="D845" s="1106"/>
      <c r="E845" s="1106"/>
      <c r="F845" s="1106"/>
      <c r="G845" s="1106"/>
      <c r="H845" s="1106"/>
      <c r="I845" s="1106"/>
      <c r="J845" s="1106"/>
      <c r="K845" s="1106"/>
      <c r="L845" s="1106"/>
      <c r="M845" s="1106"/>
      <c r="N845" s="1106"/>
      <c r="O845" s="1106"/>
      <c r="U845" s="1106"/>
      <c r="AB845" s="1106"/>
      <c r="AC845" s="1106"/>
      <c r="AD845" s="1106"/>
      <c r="AE845" s="1106"/>
      <c r="AF845" s="1106"/>
      <c r="AG845" s="1106"/>
      <c r="AH845" s="1106"/>
      <c r="AL845" s="1106"/>
      <c r="AO845" s="1106"/>
      <c r="AP845" s="1106"/>
      <c r="AT845" s="1106"/>
      <c r="AU845" s="1106"/>
      <c r="AV845" s="1106"/>
      <c r="AW845" s="1106"/>
      <c r="AX845" s="1106"/>
      <c r="AY845" s="1106"/>
      <c r="AZ845" s="1106"/>
      <c r="BA845" s="1106"/>
      <c r="BB845" s="1106"/>
      <c r="BC845" s="1106"/>
      <c r="BD845" s="1106"/>
      <c r="BE845" s="1106"/>
      <c r="BF845" s="1106"/>
      <c r="BG845" s="1106"/>
      <c r="BH845" s="1106"/>
      <c r="BI845" s="1106"/>
      <c r="BJ845" s="1106"/>
      <c r="BK845" s="1106"/>
      <c r="BL845" s="1106"/>
      <c r="BM845" s="1106"/>
      <c r="BN845" s="1106"/>
      <c r="BO845" s="1106"/>
      <c r="BP845" s="1106"/>
      <c r="BQ845" s="1106"/>
      <c r="BR845" s="1106"/>
      <c r="BS845" s="1106"/>
      <c r="BT845" s="1106"/>
      <c r="BU845" s="1106"/>
      <c r="BV845" s="1106"/>
      <c r="BW845" s="1106"/>
      <c r="BX845" s="1106"/>
      <c r="BY845" s="1106"/>
      <c r="BZ845" s="1106"/>
      <c r="CA845" s="1106"/>
    </row>
    <row r="846" spans="3:79" ht="9" customHeight="1" x14ac:dyDescent="0.2">
      <c r="C846" s="1106"/>
      <c r="D846" s="1106"/>
      <c r="E846" s="1106"/>
      <c r="F846" s="1106"/>
      <c r="G846" s="1106"/>
      <c r="H846" s="1106"/>
      <c r="I846" s="1106"/>
      <c r="J846" s="1106"/>
      <c r="K846" s="1106"/>
      <c r="L846" s="1106"/>
      <c r="M846" s="1106"/>
      <c r="N846" s="1106"/>
      <c r="O846" s="1106"/>
      <c r="U846" s="1106"/>
      <c r="AB846" s="1106"/>
      <c r="AC846" s="1106"/>
      <c r="AD846" s="1106"/>
      <c r="AE846" s="1106"/>
      <c r="AF846" s="1106"/>
      <c r="AG846" s="1106"/>
      <c r="AH846" s="1106"/>
      <c r="AL846" s="1106"/>
      <c r="AT846" s="1106"/>
      <c r="AU846" s="1106"/>
      <c r="AV846" s="1106"/>
      <c r="AW846" s="1106"/>
      <c r="AX846" s="1106"/>
      <c r="AY846" s="1106"/>
      <c r="AZ846" s="1106"/>
      <c r="BA846" s="1106"/>
      <c r="BB846" s="1106"/>
      <c r="BC846" s="1106"/>
      <c r="BD846" s="1106"/>
      <c r="BE846" s="1106"/>
      <c r="BF846" s="1106"/>
      <c r="BG846" s="1106"/>
      <c r="BH846" s="1106"/>
      <c r="BI846" s="1106"/>
      <c r="BJ846" s="1106"/>
      <c r="BK846" s="1106"/>
      <c r="BL846" s="1106"/>
      <c r="BM846" s="1106"/>
      <c r="BN846" s="1106"/>
      <c r="BO846" s="1106"/>
      <c r="BP846" s="1106"/>
      <c r="BQ846" s="1106"/>
      <c r="BR846" s="1106"/>
      <c r="BS846" s="1106"/>
      <c r="BT846" s="1106"/>
      <c r="BU846" s="1106"/>
      <c r="BV846" s="1106"/>
      <c r="BW846" s="1106"/>
      <c r="BX846" s="1106"/>
      <c r="BY846" s="1106"/>
      <c r="BZ846" s="1106"/>
      <c r="CA846" s="1106"/>
    </row>
    <row r="847" spans="3:79" ht="9" customHeight="1" x14ac:dyDescent="0.2">
      <c r="C847" s="1106"/>
      <c r="D847" s="1106"/>
      <c r="E847" s="1106"/>
      <c r="F847" s="1106"/>
      <c r="G847" s="1106"/>
      <c r="H847" s="1106"/>
      <c r="I847" s="1106"/>
      <c r="J847" s="1106"/>
      <c r="K847" s="1106"/>
      <c r="L847" s="1106"/>
      <c r="M847" s="1106"/>
      <c r="N847" s="1106"/>
      <c r="O847" s="1106"/>
      <c r="AB847" s="1106"/>
      <c r="AC847" s="1106"/>
      <c r="AD847" s="1106"/>
      <c r="AE847" s="1106"/>
      <c r="AF847" s="1106"/>
      <c r="AG847" s="1106"/>
      <c r="AH847" s="1106"/>
      <c r="AL847" s="1106"/>
      <c r="AZ847" s="1106"/>
      <c r="BA847" s="1106"/>
      <c r="BB847" s="1106"/>
      <c r="BC847" s="1106"/>
      <c r="BD847" s="1106"/>
      <c r="BE847" s="1106"/>
      <c r="BF847" s="1106"/>
      <c r="BG847" s="1106"/>
      <c r="BH847" s="1106"/>
      <c r="BI847" s="1106"/>
      <c r="BJ847" s="1106"/>
      <c r="BK847" s="1106"/>
      <c r="BL847" s="1106"/>
      <c r="BM847" s="1106"/>
      <c r="BN847" s="1106"/>
      <c r="BO847" s="1106"/>
      <c r="BP847" s="1106"/>
      <c r="BQ847" s="1106"/>
      <c r="BR847" s="1106"/>
      <c r="BS847" s="1106"/>
      <c r="BT847" s="1106"/>
      <c r="BU847" s="1106"/>
      <c r="BV847" s="1106"/>
      <c r="BW847" s="1106"/>
      <c r="BX847" s="1106"/>
      <c r="BY847" s="1106"/>
      <c r="BZ847" s="1106"/>
      <c r="CA847" s="1106"/>
    </row>
    <row r="848" spans="3:79" ht="9" customHeight="1" x14ac:dyDescent="0.2">
      <c r="C848" s="1106"/>
      <c r="D848" s="1106"/>
      <c r="E848" s="1106"/>
      <c r="F848" s="1106"/>
      <c r="G848" s="1106"/>
      <c r="H848" s="1106"/>
      <c r="I848" s="1106"/>
      <c r="J848" s="1106"/>
      <c r="K848" s="1106"/>
      <c r="L848" s="1106"/>
      <c r="M848" s="1106"/>
      <c r="N848" s="1106"/>
      <c r="O848" s="1106"/>
      <c r="AB848" s="1106"/>
      <c r="AC848" s="1106"/>
      <c r="AD848" s="1106"/>
      <c r="AE848" s="1106"/>
      <c r="AF848" s="1106"/>
      <c r="AG848" s="1106"/>
      <c r="AH848" s="1106"/>
      <c r="AL848" s="1106"/>
      <c r="AZ848" s="1106"/>
      <c r="BA848" s="1106"/>
      <c r="BB848" s="1106"/>
      <c r="BC848" s="1106"/>
      <c r="BD848" s="1106"/>
      <c r="BE848" s="1106"/>
      <c r="BF848" s="1106"/>
      <c r="BG848" s="1106"/>
      <c r="BH848" s="1106"/>
      <c r="BI848" s="1106"/>
      <c r="BJ848" s="1106"/>
      <c r="BK848" s="1106"/>
      <c r="BL848" s="1106"/>
      <c r="BM848" s="1106"/>
      <c r="BN848" s="1106"/>
      <c r="BO848" s="1106"/>
      <c r="BP848" s="1106"/>
      <c r="BQ848" s="1106"/>
      <c r="BR848" s="1106"/>
      <c r="BS848" s="1106"/>
      <c r="BT848" s="1106"/>
      <c r="BU848" s="1106"/>
      <c r="BV848" s="1106"/>
      <c r="BW848" s="1106"/>
      <c r="BX848" s="1106"/>
      <c r="BY848" s="1106"/>
      <c r="BZ848" s="1106"/>
      <c r="CA848" s="1106"/>
    </row>
    <row r="849" spans="3:79" ht="9" customHeight="1" x14ac:dyDescent="0.2">
      <c r="C849" s="1106"/>
      <c r="D849" s="1106"/>
      <c r="E849" s="1106"/>
      <c r="F849" s="1106"/>
      <c r="G849" s="1106"/>
      <c r="H849" s="1106"/>
      <c r="I849" s="1106"/>
      <c r="J849" s="1106"/>
      <c r="K849" s="1106"/>
      <c r="L849" s="1106"/>
      <c r="M849" s="1106"/>
      <c r="N849" s="1106"/>
      <c r="O849" s="1106"/>
      <c r="AB849" s="1106"/>
      <c r="AC849" s="1106"/>
      <c r="AD849" s="1106"/>
      <c r="AE849" s="1106"/>
      <c r="AF849" s="1106"/>
      <c r="AG849" s="1106"/>
      <c r="AH849" s="1106"/>
      <c r="AL849" s="1106"/>
      <c r="AZ849" s="1106"/>
      <c r="BA849" s="1106"/>
      <c r="BB849" s="1106"/>
      <c r="BC849" s="1106"/>
      <c r="BD849" s="1106"/>
      <c r="BE849" s="1106"/>
      <c r="BF849" s="1106"/>
      <c r="BG849" s="1106"/>
      <c r="BH849" s="1106"/>
      <c r="BI849" s="1106"/>
      <c r="BJ849" s="1106"/>
      <c r="BK849" s="1106"/>
      <c r="BL849" s="1106"/>
      <c r="BM849" s="1106"/>
      <c r="BN849" s="1106"/>
      <c r="BO849" s="1106"/>
      <c r="BP849" s="1106"/>
      <c r="BQ849" s="1106"/>
      <c r="BR849" s="1106"/>
      <c r="BS849" s="1106"/>
      <c r="BT849" s="1106"/>
      <c r="BU849" s="1106"/>
      <c r="BV849" s="1106"/>
      <c r="BW849" s="1106"/>
      <c r="BX849" s="1106"/>
      <c r="BY849" s="1106"/>
      <c r="BZ849" s="1106"/>
      <c r="CA849" s="1106"/>
    </row>
    <row r="850" spans="3:79" ht="9" customHeight="1" x14ac:dyDescent="0.2">
      <c r="C850" s="1106"/>
      <c r="D850" s="1106"/>
      <c r="E850" s="1106"/>
      <c r="F850" s="1106"/>
      <c r="G850" s="1106"/>
      <c r="H850" s="1106"/>
      <c r="I850" s="1106"/>
      <c r="J850" s="1106"/>
      <c r="K850" s="1106"/>
      <c r="L850" s="1106"/>
      <c r="M850" s="1106"/>
      <c r="N850" s="1106"/>
      <c r="O850" s="1106"/>
      <c r="U850" s="1106"/>
      <c r="AB850" s="1106"/>
      <c r="AC850" s="1106"/>
      <c r="AD850" s="1106"/>
      <c r="AE850" s="1106"/>
      <c r="AF850" s="1106"/>
      <c r="AG850" s="1106"/>
      <c r="AH850" s="1106"/>
      <c r="AL850" s="1106"/>
      <c r="AT850" s="1106"/>
      <c r="AU850" s="1106"/>
      <c r="AV850" s="1106"/>
      <c r="AW850" s="1106"/>
      <c r="AX850" s="1106"/>
      <c r="AY850" s="1106"/>
      <c r="AZ850" s="1106"/>
      <c r="BA850" s="1106"/>
      <c r="BB850" s="1106"/>
      <c r="BC850" s="1106"/>
      <c r="BD850" s="1106"/>
      <c r="BE850" s="1106"/>
      <c r="BF850" s="1106"/>
      <c r="BG850" s="1106"/>
      <c r="BH850" s="1106"/>
      <c r="BI850" s="1106"/>
      <c r="BJ850" s="1106"/>
      <c r="BK850" s="1106"/>
      <c r="BL850" s="1106"/>
      <c r="BM850" s="1106"/>
      <c r="BN850" s="1106"/>
      <c r="BO850" s="1106"/>
      <c r="BP850" s="1106"/>
      <c r="BQ850" s="1106"/>
      <c r="BR850" s="1106"/>
      <c r="BS850" s="1106"/>
      <c r="BT850" s="1106"/>
      <c r="BU850" s="1106"/>
      <c r="BV850" s="1106"/>
      <c r="BW850" s="1106"/>
      <c r="BX850" s="1106"/>
      <c r="BY850" s="1106"/>
      <c r="BZ850" s="1106"/>
      <c r="CA850" s="1106"/>
    </row>
    <row r="851" spans="3:79" ht="9" customHeight="1" x14ac:dyDescent="0.2">
      <c r="C851" s="1106"/>
      <c r="D851" s="1106"/>
      <c r="E851" s="1106"/>
      <c r="F851" s="1106"/>
      <c r="G851" s="1106"/>
      <c r="H851" s="1106"/>
      <c r="I851" s="1106"/>
      <c r="J851" s="1106"/>
      <c r="K851" s="1106"/>
      <c r="L851" s="1106"/>
      <c r="M851" s="1106"/>
      <c r="N851" s="1106"/>
      <c r="O851" s="1106"/>
      <c r="U851" s="1106"/>
      <c r="AB851" s="1106"/>
      <c r="AC851" s="1106"/>
      <c r="AD851" s="1106"/>
      <c r="AE851" s="1106"/>
      <c r="AF851" s="1106"/>
      <c r="AG851" s="1106"/>
      <c r="AH851" s="1106"/>
      <c r="AL851" s="1106"/>
      <c r="AO851" s="1106"/>
      <c r="AP851" s="1106"/>
      <c r="AT851" s="1106"/>
      <c r="AU851" s="1106"/>
      <c r="AV851" s="1106"/>
      <c r="AW851" s="1106"/>
      <c r="AX851" s="1106"/>
      <c r="AY851" s="1106"/>
      <c r="AZ851" s="1106"/>
      <c r="BA851" s="1106"/>
      <c r="BB851" s="1106"/>
      <c r="BC851" s="1106"/>
      <c r="BD851" s="1106"/>
      <c r="BE851" s="1106"/>
      <c r="BF851" s="1106"/>
      <c r="BG851" s="1106"/>
      <c r="BH851" s="1106"/>
      <c r="BI851" s="1106"/>
      <c r="BJ851" s="1106"/>
      <c r="BK851" s="1106"/>
      <c r="BL851" s="1106"/>
      <c r="BM851" s="1106"/>
      <c r="BN851" s="1106"/>
      <c r="BO851" s="1106"/>
      <c r="BP851" s="1106"/>
      <c r="BQ851" s="1106"/>
      <c r="BR851" s="1106"/>
      <c r="BS851" s="1106"/>
      <c r="BT851" s="1106"/>
      <c r="BU851" s="1106"/>
      <c r="BV851" s="1106"/>
      <c r="BW851" s="1106"/>
      <c r="BX851" s="1106"/>
      <c r="BY851" s="1106"/>
      <c r="BZ851" s="1106"/>
      <c r="CA851" s="1106"/>
    </row>
    <row r="852" spans="3:79" ht="9" customHeight="1" x14ac:dyDescent="0.2">
      <c r="C852" s="1106"/>
      <c r="D852" s="1106"/>
      <c r="E852" s="1106"/>
      <c r="F852" s="1106"/>
      <c r="G852" s="1106"/>
      <c r="H852" s="1106"/>
      <c r="I852" s="1106"/>
      <c r="J852" s="1106"/>
      <c r="K852" s="1106"/>
      <c r="L852" s="1106"/>
      <c r="M852" s="1106"/>
      <c r="N852" s="1106"/>
      <c r="O852" s="1106"/>
      <c r="U852" s="1106"/>
      <c r="AB852" s="1106"/>
      <c r="AC852" s="1106"/>
      <c r="AD852" s="1106"/>
      <c r="AE852" s="1106"/>
      <c r="AF852" s="1106"/>
      <c r="AG852" s="1106"/>
      <c r="AH852" s="1106"/>
      <c r="AL852" s="1106"/>
      <c r="AT852" s="1106"/>
      <c r="AU852" s="1106"/>
      <c r="AV852" s="1106"/>
      <c r="AW852" s="1106"/>
      <c r="AX852" s="1106"/>
      <c r="AY852" s="1106"/>
      <c r="AZ852" s="1106"/>
      <c r="BA852" s="1106"/>
      <c r="BB852" s="1106"/>
      <c r="BC852" s="1106"/>
      <c r="BD852" s="1106"/>
      <c r="BE852" s="1106"/>
      <c r="BF852" s="1106"/>
      <c r="BG852" s="1106"/>
      <c r="BH852" s="1106"/>
      <c r="BI852" s="1106"/>
      <c r="BJ852" s="1106"/>
      <c r="BK852" s="1106"/>
      <c r="BL852" s="1106"/>
      <c r="BM852" s="1106"/>
      <c r="BN852" s="1106"/>
      <c r="BO852" s="1106"/>
      <c r="BP852" s="1106"/>
      <c r="BQ852" s="1106"/>
      <c r="BR852" s="1106"/>
      <c r="BS852" s="1106"/>
      <c r="BT852" s="1106"/>
      <c r="BU852" s="1106"/>
      <c r="BV852" s="1106"/>
      <c r="BW852" s="1106"/>
      <c r="BX852" s="1106"/>
      <c r="BY852" s="1106"/>
      <c r="BZ852" s="1106"/>
      <c r="CA852" s="1106"/>
    </row>
    <row r="853" spans="3:79" ht="9" customHeight="1" x14ac:dyDescent="0.2">
      <c r="C853" s="1106"/>
      <c r="D853" s="1106"/>
      <c r="E853" s="1106"/>
      <c r="F853" s="1106"/>
      <c r="G853" s="1106"/>
      <c r="H853" s="1106"/>
      <c r="I853" s="1106"/>
      <c r="J853" s="1106"/>
      <c r="K853" s="1106"/>
      <c r="L853" s="1106"/>
      <c r="M853" s="1106"/>
      <c r="N853" s="1106"/>
      <c r="O853" s="1106"/>
      <c r="AB853" s="1106"/>
      <c r="AC853" s="1106"/>
      <c r="AD853" s="1106"/>
      <c r="AE853" s="1106"/>
      <c r="AF853" s="1106"/>
      <c r="AG853" s="1106"/>
      <c r="AH853" s="1106"/>
      <c r="AL853" s="1106"/>
      <c r="AZ853" s="1106"/>
      <c r="BA853" s="1106"/>
      <c r="BB853" s="1106"/>
      <c r="BC853" s="1106"/>
      <c r="BD853" s="1106"/>
      <c r="BE853" s="1106"/>
      <c r="BF853" s="1106"/>
      <c r="BG853" s="1106"/>
      <c r="BH853" s="1106"/>
      <c r="BI853" s="1106"/>
      <c r="BJ853" s="1106"/>
      <c r="BK853" s="1106"/>
      <c r="BL853" s="1106"/>
      <c r="BM853" s="1106"/>
      <c r="BN853" s="1106"/>
      <c r="BO853" s="1106"/>
      <c r="BP853" s="1106"/>
      <c r="BQ853" s="1106"/>
      <c r="BR853" s="1106"/>
      <c r="BS853" s="1106"/>
      <c r="BT853" s="1106"/>
      <c r="BU853" s="1106"/>
      <c r="BV853" s="1106"/>
      <c r="BW853" s="1106"/>
      <c r="BX853" s="1106"/>
      <c r="BY853" s="1106"/>
      <c r="BZ853" s="1106"/>
      <c r="CA853" s="1106"/>
    </row>
    <row r="854" spans="3:79" ht="9" customHeight="1" x14ac:dyDescent="0.2">
      <c r="C854" s="1106"/>
      <c r="D854" s="1106"/>
      <c r="E854" s="1106"/>
      <c r="F854" s="1106"/>
      <c r="G854" s="1106"/>
      <c r="H854" s="1106"/>
      <c r="I854" s="1106"/>
      <c r="J854" s="1106"/>
      <c r="K854" s="1106"/>
      <c r="L854" s="1106"/>
      <c r="M854" s="1106"/>
      <c r="N854" s="1106"/>
      <c r="O854" s="1106"/>
      <c r="AB854" s="1106"/>
      <c r="AC854" s="1106"/>
      <c r="AD854" s="1106"/>
      <c r="AE854" s="1106"/>
      <c r="AF854" s="1106"/>
      <c r="AG854" s="1106"/>
      <c r="AH854" s="1106"/>
      <c r="AL854" s="1106"/>
      <c r="AZ854" s="1106"/>
      <c r="BA854" s="1106"/>
      <c r="BB854" s="1106"/>
      <c r="BC854" s="1106"/>
      <c r="BD854" s="1106"/>
      <c r="BE854" s="1106"/>
      <c r="BF854" s="1106"/>
      <c r="BG854" s="1106"/>
      <c r="BH854" s="1106"/>
      <c r="BI854" s="1106"/>
      <c r="BJ854" s="1106"/>
      <c r="BK854" s="1106"/>
      <c r="BL854" s="1106"/>
      <c r="BM854" s="1106"/>
      <c r="BN854" s="1106"/>
      <c r="BO854" s="1106"/>
      <c r="BP854" s="1106"/>
      <c r="BQ854" s="1106"/>
      <c r="BR854" s="1106"/>
      <c r="BS854" s="1106"/>
      <c r="BT854" s="1106"/>
      <c r="BU854" s="1106"/>
      <c r="BV854" s="1106"/>
      <c r="BW854" s="1106"/>
      <c r="BX854" s="1106"/>
      <c r="BY854" s="1106"/>
      <c r="BZ854" s="1106"/>
      <c r="CA854" s="1106"/>
    </row>
    <row r="855" spans="3:79" ht="9" customHeight="1" x14ac:dyDescent="0.2">
      <c r="C855" s="1106"/>
      <c r="D855" s="1106"/>
      <c r="E855" s="1106"/>
      <c r="F855" s="1106"/>
      <c r="G855" s="1106"/>
      <c r="H855" s="1106"/>
      <c r="I855" s="1106"/>
      <c r="J855" s="1106"/>
      <c r="K855" s="1106"/>
      <c r="L855" s="1106"/>
      <c r="M855" s="1106"/>
      <c r="N855" s="1106"/>
      <c r="O855" s="1106"/>
      <c r="AB855" s="1106"/>
      <c r="AC855" s="1106"/>
      <c r="AD855" s="1106"/>
      <c r="AE855" s="1106"/>
      <c r="AF855" s="1106"/>
      <c r="AG855" s="1106"/>
      <c r="AH855" s="1106"/>
      <c r="AL855" s="1106"/>
      <c r="AZ855" s="1106"/>
      <c r="BA855" s="1106"/>
      <c r="BB855" s="1106"/>
      <c r="BC855" s="1106"/>
      <c r="BD855" s="1106"/>
      <c r="BE855" s="1106"/>
      <c r="BF855" s="1106"/>
      <c r="BG855" s="1106"/>
      <c r="BH855" s="1106"/>
      <c r="BI855" s="1106"/>
      <c r="BJ855" s="1106"/>
      <c r="BK855" s="1106"/>
      <c r="BL855" s="1106"/>
      <c r="BM855" s="1106"/>
      <c r="BN855" s="1106"/>
      <c r="BO855" s="1106"/>
      <c r="BP855" s="1106"/>
      <c r="BQ855" s="1106"/>
      <c r="BR855" s="1106"/>
      <c r="BS855" s="1106"/>
      <c r="BT855" s="1106"/>
      <c r="BU855" s="1106"/>
      <c r="BV855" s="1106"/>
      <c r="BW855" s="1106"/>
      <c r="BX855" s="1106"/>
      <c r="BY855" s="1106"/>
      <c r="BZ855" s="1106"/>
      <c r="CA855" s="1106"/>
    </row>
    <row r="856" spans="3:79" ht="9" customHeight="1" x14ac:dyDescent="0.2">
      <c r="C856" s="1106"/>
      <c r="D856" s="1106"/>
      <c r="E856" s="1106"/>
      <c r="F856" s="1106"/>
      <c r="G856" s="1106"/>
      <c r="H856" s="1106"/>
      <c r="I856" s="1106"/>
      <c r="J856" s="1106"/>
      <c r="K856" s="1106"/>
      <c r="L856" s="1106"/>
      <c r="M856" s="1106"/>
      <c r="N856" s="1106"/>
      <c r="O856" s="1106"/>
      <c r="U856" s="1106"/>
      <c r="AB856" s="1106"/>
      <c r="AC856" s="1106"/>
      <c r="AD856" s="1106"/>
      <c r="AE856" s="1106"/>
      <c r="AF856" s="1106"/>
      <c r="AG856" s="1106"/>
      <c r="AH856" s="1106"/>
      <c r="AL856" s="1106"/>
      <c r="AT856" s="1106"/>
      <c r="AU856" s="1106"/>
      <c r="AV856" s="1106"/>
      <c r="AW856" s="1106"/>
      <c r="AX856" s="1106"/>
      <c r="AY856" s="1106"/>
      <c r="AZ856" s="1106"/>
      <c r="BA856" s="1106"/>
      <c r="BB856" s="1106"/>
      <c r="BC856" s="1106"/>
      <c r="BD856" s="1106"/>
      <c r="BE856" s="1106"/>
      <c r="BF856" s="1106"/>
      <c r="BG856" s="1106"/>
      <c r="BH856" s="1106"/>
      <c r="BI856" s="1106"/>
      <c r="BJ856" s="1106"/>
      <c r="BK856" s="1106"/>
      <c r="BL856" s="1106"/>
      <c r="BM856" s="1106"/>
      <c r="BN856" s="1106"/>
      <c r="BO856" s="1106"/>
      <c r="BP856" s="1106"/>
      <c r="BQ856" s="1106"/>
      <c r="BR856" s="1106"/>
      <c r="BS856" s="1106"/>
      <c r="BT856" s="1106"/>
      <c r="BU856" s="1106"/>
      <c r="BV856" s="1106"/>
      <c r="BW856" s="1106"/>
      <c r="BX856" s="1106"/>
      <c r="BY856" s="1106"/>
      <c r="BZ856" s="1106"/>
      <c r="CA856" s="1106"/>
    </row>
    <row r="857" spans="3:79" ht="9" customHeight="1" x14ac:dyDescent="0.2">
      <c r="C857" s="1106"/>
      <c r="D857" s="1106"/>
      <c r="E857" s="1106"/>
      <c r="F857" s="1106"/>
      <c r="G857" s="1106"/>
      <c r="H857" s="1106"/>
      <c r="I857" s="1106"/>
      <c r="J857" s="1106"/>
      <c r="K857" s="1106"/>
      <c r="L857" s="1106"/>
      <c r="M857" s="1106"/>
      <c r="N857" s="1106"/>
      <c r="O857" s="1106"/>
      <c r="U857" s="1106"/>
      <c r="AB857" s="1106"/>
      <c r="AC857" s="1106"/>
      <c r="AD857" s="1106"/>
      <c r="AE857" s="1106"/>
      <c r="AF857" s="1106"/>
      <c r="AG857" s="1106"/>
      <c r="AH857" s="1106"/>
      <c r="AL857" s="1106"/>
      <c r="AO857" s="1106"/>
      <c r="AP857" s="1106"/>
      <c r="AT857" s="1106"/>
      <c r="AU857" s="1106"/>
      <c r="AV857" s="1106"/>
      <c r="AW857" s="1106"/>
      <c r="AX857" s="1106"/>
      <c r="AY857" s="1106"/>
      <c r="AZ857" s="1106"/>
      <c r="BA857" s="1106"/>
      <c r="BB857" s="1106"/>
      <c r="BC857" s="1106"/>
      <c r="BD857" s="1106"/>
      <c r="BE857" s="1106"/>
      <c r="BF857" s="1106"/>
      <c r="BG857" s="1106"/>
      <c r="BH857" s="1106"/>
      <c r="BI857" s="1106"/>
      <c r="BJ857" s="1106"/>
      <c r="BK857" s="1106"/>
      <c r="BL857" s="1106"/>
      <c r="BM857" s="1106"/>
      <c r="BN857" s="1106"/>
      <c r="BO857" s="1106"/>
      <c r="BP857" s="1106"/>
      <c r="BQ857" s="1106"/>
      <c r="BR857" s="1106"/>
      <c r="BS857" s="1106"/>
      <c r="BT857" s="1106"/>
      <c r="BU857" s="1106"/>
      <c r="BV857" s="1106"/>
      <c r="BW857" s="1106"/>
      <c r="BX857" s="1106"/>
      <c r="BY857" s="1106"/>
      <c r="BZ857" s="1106"/>
      <c r="CA857" s="1106"/>
    </row>
    <row r="858" spans="3:79" ht="9" customHeight="1" x14ac:dyDescent="0.2">
      <c r="C858" s="1106"/>
      <c r="D858" s="1106"/>
      <c r="E858" s="1106"/>
      <c r="F858" s="1106"/>
      <c r="G858" s="1106"/>
      <c r="H858" s="1106"/>
      <c r="I858" s="1106"/>
      <c r="J858" s="1106"/>
      <c r="K858" s="1106"/>
      <c r="L858" s="1106"/>
      <c r="M858" s="1106"/>
      <c r="N858" s="1106"/>
      <c r="O858" s="1106"/>
      <c r="U858" s="1106"/>
      <c r="AB858" s="1106"/>
      <c r="AC858" s="1106"/>
      <c r="AD858" s="1106"/>
      <c r="AE858" s="1106"/>
      <c r="AF858" s="1106"/>
      <c r="AG858" s="1106"/>
      <c r="AH858" s="1106"/>
      <c r="AL858" s="1106"/>
      <c r="AT858" s="1106"/>
      <c r="AU858" s="1106"/>
      <c r="AV858" s="1106"/>
      <c r="AW858" s="1106"/>
      <c r="AX858" s="1106"/>
      <c r="AY858" s="1106"/>
      <c r="AZ858" s="1106"/>
      <c r="BA858" s="1106"/>
      <c r="BB858" s="1106"/>
      <c r="BC858" s="1106"/>
      <c r="BD858" s="1106"/>
      <c r="BE858" s="1106"/>
      <c r="BF858" s="1106"/>
      <c r="BG858" s="1106"/>
      <c r="BH858" s="1106"/>
      <c r="BI858" s="1106"/>
      <c r="BJ858" s="1106"/>
      <c r="BK858" s="1106"/>
      <c r="BL858" s="1106"/>
      <c r="BM858" s="1106"/>
      <c r="BN858" s="1106"/>
      <c r="BO858" s="1106"/>
      <c r="BP858" s="1106"/>
      <c r="BQ858" s="1106"/>
      <c r="BR858" s="1106"/>
      <c r="BS858" s="1106"/>
      <c r="BT858" s="1106"/>
      <c r="BU858" s="1106"/>
      <c r="BV858" s="1106"/>
      <c r="BW858" s="1106"/>
      <c r="BX858" s="1106"/>
      <c r="BY858" s="1106"/>
      <c r="BZ858" s="1106"/>
      <c r="CA858" s="1106"/>
    </row>
    <row r="859" spans="3:79" ht="9" customHeight="1" x14ac:dyDescent="0.2">
      <c r="C859" s="1106"/>
      <c r="D859" s="1106"/>
      <c r="E859" s="1106"/>
      <c r="F859" s="1106"/>
      <c r="G859" s="1106"/>
      <c r="H859" s="1106"/>
      <c r="I859" s="1106"/>
      <c r="J859" s="1106"/>
      <c r="K859" s="1106"/>
      <c r="L859" s="1106"/>
      <c r="M859" s="1106"/>
      <c r="N859" s="1106"/>
      <c r="O859" s="1106"/>
      <c r="AB859" s="1106"/>
      <c r="AC859" s="1106"/>
      <c r="AD859" s="1106"/>
      <c r="AE859" s="1106"/>
      <c r="AF859" s="1106"/>
      <c r="AG859" s="1106"/>
      <c r="AH859" s="1106"/>
      <c r="AL859" s="1106"/>
      <c r="AZ859" s="1106"/>
      <c r="BA859" s="1106"/>
      <c r="BB859" s="1106"/>
      <c r="BC859" s="1106"/>
      <c r="BD859" s="1106"/>
      <c r="BE859" s="1106"/>
      <c r="BF859" s="1106"/>
      <c r="BG859" s="1106"/>
      <c r="BH859" s="1106"/>
      <c r="BI859" s="1106"/>
      <c r="BJ859" s="1106"/>
      <c r="BK859" s="1106"/>
      <c r="BL859" s="1106"/>
      <c r="BM859" s="1106"/>
      <c r="BN859" s="1106"/>
      <c r="BO859" s="1106"/>
      <c r="BP859" s="1106"/>
      <c r="BQ859" s="1106"/>
      <c r="BR859" s="1106"/>
      <c r="BS859" s="1106"/>
      <c r="BT859" s="1106"/>
      <c r="BU859" s="1106"/>
      <c r="BV859" s="1106"/>
      <c r="BW859" s="1106"/>
      <c r="BX859" s="1106"/>
      <c r="BY859" s="1106"/>
      <c r="BZ859" s="1106"/>
      <c r="CA859" s="1106"/>
    </row>
    <row r="860" spans="3:79" ht="9" customHeight="1" x14ac:dyDescent="0.2">
      <c r="C860" s="1106"/>
      <c r="D860" s="1106"/>
      <c r="E860" s="1106"/>
      <c r="F860" s="1106"/>
      <c r="G860" s="1106"/>
      <c r="H860" s="1106"/>
      <c r="I860" s="1106"/>
      <c r="J860" s="1106"/>
      <c r="K860" s="1106"/>
      <c r="L860" s="1106"/>
      <c r="M860" s="1106"/>
      <c r="N860" s="1106"/>
      <c r="O860" s="1106"/>
      <c r="AB860" s="1106"/>
      <c r="AC860" s="1106"/>
      <c r="AD860" s="1106"/>
      <c r="AE860" s="1106"/>
      <c r="AF860" s="1106"/>
      <c r="AG860" s="1106"/>
      <c r="AH860" s="1106"/>
      <c r="AL860" s="1106"/>
      <c r="AZ860" s="1106"/>
      <c r="BA860" s="1106"/>
      <c r="BB860" s="1106"/>
      <c r="BC860" s="1106"/>
      <c r="BD860" s="1106"/>
      <c r="BE860" s="1106"/>
      <c r="BF860" s="1106"/>
      <c r="BG860" s="1106"/>
      <c r="BH860" s="1106"/>
      <c r="BI860" s="1106"/>
      <c r="BJ860" s="1106"/>
      <c r="BK860" s="1106"/>
      <c r="BL860" s="1106"/>
      <c r="BM860" s="1106"/>
      <c r="BN860" s="1106"/>
      <c r="BO860" s="1106"/>
      <c r="BP860" s="1106"/>
      <c r="BQ860" s="1106"/>
      <c r="BR860" s="1106"/>
      <c r="BS860" s="1106"/>
      <c r="BT860" s="1106"/>
      <c r="BU860" s="1106"/>
      <c r="BV860" s="1106"/>
      <c r="BW860" s="1106"/>
      <c r="BX860" s="1106"/>
      <c r="BY860" s="1106"/>
      <c r="BZ860" s="1106"/>
      <c r="CA860" s="1106"/>
    </row>
    <row r="861" spans="3:79" ht="9" customHeight="1" x14ac:dyDescent="0.2">
      <c r="C861" s="1106"/>
      <c r="D861" s="1106"/>
      <c r="E861" s="1106"/>
      <c r="F861" s="1106"/>
      <c r="G861" s="1106"/>
      <c r="H861" s="1106"/>
      <c r="I861" s="1106"/>
      <c r="J861" s="1106"/>
      <c r="K861" s="1106"/>
      <c r="L861" s="1106"/>
      <c r="M861" s="1106"/>
      <c r="N861" s="1106"/>
      <c r="O861" s="1106"/>
      <c r="AB861" s="1106"/>
      <c r="AC861" s="1106"/>
      <c r="AD861" s="1106"/>
      <c r="AE861" s="1106"/>
      <c r="AF861" s="1106"/>
      <c r="AG861" s="1106"/>
      <c r="AH861" s="1106"/>
      <c r="AL861" s="1106"/>
      <c r="AZ861" s="1106"/>
      <c r="BA861" s="1106"/>
      <c r="BB861" s="1106"/>
      <c r="BC861" s="1106"/>
      <c r="BD861" s="1106"/>
      <c r="BE861" s="1106"/>
      <c r="BF861" s="1106"/>
      <c r="BG861" s="1106"/>
      <c r="BH861" s="1106"/>
      <c r="BI861" s="1106"/>
      <c r="BJ861" s="1106"/>
      <c r="BK861" s="1106"/>
      <c r="BL861" s="1106"/>
      <c r="BM861" s="1106"/>
      <c r="BN861" s="1106"/>
      <c r="BO861" s="1106"/>
      <c r="BP861" s="1106"/>
      <c r="BQ861" s="1106"/>
      <c r="BR861" s="1106"/>
      <c r="BS861" s="1106"/>
      <c r="BT861" s="1106"/>
      <c r="BU861" s="1106"/>
      <c r="BV861" s="1106"/>
      <c r="BW861" s="1106"/>
      <c r="BX861" s="1106"/>
      <c r="BY861" s="1106"/>
      <c r="BZ861" s="1106"/>
      <c r="CA861" s="1106"/>
    </row>
    <row r="862" spans="3:79" ht="9" customHeight="1" x14ac:dyDescent="0.2">
      <c r="C862" s="1106"/>
      <c r="D862" s="1106"/>
      <c r="E862" s="1106"/>
      <c r="F862" s="1106"/>
      <c r="G862" s="1106"/>
      <c r="H862" s="1106"/>
      <c r="I862" s="1106"/>
      <c r="J862" s="1106"/>
      <c r="K862" s="1106"/>
      <c r="L862" s="1106"/>
      <c r="M862" s="1106"/>
      <c r="N862" s="1106"/>
      <c r="O862" s="1106"/>
      <c r="U862" s="1106"/>
      <c r="AB862" s="1106"/>
      <c r="AC862" s="1106"/>
      <c r="AD862" s="1106"/>
      <c r="AE862" s="1106"/>
      <c r="AF862" s="1106"/>
      <c r="AG862" s="1106"/>
      <c r="AH862" s="1106"/>
      <c r="AL862" s="1106"/>
      <c r="AT862" s="1106"/>
      <c r="AU862" s="1106"/>
      <c r="AV862" s="1106"/>
      <c r="AW862" s="1106"/>
      <c r="AX862" s="1106"/>
      <c r="AY862" s="1106"/>
      <c r="AZ862" s="1106"/>
      <c r="BA862" s="1106"/>
      <c r="BB862" s="1106"/>
      <c r="BC862" s="1106"/>
      <c r="BD862" s="1106"/>
      <c r="BE862" s="1106"/>
      <c r="BF862" s="1106"/>
      <c r="BG862" s="1106"/>
      <c r="BH862" s="1106"/>
      <c r="BI862" s="1106"/>
      <c r="BJ862" s="1106"/>
      <c r="BK862" s="1106"/>
      <c r="BL862" s="1106"/>
      <c r="BM862" s="1106"/>
      <c r="BN862" s="1106"/>
      <c r="BO862" s="1106"/>
      <c r="BP862" s="1106"/>
      <c r="BQ862" s="1106"/>
      <c r="BR862" s="1106"/>
      <c r="BS862" s="1106"/>
      <c r="BT862" s="1106"/>
      <c r="BU862" s="1106"/>
      <c r="BV862" s="1106"/>
      <c r="BW862" s="1106"/>
      <c r="BX862" s="1106"/>
      <c r="BY862" s="1106"/>
      <c r="BZ862" s="1106"/>
      <c r="CA862" s="1106"/>
    </row>
    <row r="863" spans="3:79" ht="9" customHeight="1" x14ac:dyDescent="0.2">
      <c r="C863" s="1106"/>
      <c r="D863" s="1106"/>
      <c r="E863" s="1106"/>
      <c r="F863" s="1106"/>
      <c r="G863" s="1106"/>
      <c r="H863" s="1106"/>
      <c r="I863" s="1106"/>
      <c r="J863" s="1106"/>
      <c r="K863" s="1106"/>
      <c r="L863" s="1106"/>
      <c r="M863" s="1106"/>
      <c r="N863" s="1106"/>
      <c r="O863" s="1106"/>
      <c r="U863" s="1106"/>
      <c r="AB863" s="1106"/>
      <c r="AC863" s="1106"/>
      <c r="AD863" s="1106"/>
      <c r="AE863" s="1106"/>
      <c r="AF863" s="1106"/>
      <c r="AG863" s="1106"/>
      <c r="AH863" s="1106"/>
      <c r="AL863" s="1106"/>
      <c r="AO863" s="1106"/>
      <c r="AP863" s="1106"/>
      <c r="AT863" s="1106"/>
      <c r="AU863" s="1106"/>
      <c r="AV863" s="1106"/>
      <c r="AW863" s="1106"/>
      <c r="AX863" s="1106"/>
      <c r="AY863" s="1106"/>
      <c r="AZ863" s="1106"/>
      <c r="BA863" s="1106"/>
      <c r="BB863" s="1106"/>
      <c r="BC863" s="1106"/>
      <c r="BD863" s="1106"/>
      <c r="BE863" s="1106"/>
      <c r="BF863" s="1106"/>
      <c r="BG863" s="1106"/>
      <c r="BH863" s="1106"/>
      <c r="BI863" s="1106"/>
      <c r="BJ863" s="1106"/>
      <c r="BK863" s="1106"/>
      <c r="BL863" s="1106"/>
      <c r="BM863" s="1106"/>
      <c r="BN863" s="1106"/>
      <c r="BO863" s="1106"/>
      <c r="BP863" s="1106"/>
      <c r="BQ863" s="1106"/>
      <c r="BR863" s="1106"/>
      <c r="BS863" s="1106"/>
      <c r="BT863" s="1106"/>
      <c r="BU863" s="1106"/>
      <c r="BV863" s="1106"/>
      <c r="BW863" s="1106"/>
      <c r="BX863" s="1106"/>
      <c r="BY863" s="1106"/>
      <c r="BZ863" s="1106"/>
      <c r="CA863" s="1106"/>
    </row>
    <row r="864" spans="3:79" ht="9" customHeight="1" x14ac:dyDescent="0.2">
      <c r="C864" s="1106"/>
      <c r="D864" s="1106"/>
      <c r="E864" s="1106"/>
      <c r="F864" s="1106"/>
      <c r="G864" s="1106"/>
      <c r="H864" s="1106"/>
      <c r="I864" s="1106"/>
      <c r="J864" s="1106"/>
      <c r="K864" s="1106"/>
      <c r="L864" s="1106"/>
      <c r="M864" s="1106"/>
      <c r="N864" s="1106"/>
      <c r="O864" s="1106"/>
      <c r="U864" s="1106"/>
      <c r="AB864" s="1106"/>
      <c r="AC864" s="1106"/>
      <c r="AD864" s="1106"/>
      <c r="AE864" s="1106"/>
      <c r="AF864" s="1106"/>
      <c r="AG864" s="1106"/>
      <c r="AH864" s="1106"/>
      <c r="AL864" s="1106"/>
      <c r="AT864" s="1106"/>
      <c r="AU864" s="1106"/>
      <c r="AV864" s="1106"/>
      <c r="AW864" s="1106"/>
      <c r="AX864" s="1106"/>
      <c r="AY864" s="1106"/>
      <c r="AZ864" s="1106"/>
      <c r="BA864" s="1106"/>
      <c r="BB864" s="1106"/>
      <c r="BC864" s="1106"/>
      <c r="BD864" s="1106"/>
      <c r="BE864" s="1106"/>
      <c r="BF864" s="1106"/>
      <c r="BG864" s="1106"/>
      <c r="BH864" s="1106"/>
      <c r="BI864" s="1106"/>
      <c r="BJ864" s="1106"/>
      <c r="BK864" s="1106"/>
      <c r="BL864" s="1106"/>
      <c r="BM864" s="1106"/>
      <c r="BN864" s="1106"/>
      <c r="BO864" s="1106"/>
      <c r="BP864" s="1106"/>
      <c r="BQ864" s="1106"/>
      <c r="BR864" s="1106"/>
      <c r="BS864" s="1106"/>
      <c r="BT864" s="1106"/>
      <c r="BU864" s="1106"/>
      <c r="BV864" s="1106"/>
      <c r="BW864" s="1106"/>
      <c r="BX864" s="1106"/>
      <c r="BY864" s="1106"/>
      <c r="BZ864" s="1106"/>
      <c r="CA864" s="1106"/>
    </row>
    <row r="865" spans="3:79" ht="9" customHeight="1" x14ac:dyDescent="0.2">
      <c r="C865" s="1106"/>
      <c r="D865" s="1106"/>
      <c r="E865" s="1106"/>
      <c r="F865" s="1106"/>
      <c r="G865" s="1106"/>
      <c r="H865" s="1106"/>
      <c r="I865" s="1106"/>
      <c r="J865" s="1106"/>
      <c r="K865" s="1106"/>
      <c r="L865" s="1106"/>
      <c r="M865" s="1106"/>
      <c r="N865" s="1106"/>
      <c r="O865" s="1106"/>
      <c r="AB865" s="1106"/>
      <c r="AC865" s="1106"/>
      <c r="AD865" s="1106"/>
      <c r="AE865" s="1106"/>
      <c r="AF865" s="1106"/>
      <c r="AG865" s="1106"/>
      <c r="AH865" s="1106"/>
      <c r="AL865" s="1106"/>
      <c r="AZ865" s="1106"/>
      <c r="BA865" s="1106"/>
      <c r="BB865" s="1106"/>
      <c r="BC865" s="1106"/>
      <c r="BD865" s="1106"/>
      <c r="BE865" s="1106"/>
      <c r="BF865" s="1106"/>
      <c r="BG865" s="1106"/>
      <c r="BH865" s="1106"/>
      <c r="BI865" s="1106"/>
      <c r="BJ865" s="1106"/>
      <c r="BK865" s="1106"/>
      <c r="BL865" s="1106"/>
      <c r="BM865" s="1106"/>
      <c r="BN865" s="1106"/>
      <c r="BO865" s="1106"/>
      <c r="BP865" s="1106"/>
      <c r="BQ865" s="1106"/>
      <c r="BR865" s="1106"/>
      <c r="BS865" s="1106"/>
      <c r="BT865" s="1106"/>
      <c r="BU865" s="1106"/>
      <c r="BV865" s="1106"/>
      <c r="BW865" s="1106"/>
      <c r="BX865" s="1106"/>
      <c r="BY865" s="1106"/>
      <c r="BZ865" s="1106"/>
      <c r="CA865" s="1106"/>
    </row>
    <row r="866" spans="3:79" ht="9" customHeight="1" x14ac:dyDescent="0.2">
      <c r="C866" s="1106"/>
      <c r="D866" s="1106"/>
      <c r="E866" s="1106"/>
      <c r="F866" s="1106"/>
      <c r="G866" s="1106"/>
      <c r="H866" s="1106"/>
      <c r="I866" s="1106"/>
      <c r="J866" s="1106"/>
      <c r="K866" s="1106"/>
      <c r="L866" s="1106"/>
      <c r="M866" s="1106"/>
      <c r="N866" s="1106"/>
      <c r="O866" s="1106"/>
      <c r="AB866" s="1106"/>
      <c r="AC866" s="1106"/>
      <c r="AD866" s="1106"/>
      <c r="AE866" s="1106"/>
      <c r="AF866" s="1106"/>
      <c r="AG866" s="1106"/>
      <c r="AH866" s="1106"/>
      <c r="AL866" s="1106"/>
      <c r="AZ866" s="1106"/>
      <c r="BA866" s="1106"/>
      <c r="BB866" s="1106"/>
      <c r="BC866" s="1106"/>
      <c r="BD866" s="1106"/>
      <c r="BE866" s="1106"/>
      <c r="BF866" s="1106"/>
      <c r="BG866" s="1106"/>
      <c r="BH866" s="1106"/>
      <c r="BI866" s="1106"/>
      <c r="BJ866" s="1106"/>
      <c r="BK866" s="1106"/>
      <c r="BL866" s="1106"/>
      <c r="BM866" s="1106"/>
      <c r="BN866" s="1106"/>
      <c r="BO866" s="1106"/>
      <c r="BP866" s="1106"/>
      <c r="BQ866" s="1106"/>
      <c r="BR866" s="1106"/>
      <c r="BS866" s="1106"/>
      <c r="BT866" s="1106"/>
      <c r="BU866" s="1106"/>
      <c r="BV866" s="1106"/>
      <c r="BW866" s="1106"/>
      <c r="BX866" s="1106"/>
      <c r="BY866" s="1106"/>
      <c r="BZ866" s="1106"/>
      <c r="CA866" s="1106"/>
    </row>
    <row r="867" spans="3:79" ht="9" customHeight="1" x14ac:dyDescent="0.2">
      <c r="C867" s="1106"/>
      <c r="D867" s="1106"/>
      <c r="E867" s="1106"/>
      <c r="F867" s="1106"/>
      <c r="G867" s="1106"/>
      <c r="H867" s="1106"/>
      <c r="I867" s="1106"/>
      <c r="J867" s="1106"/>
      <c r="K867" s="1106"/>
      <c r="L867" s="1106"/>
      <c r="M867" s="1106"/>
      <c r="N867" s="1106"/>
      <c r="O867" s="1106"/>
      <c r="AB867" s="1106"/>
      <c r="AC867" s="1106"/>
      <c r="AD867" s="1106"/>
      <c r="AE867" s="1106"/>
      <c r="AF867" s="1106"/>
      <c r="AG867" s="1106"/>
      <c r="AH867" s="1106"/>
      <c r="AL867" s="1106"/>
      <c r="AZ867" s="1106"/>
      <c r="BA867" s="1106"/>
      <c r="BB867" s="1106"/>
      <c r="BC867" s="1106"/>
      <c r="BD867" s="1106"/>
      <c r="BE867" s="1106"/>
      <c r="BF867" s="1106"/>
      <c r="BG867" s="1106"/>
      <c r="BH867" s="1106"/>
      <c r="BI867" s="1106"/>
      <c r="BJ867" s="1106"/>
      <c r="BK867" s="1106"/>
      <c r="BL867" s="1106"/>
      <c r="BM867" s="1106"/>
      <c r="BN867" s="1106"/>
      <c r="BO867" s="1106"/>
      <c r="BP867" s="1106"/>
      <c r="BQ867" s="1106"/>
      <c r="BR867" s="1106"/>
      <c r="BS867" s="1106"/>
      <c r="BT867" s="1106"/>
      <c r="BU867" s="1106"/>
      <c r="BV867" s="1106"/>
      <c r="BW867" s="1106"/>
      <c r="BX867" s="1106"/>
      <c r="BY867" s="1106"/>
      <c r="BZ867" s="1106"/>
      <c r="CA867" s="1106"/>
    </row>
    <row r="868" spans="3:79" ht="9" customHeight="1" x14ac:dyDescent="0.2">
      <c r="C868" s="1106"/>
      <c r="D868" s="1106"/>
      <c r="E868" s="1106"/>
      <c r="F868" s="1106"/>
      <c r="G868" s="1106"/>
      <c r="H868" s="1106"/>
      <c r="I868" s="1106"/>
      <c r="J868" s="1106"/>
      <c r="K868" s="1106"/>
      <c r="L868" s="1106"/>
      <c r="M868" s="1106"/>
      <c r="N868" s="1106"/>
      <c r="O868" s="1106"/>
      <c r="U868" s="1106"/>
      <c r="AB868" s="1106"/>
      <c r="AC868" s="1106"/>
      <c r="AD868" s="1106"/>
      <c r="AE868" s="1106"/>
      <c r="AF868" s="1106"/>
      <c r="AG868" s="1106"/>
      <c r="AH868" s="1106"/>
      <c r="AL868" s="1106"/>
      <c r="AT868" s="1106"/>
      <c r="AU868" s="1106"/>
      <c r="AV868" s="1106"/>
      <c r="AW868" s="1106"/>
      <c r="AX868" s="1106"/>
      <c r="AY868" s="1106"/>
      <c r="AZ868" s="1106"/>
      <c r="BA868" s="1106"/>
      <c r="BB868" s="1106"/>
      <c r="BC868" s="1106"/>
      <c r="BD868" s="1106"/>
      <c r="BE868" s="1106"/>
      <c r="BF868" s="1106"/>
      <c r="BG868" s="1106"/>
      <c r="BH868" s="1106"/>
      <c r="BI868" s="1106"/>
      <c r="BJ868" s="1106"/>
      <c r="BK868" s="1106"/>
      <c r="BL868" s="1106"/>
      <c r="BM868" s="1106"/>
      <c r="BN868" s="1106"/>
      <c r="BO868" s="1106"/>
      <c r="BP868" s="1106"/>
      <c r="BQ868" s="1106"/>
      <c r="BR868" s="1106"/>
      <c r="BS868" s="1106"/>
      <c r="BT868" s="1106"/>
      <c r="BU868" s="1106"/>
      <c r="BV868" s="1106"/>
      <c r="BW868" s="1106"/>
      <c r="BX868" s="1106"/>
      <c r="BY868" s="1106"/>
      <c r="BZ868" s="1106"/>
      <c r="CA868" s="1106"/>
    </row>
    <row r="869" spans="3:79" ht="9" customHeight="1" x14ac:dyDescent="0.2">
      <c r="C869" s="1106"/>
      <c r="D869" s="1106"/>
      <c r="E869" s="1106"/>
      <c r="F869" s="1106"/>
      <c r="G869" s="1106"/>
      <c r="H869" s="1106"/>
      <c r="I869" s="1106"/>
      <c r="J869" s="1106"/>
      <c r="K869" s="1106"/>
      <c r="L869" s="1106"/>
      <c r="M869" s="1106"/>
      <c r="N869" s="1106"/>
      <c r="O869" s="1106"/>
      <c r="U869" s="1106"/>
      <c r="AB869" s="1106"/>
      <c r="AC869" s="1106"/>
      <c r="AD869" s="1106"/>
      <c r="AE869" s="1106"/>
      <c r="AF869" s="1106"/>
      <c r="AG869" s="1106"/>
      <c r="AH869" s="1106"/>
      <c r="AL869" s="1106"/>
      <c r="AO869" s="1106"/>
      <c r="AP869" s="1106"/>
      <c r="AT869" s="1106"/>
      <c r="AU869" s="1106"/>
      <c r="AV869" s="1106"/>
      <c r="AW869" s="1106"/>
      <c r="AX869" s="1106"/>
      <c r="AY869" s="1106"/>
      <c r="AZ869" s="1106"/>
      <c r="BA869" s="1106"/>
      <c r="BB869" s="1106"/>
      <c r="BC869" s="1106"/>
      <c r="BD869" s="1106"/>
      <c r="BE869" s="1106"/>
      <c r="BF869" s="1106"/>
      <c r="BG869" s="1106"/>
      <c r="BH869" s="1106"/>
      <c r="BI869" s="1106"/>
      <c r="BJ869" s="1106"/>
      <c r="BK869" s="1106"/>
      <c r="BL869" s="1106"/>
      <c r="BM869" s="1106"/>
      <c r="BN869" s="1106"/>
      <c r="BO869" s="1106"/>
      <c r="BP869" s="1106"/>
      <c r="BQ869" s="1106"/>
      <c r="BR869" s="1106"/>
      <c r="BS869" s="1106"/>
      <c r="BT869" s="1106"/>
      <c r="BU869" s="1106"/>
      <c r="BV869" s="1106"/>
      <c r="BW869" s="1106"/>
      <c r="BX869" s="1106"/>
      <c r="BY869" s="1106"/>
      <c r="BZ869" s="1106"/>
      <c r="CA869" s="1106"/>
    </row>
    <row r="870" spans="3:79" ht="9" customHeight="1" x14ac:dyDescent="0.2">
      <c r="C870" s="1106"/>
      <c r="D870" s="1106"/>
      <c r="E870" s="1106"/>
      <c r="F870" s="1106"/>
      <c r="G870" s="1106"/>
      <c r="H870" s="1106"/>
      <c r="I870" s="1106"/>
      <c r="J870" s="1106"/>
      <c r="K870" s="1106"/>
      <c r="L870" s="1106"/>
      <c r="M870" s="1106"/>
      <c r="N870" s="1106"/>
      <c r="O870" s="1106"/>
      <c r="U870" s="1106"/>
      <c r="AB870" s="1106"/>
      <c r="AC870" s="1106"/>
      <c r="AD870" s="1106"/>
      <c r="AE870" s="1106"/>
      <c r="AF870" s="1106"/>
      <c r="AG870" s="1106"/>
      <c r="AH870" s="1106"/>
      <c r="AL870" s="1106"/>
      <c r="AT870" s="1106"/>
      <c r="AU870" s="1106"/>
      <c r="AV870" s="1106"/>
      <c r="AW870" s="1106"/>
      <c r="AX870" s="1106"/>
      <c r="AY870" s="1106"/>
      <c r="AZ870" s="1106"/>
      <c r="BA870" s="1106"/>
      <c r="BB870" s="1106"/>
      <c r="BC870" s="1106"/>
      <c r="BD870" s="1106"/>
      <c r="BE870" s="1106"/>
      <c r="BF870" s="1106"/>
      <c r="BG870" s="1106"/>
      <c r="BH870" s="1106"/>
      <c r="BI870" s="1106"/>
      <c r="BJ870" s="1106"/>
      <c r="BK870" s="1106"/>
      <c r="BL870" s="1106"/>
      <c r="BM870" s="1106"/>
      <c r="BN870" s="1106"/>
      <c r="BO870" s="1106"/>
      <c r="BP870" s="1106"/>
      <c r="BQ870" s="1106"/>
      <c r="BR870" s="1106"/>
      <c r="BS870" s="1106"/>
      <c r="BT870" s="1106"/>
      <c r="BU870" s="1106"/>
      <c r="BV870" s="1106"/>
      <c r="BW870" s="1106"/>
      <c r="BX870" s="1106"/>
      <c r="BY870" s="1106"/>
      <c r="BZ870" s="1106"/>
      <c r="CA870" s="1106"/>
    </row>
    <row r="871" spans="3:79" ht="9" customHeight="1" x14ac:dyDescent="0.2">
      <c r="C871" s="1106"/>
      <c r="D871" s="1106"/>
      <c r="E871" s="1106"/>
      <c r="F871" s="1106"/>
      <c r="G871" s="1106"/>
      <c r="H871" s="1106"/>
      <c r="I871" s="1106"/>
      <c r="J871" s="1106"/>
      <c r="K871" s="1106"/>
      <c r="L871" s="1106"/>
      <c r="M871" s="1106"/>
      <c r="N871" s="1106"/>
      <c r="O871" s="1106"/>
      <c r="AB871" s="1106"/>
      <c r="AC871" s="1106"/>
      <c r="AD871" s="1106"/>
      <c r="AE871" s="1106"/>
      <c r="AF871" s="1106"/>
      <c r="AG871" s="1106"/>
      <c r="AH871" s="1106"/>
      <c r="AL871" s="1106"/>
      <c r="AZ871" s="1106"/>
      <c r="BA871" s="1106"/>
      <c r="BB871" s="1106"/>
      <c r="BC871" s="1106"/>
      <c r="BD871" s="1106"/>
      <c r="BE871" s="1106"/>
      <c r="BF871" s="1106"/>
      <c r="BG871" s="1106"/>
      <c r="BH871" s="1106"/>
      <c r="BI871" s="1106"/>
      <c r="BJ871" s="1106"/>
      <c r="BK871" s="1106"/>
      <c r="BL871" s="1106"/>
      <c r="BM871" s="1106"/>
      <c r="BN871" s="1106"/>
      <c r="BO871" s="1106"/>
      <c r="BP871" s="1106"/>
      <c r="BQ871" s="1106"/>
      <c r="BR871" s="1106"/>
      <c r="BS871" s="1106"/>
      <c r="BT871" s="1106"/>
      <c r="BU871" s="1106"/>
      <c r="BV871" s="1106"/>
      <c r="BW871" s="1106"/>
      <c r="BX871" s="1106"/>
      <c r="BY871" s="1106"/>
      <c r="BZ871" s="1106"/>
      <c r="CA871" s="1106"/>
    </row>
    <row r="872" spans="3:79" ht="9" customHeight="1" x14ac:dyDescent="0.2">
      <c r="C872" s="1106"/>
      <c r="D872" s="1106"/>
      <c r="E872" s="1106"/>
      <c r="F872" s="1106"/>
      <c r="G872" s="1106"/>
      <c r="H872" s="1106"/>
      <c r="I872" s="1106"/>
      <c r="J872" s="1106"/>
      <c r="K872" s="1106"/>
      <c r="L872" s="1106"/>
      <c r="M872" s="1106"/>
      <c r="N872" s="1106"/>
      <c r="O872" s="1106"/>
      <c r="AB872" s="1106"/>
      <c r="AC872" s="1106"/>
      <c r="AD872" s="1106"/>
      <c r="AE872" s="1106"/>
      <c r="AF872" s="1106"/>
      <c r="AG872" s="1106"/>
      <c r="AH872" s="1106"/>
      <c r="AL872" s="1106"/>
      <c r="AZ872" s="1106"/>
      <c r="BA872" s="1106"/>
      <c r="BB872" s="1106"/>
      <c r="BC872" s="1106"/>
      <c r="BD872" s="1106"/>
      <c r="BE872" s="1106"/>
      <c r="BF872" s="1106"/>
      <c r="BG872" s="1106"/>
      <c r="BH872" s="1106"/>
      <c r="BI872" s="1106"/>
      <c r="BJ872" s="1106"/>
      <c r="BK872" s="1106"/>
      <c r="BL872" s="1106"/>
      <c r="BM872" s="1106"/>
      <c r="BN872" s="1106"/>
      <c r="BO872" s="1106"/>
      <c r="BP872" s="1106"/>
      <c r="BQ872" s="1106"/>
      <c r="BR872" s="1106"/>
      <c r="BS872" s="1106"/>
      <c r="BT872" s="1106"/>
      <c r="BU872" s="1106"/>
      <c r="BV872" s="1106"/>
      <c r="BW872" s="1106"/>
      <c r="BX872" s="1106"/>
      <c r="BY872" s="1106"/>
      <c r="BZ872" s="1106"/>
      <c r="CA872" s="1106"/>
    </row>
    <row r="873" spans="3:79" ht="9" customHeight="1" x14ac:dyDescent="0.2">
      <c r="C873" s="1106"/>
      <c r="D873" s="1106"/>
      <c r="E873" s="1106"/>
      <c r="F873" s="1106"/>
      <c r="G873" s="1106"/>
      <c r="H873" s="1106"/>
      <c r="I873" s="1106"/>
      <c r="J873" s="1106"/>
      <c r="K873" s="1106"/>
      <c r="L873" s="1106"/>
      <c r="M873" s="1106"/>
      <c r="N873" s="1106"/>
      <c r="O873" s="1106"/>
      <c r="AB873" s="1106"/>
      <c r="AC873" s="1106"/>
      <c r="AD873" s="1106"/>
      <c r="AE873" s="1106"/>
      <c r="AF873" s="1106"/>
      <c r="AG873" s="1106"/>
      <c r="AH873" s="1106"/>
      <c r="AL873" s="1106"/>
      <c r="AZ873" s="1106"/>
      <c r="BA873" s="1106"/>
      <c r="BB873" s="1106"/>
      <c r="BC873" s="1106"/>
      <c r="BD873" s="1106"/>
      <c r="BE873" s="1106"/>
      <c r="BF873" s="1106"/>
      <c r="BG873" s="1106"/>
      <c r="BH873" s="1106"/>
      <c r="BI873" s="1106"/>
      <c r="BJ873" s="1106"/>
      <c r="BK873" s="1106"/>
      <c r="BL873" s="1106"/>
      <c r="BM873" s="1106"/>
      <c r="BN873" s="1106"/>
      <c r="BO873" s="1106"/>
      <c r="BP873" s="1106"/>
      <c r="BQ873" s="1106"/>
      <c r="BR873" s="1106"/>
      <c r="BS873" s="1106"/>
      <c r="BT873" s="1106"/>
      <c r="BU873" s="1106"/>
      <c r="BV873" s="1106"/>
      <c r="BW873" s="1106"/>
      <c r="BX873" s="1106"/>
      <c r="BY873" s="1106"/>
      <c r="BZ873" s="1106"/>
      <c r="CA873" s="1106"/>
    </row>
    <row r="874" spans="3:79" ht="9" customHeight="1" x14ac:dyDescent="0.2">
      <c r="C874" s="1106"/>
      <c r="D874" s="1106"/>
      <c r="E874" s="1106"/>
      <c r="F874" s="1106"/>
      <c r="G874" s="1106"/>
      <c r="H874" s="1106"/>
      <c r="I874" s="1106"/>
      <c r="J874" s="1106"/>
      <c r="K874" s="1106"/>
      <c r="L874" s="1106"/>
      <c r="M874" s="1106"/>
      <c r="N874" s="1106"/>
      <c r="O874" s="1106"/>
      <c r="U874" s="1106"/>
      <c r="AB874" s="1106"/>
      <c r="AC874" s="1106"/>
      <c r="AD874" s="1106"/>
      <c r="AE874" s="1106"/>
      <c r="AF874" s="1106"/>
      <c r="AG874" s="1106"/>
      <c r="AH874" s="1106"/>
      <c r="AL874" s="1106"/>
      <c r="AT874" s="1106"/>
      <c r="AU874" s="1106"/>
      <c r="AV874" s="1106"/>
      <c r="AW874" s="1106"/>
      <c r="AX874" s="1106"/>
      <c r="AY874" s="1106"/>
      <c r="AZ874" s="1106"/>
      <c r="BA874" s="1106"/>
      <c r="BB874" s="1106"/>
      <c r="BC874" s="1106"/>
      <c r="BD874" s="1106"/>
      <c r="BE874" s="1106"/>
      <c r="BF874" s="1106"/>
      <c r="BG874" s="1106"/>
      <c r="BH874" s="1106"/>
      <c r="BI874" s="1106"/>
      <c r="BJ874" s="1106"/>
      <c r="BK874" s="1106"/>
      <c r="BL874" s="1106"/>
      <c r="BM874" s="1106"/>
      <c r="BN874" s="1106"/>
      <c r="BO874" s="1106"/>
      <c r="BP874" s="1106"/>
      <c r="BQ874" s="1106"/>
      <c r="BR874" s="1106"/>
      <c r="BS874" s="1106"/>
      <c r="BT874" s="1106"/>
      <c r="BU874" s="1106"/>
      <c r="BV874" s="1106"/>
      <c r="BW874" s="1106"/>
      <c r="BX874" s="1106"/>
      <c r="BY874" s="1106"/>
      <c r="BZ874" s="1106"/>
      <c r="CA874" s="1106"/>
    </row>
    <row r="875" spans="3:79" ht="9" customHeight="1" x14ac:dyDescent="0.2">
      <c r="C875" s="1106"/>
      <c r="D875" s="1106"/>
      <c r="E875" s="1106"/>
      <c r="F875" s="1106"/>
      <c r="G875" s="1106"/>
      <c r="H875" s="1106"/>
      <c r="I875" s="1106"/>
      <c r="J875" s="1106"/>
      <c r="K875" s="1106"/>
      <c r="L875" s="1106"/>
      <c r="M875" s="1106"/>
      <c r="N875" s="1106"/>
      <c r="O875" s="1106"/>
      <c r="U875" s="1106"/>
      <c r="AB875" s="1106"/>
      <c r="AC875" s="1106"/>
      <c r="AD875" s="1106"/>
      <c r="AE875" s="1106"/>
      <c r="AF875" s="1106"/>
      <c r="AG875" s="1106"/>
      <c r="AH875" s="1106"/>
      <c r="AL875" s="1106"/>
      <c r="AO875" s="1106"/>
      <c r="AP875" s="1106"/>
      <c r="AT875" s="1106"/>
      <c r="AU875" s="1106"/>
      <c r="AV875" s="1106"/>
      <c r="AW875" s="1106"/>
      <c r="AX875" s="1106"/>
      <c r="AY875" s="1106"/>
      <c r="AZ875" s="1106"/>
      <c r="BA875" s="1106"/>
      <c r="BB875" s="1106"/>
      <c r="BC875" s="1106"/>
      <c r="BD875" s="1106"/>
      <c r="BE875" s="1106"/>
      <c r="BF875" s="1106"/>
      <c r="BG875" s="1106"/>
      <c r="BH875" s="1106"/>
      <c r="BI875" s="1106"/>
      <c r="BJ875" s="1106"/>
      <c r="BK875" s="1106"/>
      <c r="BL875" s="1106"/>
      <c r="BM875" s="1106"/>
      <c r="BN875" s="1106"/>
      <c r="BO875" s="1106"/>
      <c r="BP875" s="1106"/>
      <c r="BQ875" s="1106"/>
      <c r="BR875" s="1106"/>
      <c r="BS875" s="1106"/>
      <c r="BT875" s="1106"/>
      <c r="BU875" s="1106"/>
      <c r="BV875" s="1106"/>
      <c r="BW875" s="1106"/>
      <c r="BX875" s="1106"/>
      <c r="BY875" s="1106"/>
      <c r="BZ875" s="1106"/>
      <c r="CA875" s="1106"/>
    </row>
    <row r="876" spans="3:79" ht="9" customHeight="1" x14ac:dyDescent="0.2">
      <c r="C876" s="1106"/>
      <c r="D876" s="1106"/>
      <c r="E876" s="1106"/>
      <c r="F876" s="1106"/>
      <c r="G876" s="1106"/>
      <c r="H876" s="1106"/>
      <c r="I876" s="1106"/>
      <c r="J876" s="1106"/>
      <c r="K876" s="1106"/>
      <c r="L876" s="1106"/>
      <c r="M876" s="1106"/>
      <c r="N876" s="1106"/>
      <c r="O876" s="1106"/>
      <c r="U876" s="1106"/>
      <c r="AB876" s="1106"/>
      <c r="AC876" s="1106"/>
      <c r="AD876" s="1106"/>
      <c r="AE876" s="1106"/>
      <c r="AF876" s="1106"/>
      <c r="AG876" s="1106"/>
      <c r="AH876" s="1106"/>
      <c r="AL876" s="1106"/>
      <c r="AT876" s="1106"/>
      <c r="AU876" s="1106"/>
      <c r="AV876" s="1106"/>
      <c r="AW876" s="1106"/>
      <c r="AX876" s="1106"/>
      <c r="AY876" s="1106"/>
      <c r="AZ876" s="1106"/>
      <c r="BA876" s="1106"/>
      <c r="BB876" s="1106"/>
      <c r="BC876" s="1106"/>
      <c r="BD876" s="1106"/>
      <c r="BE876" s="1106"/>
      <c r="BF876" s="1106"/>
      <c r="BG876" s="1106"/>
      <c r="BH876" s="1106"/>
      <c r="BI876" s="1106"/>
      <c r="BJ876" s="1106"/>
      <c r="BK876" s="1106"/>
      <c r="BL876" s="1106"/>
      <c r="BM876" s="1106"/>
      <c r="BN876" s="1106"/>
      <c r="BO876" s="1106"/>
      <c r="BP876" s="1106"/>
      <c r="BQ876" s="1106"/>
      <c r="BR876" s="1106"/>
      <c r="BS876" s="1106"/>
      <c r="BT876" s="1106"/>
      <c r="BU876" s="1106"/>
      <c r="BV876" s="1106"/>
      <c r="BW876" s="1106"/>
      <c r="BX876" s="1106"/>
      <c r="BY876" s="1106"/>
      <c r="BZ876" s="1106"/>
      <c r="CA876" s="1106"/>
    </row>
    <row r="877" spans="3:79" ht="9" customHeight="1" x14ac:dyDescent="0.2">
      <c r="C877" s="1106"/>
      <c r="D877" s="1106"/>
      <c r="E877" s="1106"/>
      <c r="F877" s="1106"/>
      <c r="G877" s="1106"/>
      <c r="H877" s="1106"/>
      <c r="I877" s="1106"/>
      <c r="J877" s="1106"/>
      <c r="K877" s="1106"/>
      <c r="L877" s="1106"/>
      <c r="M877" s="1106"/>
      <c r="N877" s="1106"/>
      <c r="O877" s="1106"/>
      <c r="AB877" s="1106"/>
      <c r="AC877" s="1106"/>
      <c r="AD877" s="1106"/>
      <c r="AE877" s="1106"/>
      <c r="AF877" s="1106"/>
      <c r="AG877" s="1106"/>
      <c r="AH877" s="1106"/>
      <c r="AL877" s="1106"/>
      <c r="AZ877" s="1106"/>
      <c r="BA877" s="1106"/>
      <c r="BB877" s="1106"/>
      <c r="BC877" s="1106"/>
      <c r="BD877" s="1106"/>
      <c r="BE877" s="1106"/>
      <c r="BF877" s="1106"/>
      <c r="BG877" s="1106"/>
      <c r="BH877" s="1106"/>
      <c r="BI877" s="1106"/>
      <c r="BJ877" s="1106"/>
      <c r="BK877" s="1106"/>
      <c r="BL877" s="1106"/>
      <c r="BM877" s="1106"/>
      <c r="BN877" s="1106"/>
      <c r="BO877" s="1106"/>
      <c r="BP877" s="1106"/>
      <c r="BQ877" s="1106"/>
      <c r="BR877" s="1106"/>
      <c r="BS877" s="1106"/>
      <c r="BT877" s="1106"/>
      <c r="BU877" s="1106"/>
      <c r="BV877" s="1106"/>
      <c r="BW877" s="1106"/>
      <c r="BX877" s="1106"/>
      <c r="BY877" s="1106"/>
      <c r="BZ877" s="1106"/>
      <c r="CA877" s="1106"/>
    </row>
    <row r="878" spans="3:79" ht="9" customHeight="1" x14ac:dyDescent="0.2">
      <c r="C878" s="1106"/>
      <c r="D878" s="1106"/>
      <c r="E878" s="1106"/>
      <c r="F878" s="1106"/>
      <c r="G878" s="1106"/>
      <c r="H878" s="1106"/>
      <c r="I878" s="1106"/>
      <c r="J878" s="1106"/>
      <c r="K878" s="1106"/>
      <c r="L878" s="1106"/>
      <c r="M878" s="1106"/>
      <c r="N878" s="1106"/>
      <c r="O878" s="1106"/>
      <c r="AB878" s="1106"/>
      <c r="AC878" s="1106"/>
      <c r="AD878" s="1106"/>
      <c r="AE878" s="1106"/>
      <c r="AF878" s="1106"/>
      <c r="AG878" s="1106"/>
      <c r="AH878" s="1106"/>
      <c r="AL878" s="1106"/>
      <c r="AZ878" s="1106"/>
      <c r="BA878" s="1106"/>
      <c r="BB878" s="1106"/>
      <c r="BC878" s="1106"/>
      <c r="BD878" s="1106"/>
      <c r="BE878" s="1106"/>
      <c r="BF878" s="1106"/>
      <c r="BG878" s="1106"/>
      <c r="BH878" s="1106"/>
      <c r="BI878" s="1106"/>
      <c r="BJ878" s="1106"/>
      <c r="BK878" s="1106"/>
      <c r="BL878" s="1106"/>
      <c r="BM878" s="1106"/>
      <c r="BN878" s="1106"/>
      <c r="BO878" s="1106"/>
      <c r="BP878" s="1106"/>
      <c r="BQ878" s="1106"/>
      <c r="BR878" s="1106"/>
      <c r="BS878" s="1106"/>
      <c r="BT878" s="1106"/>
      <c r="BU878" s="1106"/>
      <c r="BV878" s="1106"/>
      <c r="BW878" s="1106"/>
      <c r="BX878" s="1106"/>
      <c r="BY878" s="1106"/>
      <c r="BZ878" s="1106"/>
      <c r="CA878" s="1106"/>
    </row>
    <row r="879" spans="3:79" ht="9" customHeight="1" x14ac:dyDescent="0.2">
      <c r="C879" s="1106"/>
      <c r="D879" s="1106"/>
      <c r="E879" s="1106"/>
      <c r="F879" s="1106"/>
      <c r="G879" s="1106"/>
      <c r="H879" s="1106"/>
      <c r="I879" s="1106"/>
      <c r="J879" s="1106"/>
      <c r="K879" s="1106"/>
      <c r="L879" s="1106"/>
      <c r="M879" s="1106"/>
      <c r="N879" s="1106"/>
      <c r="O879" s="1106"/>
      <c r="AB879" s="1106"/>
      <c r="AC879" s="1106"/>
      <c r="AD879" s="1106"/>
      <c r="AE879" s="1106"/>
      <c r="AF879" s="1106"/>
      <c r="AG879" s="1106"/>
      <c r="AH879" s="1106"/>
      <c r="AL879" s="1106"/>
      <c r="AZ879" s="1106"/>
      <c r="BA879" s="1106"/>
      <c r="BB879" s="1106"/>
      <c r="BC879" s="1106"/>
      <c r="BD879" s="1106"/>
      <c r="BE879" s="1106"/>
      <c r="BF879" s="1106"/>
      <c r="BG879" s="1106"/>
      <c r="BH879" s="1106"/>
      <c r="BI879" s="1106"/>
      <c r="BJ879" s="1106"/>
      <c r="BK879" s="1106"/>
      <c r="BL879" s="1106"/>
      <c r="BM879" s="1106"/>
      <c r="BN879" s="1106"/>
      <c r="BO879" s="1106"/>
      <c r="BP879" s="1106"/>
      <c r="BQ879" s="1106"/>
      <c r="BR879" s="1106"/>
      <c r="BS879" s="1106"/>
      <c r="BT879" s="1106"/>
      <c r="BU879" s="1106"/>
      <c r="BV879" s="1106"/>
      <c r="BW879" s="1106"/>
      <c r="BX879" s="1106"/>
      <c r="BY879" s="1106"/>
      <c r="BZ879" s="1106"/>
      <c r="CA879" s="1106"/>
    </row>
    <row r="880" spans="3:79" ht="9" customHeight="1" x14ac:dyDescent="0.2">
      <c r="C880" s="1106"/>
      <c r="D880" s="1106"/>
      <c r="E880" s="1106"/>
      <c r="F880" s="1106"/>
      <c r="G880" s="1106"/>
      <c r="H880" s="1106"/>
      <c r="I880" s="1106"/>
      <c r="J880" s="1106"/>
      <c r="K880" s="1106"/>
      <c r="L880" s="1106"/>
      <c r="M880" s="1106"/>
      <c r="N880" s="1106"/>
      <c r="O880" s="1106"/>
      <c r="U880" s="1106"/>
      <c r="AB880" s="1106"/>
      <c r="AC880" s="1106"/>
      <c r="AD880" s="1106"/>
      <c r="AE880" s="1106"/>
      <c r="AF880" s="1106"/>
      <c r="AG880" s="1106"/>
      <c r="AH880" s="1106"/>
      <c r="AL880" s="1106"/>
      <c r="AT880" s="1106"/>
      <c r="AU880" s="1106"/>
      <c r="AV880" s="1106"/>
      <c r="AW880" s="1106"/>
      <c r="AX880" s="1106"/>
      <c r="AY880" s="1106"/>
      <c r="AZ880" s="1106"/>
      <c r="BA880" s="1106"/>
      <c r="BB880" s="1106"/>
      <c r="BC880" s="1106"/>
      <c r="BD880" s="1106"/>
      <c r="BE880" s="1106"/>
      <c r="BF880" s="1106"/>
      <c r="BG880" s="1106"/>
      <c r="BH880" s="1106"/>
      <c r="BI880" s="1106"/>
      <c r="BJ880" s="1106"/>
      <c r="BK880" s="1106"/>
      <c r="BL880" s="1106"/>
      <c r="BM880" s="1106"/>
      <c r="BN880" s="1106"/>
      <c r="BO880" s="1106"/>
      <c r="BP880" s="1106"/>
      <c r="BQ880" s="1106"/>
      <c r="BR880" s="1106"/>
      <c r="BS880" s="1106"/>
      <c r="BT880" s="1106"/>
      <c r="BU880" s="1106"/>
      <c r="BV880" s="1106"/>
      <c r="BW880" s="1106"/>
      <c r="BX880" s="1106"/>
      <c r="BY880" s="1106"/>
      <c r="BZ880" s="1106"/>
      <c r="CA880" s="1106"/>
    </row>
    <row r="881" spans="3:79" ht="9" customHeight="1" x14ac:dyDescent="0.2">
      <c r="C881" s="1106"/>
      <c r="D881" s="1106"/>
      <c r="E881" s="1106"/>
      <c r="F881" s="1106"/>
      <c r="G881" s="1106"/>
      <c r="H881" s="1106"/>
      <c r="I881" s="1106"/>
      <c r="J881" s="1106"/>
      <c r="K881" s="1106"/>
      <c r="L881" s="1106"/>
      <c r="M881" s="1106"/>
      <c r="N881" s="1106"/>
      <c r="O881" s="1106"/>
      <c r="U881" s="1106"/>
      <c r="AB881" s="1106"/>
      <c r="AC881" s="1106"/>
      <c r="AD881" s="1106"/>
      <c r="AE881" s="1106"/>
      <c r="AF881" s="1106"/>
      <c r="AG881" s="1106"/>
      <c r="AH881" s="1106"/>
      <c r="AL881" s="1106"/>
      <c r="AO881" s="1106"/>
      <c r="AP881" s="1106"/>
      <c r="AT881" s="1106"/>
      <c r="AU881" s="1106"/>
      <c r="AV881" s="1106"/>
      <c r="AW881" s="1106"/>
      <c r="AX881" s="1106"/>
      <c r="AY881" s="1106"/>
      <c r="AZ881" s="1106"/>
      <c r="BA881" s="1106"/>
      <c r="BB881" s="1106"/>
      <c r="BC881" s="1106"/>
      <c r="BD881" s="1106"/>
      <c r="BE881" s="1106"/>
      <c r="BF881" s="1106"/>
      <c r="BG881" s="1106"/>
      <c r="BH881" s="1106"/>
      <c r="BI881" s="1106"/>
      <c r="BJ881" s="1106"/>
      <c r="BK881" s="1106"/>
      <c r="BL881" s="1106"/>
      <c r="BM881" s="1106"/>
      <c r="BN881" s="1106"/>
      <c r="BO881" s="1106"/>
      <c r="BP881" s="1106"/>
      <c r="BQ881" s="1106"/>
      <c r="BR881" s="1106"/>
      <c r="BS881" s="1106"/>
      <c r="BT881" s="1106"/>
      <c r="BU881" s="1106"/>
      <c r="BV881" s="1106"/>
      <c r="BW881" s="1106"/>
      <c r="BX881" s="1106"/>
      <c r="BY881" s="1106"/>
      <c r="BZ881" s="1106"/>
      <c r="CA881" s="1106"/>
    </row>
    <row r="882" spans="3:79" ht="9" customHeight="1" x14ac:dyDescent="0.2">
      <c r="C882" s="1106"/>
      <c r="D882" s="1106"/>
      <c r="E882" s="1106"/>
      <c r="F882" s="1106"/>
      <c r="G882" s="1106"/>
      <c r="H882" s="1106"/>
      <c r="I882" s="1106"/>
      <c r="J882" s="1106"/>
      <c r="K882" s="1106"/>
      <c r="L882" s="1106"/>
      <c r="M882" s="1106"/>
      <c r="N882" s="1106"/>
      <c r="O882" s="1106"/>
      <c r="U882" s="1106"/>
      <c r="AB882" s="1106"/>
      <c r="AC882" s="1106"/>
      <c r="AD882" s="1106"/>
      <c r="AE882" s="1106"/>
      <c r="AF882" s="1106"/>
      <c r="AG882" s="1106"/>
      <c r="AH882" s="1106"/>
      <c r="AL882" s="1106"/>
      <c r="AT882" s="1106"/>
      <c r="AU882" s="1106"/>
      <c r="AV882" s="1106"/>
      <c r="AW882" s="1106"/>
      <c r="AX882" s="1106"/>
      <c r="AY882" s="1106"/>
      <c r="AZ882" s="1106"/>
      <c r="BA882" s="1106"/>
      <c r="BB882" s="1106"/>
      <c r="BC882" s="1106"/>
      <c r="BD882" s="1106"/>
      <c r="BE882" s="1106"/>
      <c r="BF882" s="1106"/>
      <c r="BG882" s="1106"/>
      <c r="BH882" s="1106"/>
      <c r="BI882" s="1106"/>
      <c r="BJ882" s="1106"/>
      <c r="BK882" s="1106"/>
      <c r="BL882" s="1106"/>
      <c r="BM882" s="1106"/>
      <c r="BN882" s="1106"/>
      <c r="BO882" s="1106"/>
      <c r="BP882" s="1106"/>
      <c r="BQ882" s="1106"/>
      <c r="BR882" s="1106"/>
      <c r="BS882" s="1106"/>
      <c r="BT882" s="1106"/>
      <c r="BU882" s="1106"/>
      <c r="BV882" s="1106"/>
      <c r="BW882" s="1106"/>
      <c r="BX882" s="1106"/>
      <c r="BY882" s="1106"/>
      <c r="BZ882" s="1106"/>
      <c r="CA882" s="1106"/>
    </row>
    <row r="883" spans="3:79" ht="9" customHeight="1" x14ac:dyDescent="0.2">
      <c r="C883" s="1106"/>
      <c r="D883" s="1106"/>
      <c r="E883" s="1106"/>
      <c r="F883" s="1106"/>
      <c r="G883" s="1106"/>
      <c r="H883" s="1106"/>
      <c r="I883" s="1106"/>
      <c r="J883" s="1106"/>
      <c r="K883" s="1106"/>
      <c r="L883" s="1106"/>
      <c r="M883" s="1106"/>
      <c r="N883" s="1106"/>
      <c r="O883" s="1106"/>
      <c r="AB883" s="1106"/>
      <c r="AC883" s="1106"/>
      <c r="AD883" s="1106"/>
      <c r="AE883" s="1106"/>
      <c r="AF883" s="1106"/>
      <c r="AG883" s="1106"/>
      <c r="AH883" s="1106"/>
      <c r="AL883" s="1106"/>
      <c r="AZ883" s="1106"/>
      <c r="BA883" s="1106"/>
      <c r="BB883" s="1106"/>
      <c r="BC883" s="1106"/>
      <c r="BD883" s="1106"/>
      <c r="BE883" s="1106"/>
      <c r="BF883" s="1106"/>
      <c r="BG883" s="1106"/>
      <c r="BH883" s="1106"/>
      <c r="BI883" s="1106"/>
      <c r="BJ883" s="1106"/>
      <c r="BK883" s="1106"/>
      <c r="BL883" s="1106"/>
      <c r="BM883" s="1106"/>
      <c r="BN883" s="1106"/>
      <c r="BO883" s="1106"/>
      <c r="BP883" s="1106"/>
      <c r="BQ883" s="1106"/>
      <c r="BR883" s="1106"/>
      <c r="BS883" s="1106"/>
      <c r="BT883" s="1106"/>
      <c r="BU883" s="1106"/>
      <c r="BV883" s="1106"/>
      <c r="BW883" s="1106"/>
      <c r="BX883" s="1106"/>
      <c r="BY883" s="1106"/>
      <c r="BZ883" s="1106"/>
      <c r="CA883" s="1106"/>
    </row>
    <row r="884" spans="3:79" ht="9" customHeight="1" x14ac:dyDescent="0.2">
      <c r="C884" s="1106"/>
      <c r="D884" s="1106"/>
      <c r="E884" s="1106"/>
      <c r="F884" s="1106"/>
      <c r="G884" s="1106"/>
      <c r="H884" s="1106"/>
      <c r="I884" s="1106"/>
      <c r="J884" s="1106"/>
      <c r="K884" s="1106"/>
      <c r="L884" s="1106"/>
      <c r="M884" s="1106"/>
      <c r="N884" s="1106"/>
      <c r="O884" s="1106"/>
      <c r="AB884" s="1106"/>
      <c r="AC884" s="1106"/>
      <c r="AD884" s="1106"/>
      <c r="AE884" s="1106"/>
      <c r="AF884" s="1106"/>
      <c r="AG884" s="1106"/>
      <c r="AH884" s="1106"/>
      <c r="AL884" s="1106"/>
      <c r="AZ884" s="1106"/>
      <c r="BA884" s="1106"/>
      <c r="BB884" s="1106"/>
      <c r="BC884" s="1106"/>
      <c r="BD884" s="1106"/>
      <c r="BE884" s="1106"/>
      <c r="BF884" s="1106"/>
      <c r="BG884" s="1106"/>
      <c r="BH884" s="1106"/>
      <c r="BI884" s="1106"/>
      <c r="BJ884" s="1106"/>
      <c r="BK884" s="1106"/>
      <c r="BL884" s="1106"/>
      <c r="BM884" s="1106"/>
      <c r="BN884" s="1106"/>
      <c r="BO884" s="1106"/>
      <c r="BP884" s="1106"/>
      <c r="BQ884" s="1106"/>
      <c r="BR884" s="1106"/>
      <c r="BS884" s="1106"/>
      <c r="BT884" s="1106"/>
      <c r="BU884" s="1106"/>
      <c r="BV884" s="1106"/>
      <c r="BW884" s="1106"/>
      <c r="BX884" s="1106"/>
      <c r="BY884" s="1106"/>
      <c r="BZ884" s="1106"/>
      <c r="CA884" s="1106"/>
    </row>
    <row r="885" spans="3:79" ht="9" customHeight="1" x14ac:dyDescent="0.2">
      <c r="C885" s="1106"/>
      <c r="D885" s="1106"/>
      <c r="E885" s="1106"/>
      <c r="F885" s="1106"/>
      <c r="G885" s="1106"/>
      <c r="H885" s="1106"/>
      <c r="I885" s="1106"/>
      <c r="J885" s="1106"/>
      <c r="K885" s="1106"/>
      <c r="L885" s="1106"/>
      <c r="M885" s="1106"/>
      <c r="N885" s="1106"/>
      <c r="O885" s="1106"/>
      <c r="AB885" s="1106"/>
      <c r="AC885" s="1106"/>
      <c r="AD885" s="1106"/>
      <c r="AE885" s="1106"/>
      <c r="AF885" s="1106"/>
      <c r="AG885" s="1106"/>
      <c r="AH885" s="1106"/>
      <c r="AL885" s="1106"/>
      <c r="AZ885" s="1106"/>
      <c r="BA885" s="1106"/>
      <c r="BB885" s="1106"/>
      <c r="BC885" s="1106"/>
      <c r="BD885" s="1106"/>
      <c r="BE885" s="1106"/>
      <c r="BF885" s="1106"/>
      <c r="BG885" s="1106"/>
      <c r="BH885" s="1106"/>
      <c r="BI885" s="1106"/>
      <c r="BJ885" s="1106"/>
      <c r="BK885" s="1106"/>
      <c r="BL885" s="1106"/>
      <c r="BM885" s="1106"/>
      <c r="BN885" s="1106"/>
      <c r="BO885" s="1106"/>
      <c r="BP885" s="1106"/>
      <c r="BQ885" s="1106"/>
      <c r="BR885" s="1106"/>
      <c r="BS885" s="1106"/>
      <c r="BT885" s="1106"/>
      <c r="BU885" s="1106"/>
      <c r="BV885" s="1106"/>
      <c r="BW885" s="1106"/>
      <c r="BX885" s="1106"/>
      <c r="BY885" s="1106"/>
      <c r="BZ885" s="1106"/>
      <c r="CA885" s="1106"/>
    </row>
    <row r="886" spans="3:79" ht="9" customHeight="1" x14ac:dyDescent="0.2">
      <c r="C886" s="1106"/>
      <c r="D886" s="1106"/>
      <c r="E886" s="1106"/>
      <c r="F886" s="1106"/>
      <c r="G886" s="1106"/>
      <c r="H886" s="1106"/>
      <c r="I886" s="1106"/>
      <c r="J886" s="1106"/>
      <c r="K886" s="1106"/>
      <c r="L886" s="1106"/>
      <c r="M886" s="1106"/>
      <c r="N886" s="1106"/>
      <c r="O886" s="1106"/>
      <c r="U886" s="1106"/>
      <c r="AB886" s="1106"/>
      <c r="AC886" s="1106"/>
      <c r="AD886" s="1106"/>
      <c r="AE886" s="1106"/>
      <c r="AF886" s="1106"/>
      <c r="AG886" s="1106"/>
      <c r="AH886" s="1106"/>
      <c r="AL886" s="1106"/>
      <c r="AT886" s="1106"/>
      <c r="AU886" s="1106"/>
      <c r="AV886" s="1106"/>
      <c r="AW886" s="1106"/>
      <c r="AX886" s="1106"/>
      <c r="AY886" s="1106"/>
      <c r="AZ886" s="1106"/>
      <c r="BA886" s="1106"/>
      <c r="BB886" s="1106"/>
      <c r="BC886" s="1106"/>
      <c r="BD886" s="1106"/>
      <c r="BE886" s="1106"/>
      <c r="BF886" s="1106"/>
      <c r="BG886" s="1106"/>
      <c r="BH886" s="1106"/>
      <c r="BI886" s="1106"/>
      <c r="BJ886" s="1106"/>
      <c r="BK886" s="1106"/>
      <c r="BL886" s="1106"/>
      <c r="BM886" s="1106"/>
      <c r="BN886" s="1106"/>
      <c r="BO886" s="1106"/>
      <c r="BP886" s="1106"/>
      <c r="BQ886" s="1106"/>
      <c r="BR886" s="1106"/>
      <c r="BS886" s="1106"/>
      <c r="BT886" s="1106"/>
      <c r="BU886" s="1106"/>
      <c r="BV886" s="1106"/>
      <c r="BW886" s="1106"/>
      <c r="BX886" s="1106"/>
      <c r="BY886" s="1106"/>
      <c r="BZ886" s="1106"/>
      <c r="CA886" s="1106"/>
    </row>
    <row r="887" spans="3:79" ht="9" customHeight="1" x14ac:dyDescent="0.2">
      <c r="C887" s="1106"/>
      <c r="D887" s="1106"/>
      <c r="E887" s="1106"/>
      <c r="F887" s="1106"/>
      <c r="G887" s="1106"/>
      <c r="H887" s="1106"/>
      <c r="I887" s="1106"/>
      <c r="J887" s="1106"/>
      <c r="K887" s="1106"/>
      <c r="L887" s="1106"/>
      <c r="M887" s="1106"/>
      <c r="N887" s="1106"/>
      <c r="O887" s="1106"/>
      <c r="U887" s="1106"/>
      <c r="AB887" s="1106"/>
      <c r="AC887" s="1106"/>
      <c r="AD887" s="1106"/>
      <c r="AE887" s="1106"/>
      <c r="AF887" s="1106"/>
      <c r="AG887" s="1106"/>
      <c r="AH887" s="1106"/>
      <c r="AL887" s="1106"/>
      <c r="AO887" s="1106"/>
      <c r="AP887" s="1106"/>
      <c r="AT887" s="1106"/>
      <c r="AU887" s="1106"/>
      <c r="AV887" s="1106"/>
      <c r="AW887" s="1106"/>
      <c r="AX887" s="1106"/>
      <c r="AY887" s="1106"/>
      <c r="AZ887" s="1106"/>
      <c r="BA887" s="1106"/>
      <c r="BB887" s="1106"/>
      <c r="BC887" s="1106"/>
      <c r="BD887" s="1106"/>
      <c r="BE887" s="1106"/>
      <c r="BF887" s="1106"/>
      <c r="BG887" s="1106"/>
      <c r="BH887" s="1106"/>
      <c r="BI887" s="1106"/>
      <c r="BJ887" s="1106"/>
      <c r="BK887" s="1106"/>
      <c r="BL887" s="1106"/>
      <c r="BM887" s="1106"/>
      <c r="BN887" s="1106"/>
      <c r="BO887" s="1106"/>
      <c r="BP887" s="1106"/>
      <c r="BQ887" s="1106"/>
      <c r="BR887" s="1106"/>
      <c r="BS887" s="1106"/>
      <c r="BT887" s="1106"/>
      <c r="BU887" s="1106"/>
      <c r="BV887" s="1106"/>
      <c r="BW887" s="1106"/>
      <c r="BX887" s="1106"/>
      <c r="BY887" s="1106"/>
      <c r="BZ887" s="1106"/>
      <c r="CA887" s="1106"/>
    </row>
    <row r="888" spans="3:79" ht="9" customHeight="1" x14ac:dyDescent="0.2">
      <c r="C888" s="1106"/>
      <c r="D888" s="1106"/>
      <c r="E888" s="1106"/>
      <c r="F888" s="1106"/>
      <c r="G888" s="1106"/>
      <c r="H888" s="1106"/>
      <c r="I888" s="1106"/>
      <c r="J888" s="1106"/>
      <c r="K888" s="1106"/>
      <c r="L888" s="1106"/>
      <c r="M888" s="1106"/>
      <c r="N888" s="1106"/>
      <c r="O888" s="1106"/>
      <c r="U888" s="1106"/>
      <c r="AB888" s="1106"/>
      <c r="AC888" s="1106"/>
      <c r="AD888" s="1106"/>
      <c r="AE888" s="1106"/>
      <c r="AF888" s="1106"/>
      <c r="AG888" s="1106"/>
      <c r="AH888" s="1106"/>
      <c r="AL888" s="1106"/>
      <c r="AT888" s="1106"/>
      <c r="AU888" s="1106"/>
      <c r="AV888" s="1106"/>
      <c r="AW888" s="1106"/>
      <c r="AX888" s="1106"/>
      <c r="AY888" s="1106"/>
      <c r="AZ888" s="1106"/>
      <c r="BA888" s="1106"/>
      <c r="BB888" s="1106"/>
      <c r="BC888" s="1106"/>
      <c r="BD888" s="1106"/>
      <c r="BE888" s="1106"/>
      <c r="BF888" s="1106"/>
      <c r="BG888" s="1106"/>
      <c r="BH888" s="1106"/>
      <c r="BI888" s="1106"/>
      <c r="BJ888" s="1106"/>
      <c r="BK888" s="1106"/>
      <c r="BL888" s="1106"/>
      <c r="BM888" s="1106"/>
      <c r="BN888" s="1106"/>
      <c r="BO888" s="1106"/>
      <c r="BP888" s="1106"/>
      <c r="BQ888" s="1106"/>
      <c r="BR888" s="1106"/>
      <c r="BS888" s="1106"/>
      <c r="BT888" s="1106"/>
      <c r="BU888" s="1106"/>
      <c r="BV888" s="1106"/>
      <c r="BW888" s="1106"/>
      <c r="BX888" s="1106"/>
      <c r="BY888" s="1106"/>
      <c r="BZ888" s="1106"/>
      <c r="CA888" s="1106"/>
    </row>
    <row r="889" spans="3:79" ht="9" customHeight="1" x14ac:dyDescent="0.2">
      <c r="C889" s="1106"/>
      <c r="D889" s="1106"/>
      <c r="E889" s="1106"/>
      <c r="F889" s="1106"/>
      <c r="G889" s="1106"/>
      <c r="H889" s="1106"/>
      <c r="I889" s="1106"/>
      <c r="J889" s="1106"/>
      <c r="K889" s="1106"/>
      <c r="L889" s="1106"/>
      <c r="M889" s="1106"/>
      <c r="N889" s="1106"/>
      <c r="O889" s="1106"/>
      <c r="AB889" s="1106"/>
      <c r="AC889" s="1106"/>
      <c r="AD889" s="1106"/>
      <c r="AE889" s="1106"/>
      <c r="AF889" s="1106"/>
      <c r="AG889" s="1106"/>
      <c r="AH889" s="1106"/>
      <c r="AL889" s="1106"/>
      <c r="AZ889" s="1106"/>
      <c r="BA889" s="1106"/>
      <c r="BB889" s="1106"/>
      <c r="BC889" s="1106"/>
      <c r="BD889" s="1106"/>
      <c r="BE889" s="1106"/>
      <c r="BF889" s="1106"/>
      <c r="BG889" s="1106"/>
      <c r="BH889" s="1106"/>
      <c r="BI889" s="1106"/>
      <c r="BJ889" s="1106"/>
      <c r="BK889" s="1106"/>
      <c r="BL889" s="1106"/>
      <c r="BM889" s="1106"/>
      <c r="BN889" s="1106"/>
      <c r="BO889" s="1106"/>
      <c r="BP889" s="1106"/>
      <c r="BQ889" s="1106"/>
      <c r="BR889" s="1106"/>
      <c r="BS889" s="1106"/>
      <c r="BT889" s="1106"/>
      <c r="BU889" s="1106"/>
      <c r="BV889" s="1106"/>
      <c r="BW889" s="1106"/>
      <c r="BX889" s="1106"/>
      <c r="BY889" s="1106"/>
      <c r="BZ889" s="1106"/>
      <c r="CA889" s="1106"/>
    </row>
    <row r="890" spans="3:79" ht="9" customHeight="1" x14ac:dyDescent="0.2">
      <c r="C890" s="1106"/>
      <c r="D890" s="1106"/>
      <c r="E890" s="1106"/>
      <c r="F890" s="1106"/>
      <c r="G890" s="1106"/>
      <c r="H890" s="1106"/>
      <c r="I890" s="1106"/>
      <c r="J890" s="1106"/>
      <c r="K890" s="1106"/>
      <c r="L890" s="1106"/>
      <c r="M890" s="1106"/>
      <c r="N890" s="1106"/>
      <c r="O890" s="1106"/>
      <c r="AB890" s="1106"/>
      <c r="AC890" s="1106"/>
      <c r="AD890" s="1106"/>
      <c r="AE890" s="1106"/>
      <c r="AF890" s="1106"/>
      <c r="AG890" s="1106"/>
      <c r="AH890" s="1106"/>
      <c r="AL890" s="1106"/>
      <c r="AZ890" s="1106"/>
      <c r="BA890" s="1106"/>
      <c r="BB890" s="1106"/>
      <c r="BC890" s="1106"/>
      <c r="BD890" s="1106"/>
      <c r="BE890" s="1106"/>
      <c r="BF890" s="1106"/>
      <c r="BG890" s="1106"/>
      <c r="BH890" s="1106"/>
      <c r="BI890" s="1106"/>
      <c r="BJ890" s="1106"/>
      <c r="BK890" s="1106"/>
      <c r="BL890" s="1106"/>
      <c r="BM890" s="1106"/>
      <c r="BN890" s="1106"/>
      <c r="BO890" s="1106"/>
      <c r="BP890" s="1106"/>
      <c r="BQ890" s="1106"/>
      <c r="BR890" s="1106"/>
      <c r="BS890" s="1106"/>
      <c r="BT890" s="1106"/>
      <c r="BU890" s="1106"/>
      <c r="BV890" s="1106"/>
      <c r="BW890" s="1106"/>
      <c r="BX890" s="1106"/>
      <c r="BY890" s="1106"/>
      <c r="BZ890" s="1106"/>
      <c r="CA890" s="1106"/>
    </row>
    <row r="891" spans="3:79" ht="9" customHeight="1" x14ac:dyDescent="0.2">
      <c r="C891" s="1106"/>
      <c r="D891" s="1106"/>
      <c r="E891" s="1106"/>
      <c r="F891" s="1106"/>
      <c r="G891" s="1106"/>
      <c r="H891" s="1106"/>
      <c r="I891" s="1106"/>
      <c r="J891" s="1106"/>
      <c r="K891" s="1106"/>
      <c r="L891" s="1106"/>
      <c r="M891" s="1106"/>
      <c r="N891" s="1106"/>
      <c r="O891" s="1106"/>
      <c r="AB891" s="1106"/>
      <c r="AC891" s="1106"/>
      <c r="AD891" s="1106"/>
      <c r="AE891" s="1106"/>
      <c r="AF891" s="1106"/>
      <c r="AG891" s="1106"/>
      <c r="AH891" s="1106"/>
      <c r="AL891" s="1106"/>
      <c r="AZ891" s="1106"/>
      <c r="BA891" s="1106"/>
      <c r="BB891" s="1106"/>
      <c r="BC891" s="1106"/>
      <c r="BD891" s="1106"/>
      <c r="BE891" s="1106"/>
      <c r="BF891" s="1106"/>
      <c r="BG891" s="1106"/>
      <c r="BH891" s="1106"/>
      <c r="BI891" s="1106"/>
      <c r="BJ891" s="1106"/>
      <c r="BK891" s="1106"/>
      <c r="BL891" s="1106"/>
      <c r="BM891" s="1106"/>
      <c r="BN891" s="1106"/>
      <c r="BO891" s="1106"/>
      <c r="BP891" s="1106"/>
      <c r="BQ891" s="1106"/>
      <c r="BR891" s="1106"/>
      <c r="BS891" s="1106"/>
      <c r="BT891" s="1106"/>
      <c r="BU891" s="1106"/>
      <c r="BV891" s="1106"/>
      <c r="BW891" s="1106"/>
      <c r="BX891" s="1106"/>
      <c r="BY891" s="1106"/>
      <c r="BZ891" s="1106"/>
      <c r="CA891" s="1106"/>
    </row>
    <row r="892" spans="3:79" ht="9" customHeight="1" x14ac:dyDescent="0.2">
      <c r="C892" s="1106"/>
      <c r="D892" s="1106"/>
      <c r="E892" s="1106"/>
      <c r="F892" s="1106"/>
      <c r="G892" s="1106"/>
      <c r="H892" s="1106"/>
      <c r="I892" s="1106"/>
      <c r="J892" s="1106"/>
      <c r="K892" s="1106"/>
      <c r="L892" s="1106"/>
      <c r="M892" s="1106"/>
      <c r="N892" s="1106"/>
      <c r="O892" s="1106"/>
      <c r="U892" s="1106"/>
      <c r="AB892" s="1106"/>
      <c r="AC892" s="1106"/>
      <c r="AD892" s="1106"/>
      <c r="AE892" s="1106"/>
      <c r="AF892" s="1106"/>
      <c r="AG892" s="1106"/>
      <c r="AH892" s="1106"/>
      <c r="AL892" s="1106"/>
      <c r="AT892" s="1106"/>
      <c r="AU892" s="1106"/>
      <c r="AV892" s="1106"/>
      <c r="AW892" s="1106"/>
      <c r="AX892" s="1106"/>
      <c r="AY892" s="1106"/>
      <c r="AZ892" s="1106"/>
      <c r="BA892" s="1106"/>
      <c r="BB892" s="1106"/>
      <c r="BC892" s="1106"/>
      <c r="BD892" s="1106"/>
      <c r="BE892" s="1106"/>
      <c r="BF892" s="1106"/>
      <c r="BG892" s="1106"/>
      <c r="BH892" s="1106"/>
      <c r="BI892" s="1106"/>
      <c r="BJ892" s="1106"/>
      <c r="BK892" s="1106"/>
      <c r="BL892" s="1106"/>
      <c r="BM892" s="1106"/>
      <c r="BN892" s="1106"/>
      <c r="BO892" s="1106"/>
      <c r="BP892" s="1106"/>
      <c r="BQ892" s="1106"/>
      <c r="BR892" s="1106"/>
      <c r="BS892" s="1106"/>
      <c r="BT892" s="1106"/>
      <c r="BU892" s="1106"/>
      <c r="BV892" s="1106"/>
      <c r="BW892" s="1106"/>
      <c r="BX892" s="1106"/>
      <c r="BY892" s="1106"/>
      <c r="BZ892" s="1106"/>
      <c r="CA892" s="1106"/>
    </row>
    <row r="893" spans="3:79" ht="9" customHeight="1" x14ac:dyDescent="0.2">
      <c r="C893" s="1106"/>
      <c r="D893" s="1106"/>
      <c r="E893" s="1106"/>
      <c r="F893" s="1106"/>
      <c r="G893" s="1106"/>
      <c r="H893" s="1106"/>
      <c r="I893" s="1106"/>
      <c r="J893" s="1106"/>
      <c r="K893" s="1106"/>
      <c r="L893" s="1106"/>
      <c r="M893" s="1106"/>
      <c r="N893" s="1106"/>
      <c r="O893" s="1106"/>
      <c r="U893" s="1106"/>
      <c r="AB893" s="1106"/>
      <c r="AC893" s="1106"/>
      <c r="AD893" s="1106"/>
      <c r="AE893" s="1106"/>
      <c r="AF893" s="1106"/>
      <c r="AG893" s="1106"/>
      <c r="AH893" s="1106"/>
      <c r="AL893" s="1106"/>
      <c r="AO893" s="1106"/>
      <c r="AP893" s="1106"/>
      <c r="AT893" s="1106"/>
      <c r="AU893" s="1106"/>
      <c r="AV893" s="1106"/>
      <c r="AW893" s="1106"/>
      <c r="AX893" s="1106"/>
      <c r="AY893" s="1106"/>
      <c r="AZ893" s="1106"/>
      <c r="BA893" s="1106"/>
      <c r="BB893" s="1106"/>
      <c r="BC893" s="1106"/>
      <c r="BD893" s="1106"/>
      <c r="BE893" s="1106"/>
      <c r="BF893" s="1106"/>
      <c r="BG893" s="1106"/>
      <c r="BH893" s="1106"/>
      <c r="BI893" s="1106"/>
      <c r="BJ893" s="1106"/>
      <c r="BK893" s="1106"/>
      <c r="BL893" s="1106"/>
      <c r="BM893" s="1106"/>
      <c r="BN893" s="1106"/>
      <c r="BO893" s="1106"/>
      <c r="BP893" s="1106"/>
      <c r="BQ893" s="1106"/>
      <c r="BR893" s="1106"/>
      <c r="BS893" s="1106"/>
      <c r="BT893" s="1106"/>
      <c r="BU893" s="1106"/>
      <c r="BV893" s="1106"/>
      <c r="BW893" s="1106"/>
      <c r="BX893" s="1106"/>
      <c r="BY893" s="1106"/>
      <c r="BZ893" s="1106"/>
      <c r="CA893" s="1106"/>
    </row>
    <row r="894" spans="3:79" ht="9" customHeight="1" x14ac:dyDescent="0.2">
      <c r="C894" s="1106"/>
      <c r="D894" s="1106"/>
      <c r="E894" s="1106"/>
      <c r="F894" s="1106"/>
      <c r="G894" s="1106"/>
      <c r="H894" s="1106"/>
      <c r="I894" s="1106"/>
      <c r="J894" s="1106"/>
      <c r="K894" s="1106"/>
      <c r="L894" s="1106"/>
      <c r="M894" s="1106"/>
      <c r="N894" s="1106"/>
      <c r="O894" s="1106"/>
      <c r="U894" s="1106"/>
      <c r="AB894" s="1106"/>
      <c r="AC894" s="1106"/>
      <c r="AD894" s="1106"/>
      <c r="AE894" s="1106"/>
      <c r="AF894" s="1106"/>
      <c r="AG894" s="1106"/>
      <c r="AH894" s="1106"/>
      <c r="AL894" s="1106"/>
      <c r="AT894" s="1106"/>
      <c r="AU894" s="1106"/>
      <c r="AV894" s="1106"/>
      <c r="AW894" s="1106"/>
      <c r="AX894" s="1106"/>
      <c r="AY894" s="1106"/>
      <c r="AZ894" s="1106"/>
      <c r="BA894" s="1106"/>
      <c r="BB894" s="1106"/>
      <c r="BC894" s="1106"/>
      <c r="BD894" s="1106"/>
      <c r="BE894" s="1106"/>
      <c r="BF894" s="1106"/>
      <c r="BG894" s="1106"/>
      <c r="BH894" s="1106"/>
      <c r="BI894" s="1106"/>
      <c r="BJ894" s="1106"/>
      <c r="BK894" s="1106"/>
      <c r="BL894" s="1106"/>
      <c r="BM894" s="1106"/>
      <c r="BN894" s="1106"/>
      <c r="BO894" s="1106"/>
      <c r="BP894" s="1106"/>
      <c r="BQ894" s="1106"/>
      <c r="BR894" s="1106"/>
      <c r="BS894" s="1106"/>
      <c r="BT894" s="1106"/>
      <c r="BU894" s="1106"/>
      <c r="BV894" s="1106"/>
      <c r="BW894" s="1106"/>
      <c r="BX894" s="1106"/>
      <c r="BY894" s="1106"/>
      <c r="BZ894" s="1106"/>
      <c r="CA894" s="1106"/>
    </row>
    <row r="895" spans="3:79" ht="9" customHeight="1" x14ac:dyDescent="0.2">
      <c r="C895" s="1106"/>
      <c r="D895" s="1106"/>
      <c r="E895" s="1106"/>
      <c r="F895" s="1106"/>
      <c r="G895" s="1106"/>
      <c r="H895" s="1106"/>
      <c r="I895" s="1106"/>
      <c r="J895" s="1106"/>
      <c r="K895" s="1106"/>
      <c r="L895" s="1106"/>
      <c r="M895" s="1106"/>
      <c r="N895" s="1106"/>
      <c r="O895" s="1106"/>
      <c r="AB895" s="1106"/>
      <c r="AC895" s="1106"/>
      <c r="AD895" s="1106"/>
      <c r="AE895" s="1106"/>
      <c r="AF895" s="1106"/>
      <c r="AG895" s="1106"/>
      <c r="AH895" s="1106"/>
      <c r="AL895" s="1106"/>
      <c r="AZ895" s="1106"/>
      <c r="BA895" s="1106"/>
      <c r="BB895" s="1106"/>
      <c r="BC895" s="1106"/>
      <c r="BD895" s="1106"/>
      <c r="BE895" s="1106"/>
      <c r="BF895" s="1106"/>
      <c r="BG895" s="1106"/>
      <c r="BH895" s="1106"/>
      <c r="BI895" s="1106"/>
      <c r="BJ895" s="1106"/>
      <c r="BK895" s="1106"/>
      <c r="BL895" s="1106"/>
      <c r="BM895" s="1106"/>
      <c r="BN895" s="1106"/>
      <c r="BO895" s="1106"/>
      <c r="BP895" s="1106"/>
      <c r="BQ895" s="1106"/>
      <c r="BR895" s="1106"/>
      <c r="BS895" s="1106"/>
      <c r="BT895" s="1106"/>
      <c r="BU895" s="1106"/>
      <c r="BV895" s="1106"/>
      <c r="BW895" s="1106"/>
      <c r="BX895" s="1106"/>
      <c r="BY895" s="1106"/>
      <c r="BZ895" s="1106"/>
      <c r="CA895" s="1106"/>
    </row>
    <row r="896" spans="3:79" ht="9" customHeight="1" x14ac:dyDescent="0.2">
      <c r="C896" s="1106"/>
      <c r="D896" s="1106"/>
      <c r="E896" s="1106"/>
      <c r="F896" s="1106"/>
      <c r="G896" s="1106"/>
      <c r="H896" s="1106"/>
      <c r="I896" s="1106"/>
      <c r="J896" s="1106"/>
      <c r="K896" s="1106"/>
      <c r="L896" s="1106"/>
      <c r="M896" s="1106"/>
      <c r="N896" s="1106"/>
      <c r="O896" s="1106"/>
      <c r="AB896" s="1106"/>
      <c r="AC896" s="1106"/>
      <c r="AD896" s="1106"/>
      <c r="AE896" s="1106"/>
      <c r="AF896" s="1106"/>
      <c r="AG896" s="1106"/>
      <c r="AH896" s="1106"/>
      <c r="AL896" s="1106"/>
      <c r="AZ896" s="1106"/>
      <c r="BA896" s="1106"/>
      <c r="BB896" s="1106"/>
      <c r="BC896" s="1106"/>
      <c r="BD896" s="1106"/>
      <c r="BE896" s="1106"/>
      <c r="BF896" s="1106"/>
      <c r="BG896" s="1106"/>
      <c r="BH896" s="1106"/>
      <c r="BI896" s="1106"/>
      <c r="BJ896" s="1106"/>
      <c r="BK896" s="1106"/>
      <c r="BL896" s="1106"/>
      <c r="BM896" s="1106"/>
      <c r="BN896" s="1106"/>
      <c r="BO896" s="1106"/>
      <c r="BP896" s="1106"/>
      <c r="BQ896" s="1106"/>
      <c r="BR896" s="1106"/>
      <c r="BS896" s="1106"/>
      <c r="BT896" s="1106"/>
      <c r="BU896" s="1106"/>
      <c r="BV896" s="1106"/>
      <c r="BW896" s="1106"/>
      <c r="BX896" s="1106"/>
      <c r="BY896" s="1106"/>
      <c r="BZ896" s="1106"/>
      <c r="CA896" s="1106"/>
    </row>
    <row r="897" spans="3:79" ht="9" customHeight="1" x14ac:dyDescent="0.2">
      <c r="C897" s="1106"/>
      <c r="D897" s="1106"/>
      <c r="E897" s="1106"/>
      <c r="F897" s="1106"/>
      <c r="G897" s="1106"/>
      <c r="H897" s="1106"/>
      <c r="I897" s="1106"/>
      <c r="J897" s="1106"/>
      <c r="K897" s="1106"/>
      <c r="L897" s="1106"/>
      <c r="M897" s="1106"/>
      <c r="N897" s="1106"/>
      <c r="O897" s="1106"/>
      <c r="AB897" s="1106"/>
      <c r="AC897" s="1106"/>
      <c r="AD897" s="1106"/>
      <c r="AE897" s="1106"/>
      <c r="AF897" s="1106"/>
      <c r="AG897" s="1106"/>
      <c r="AH897" s="1106"/>
      <c r="AL897" s="1106"/>
      <c r="AZ897" s="1106"/>
      <c r="BA897" s="1106"/>
      <c r="BB897" s="1106"/>
      <c r="BC897" s="1106"/>
      <c r="BD897" s="1106"/>
      <c r="BE897" s="1106"/>
      <c r="BF897" s="1106"/>
      <c r="BG897" s="1106"/>
      <c r="BH897" s="1106"/>
      <c r="BI897" s="1106"/>
      <c r="BJ897" s="1106"/>
      <c r="BK897" s="1106"/>
      <c r="BL897" s="1106"/>
      <c r="BM897" s="1106"/>
      <c r="BN897" s="1106"/>
      <c r="BO897" s="1106"/>
      <c r="BP897" s="1106"/>
      <c r="BQ897" s="1106"/>
      <c r="BR897" s="1106"/>
      <c r="BS897" s="1106"/>
      <c r="BT897" s="1106"/>
      <c r="BU897" s="1106"/>
      <c r="BV897" s="1106"/>
      <c r="BW897" s="1106"/>
      <c r="BX897" s="1106"/>
      <c r="BY897" s="1106"/>
      <c r="BZ897" s="1106"/>
      <c r="CA897" s="1106"/>
    </row>
    <row r="898" spans="3:79" ht="9" customHeight="1" x14ac:dyDescent="0.2">
      <c r="C898" s="1106"/>
      <c r="D898" s="1106"/>
      <c r="E898" s="1106"/>
      <c r="F898" s="1106"/>
      <c r="G898" s="1106"/>
      <c r="H898" s="1106"/>
      <c r="I898" s="1106"/>
      <c r="J898" s="1106"/>
      <c r="K898" s="1106"/>
      <c r="L898" s="1106"/>
      <c r="M898" s="1106"/>
      <c r="N898" s="1106"/>
      <c r="O898" s="1106"/>
      <c r="U898" s="1106"/>
      <c r="AB898" s="1106"/>
      <c r="AC898" s="1106"/>
      <c r="AD898" s="1106"/>
      <c r="AE898" s="1106"/>
      <c r="AF898" s="1106"/>
      <c r="AG898" s="1106"/>
      <c r="AH898" s="1106"/>
      <c r="AL898" s="1106"/>
      <c r="AT898" s="1106"/>
      <c r="AU898" s="1106"/>
      <c r="AV898" s="1106"/>
      <c r="AW898" s="1106"/>
      <c r="AX898" s="1106"/>
      <c r="AY898" s="1106"/>
      <c r="AZ898" s="1106"/>
      <c r="BA898" s="1106"/>
      <c r="BB898" s="1106"/>
      <c r="BC898" s="1106"/>
      <c r="BD898" s="1106"/>
      <c r="BE898" s="1106"/>
      <c r="BF898" s="1106"/>
      <c r="BG898" s="1106"/>
      <c r="BH898" s="1106"/>
      <c r="BI898" s="1106"/>
      <c r="BJ898" s="1106"/>
      <c r="BK898" s="1106"/>
      <c r="BL898" s="1106"/>
      <c r="BM898" s="1106"/>
      <c r="BN898" s="1106"/>
      <c r="BO898" s="1106"/>
      <c r="BP898" s="1106"/>
      <c r="BQ898" s="1106"/>
      <c r="BR898" s="1106"/>
      <c r="BS898" s="1106"/>
      <c r="BT898" s="1106"/>
      <c r="BU898" s="1106"/>
      <c r="BV898" s="1106"/>
      <c r="BW898" s="1106"/>
      <c r="BX898" s="1106"/>
      <c r="BY898" s="1106"/>
      <c r="BZ898" s="1106"/>
      <c r="CA898" s="1106"/>
    </row>
    <row r="899" spans="3:79" ht="9" customHeight="1" x14ac:dyDescent="0.2">
      <c r="C899" s="1106"/>
      <c r="D899" s="1106"/>
      <c r="E899" s="1106"/>
      <c r="F899" s="1106"/>
      <c r="G899" s="1106"/>
      <c r="H899" s="1106"/>
      <c r="I899" s="1106"/>
      <c r="J899" s="1106"/>
      <c r="K899" s="1106"/>
      <c r="L899" s="1106"/>
      <c r="M899" s="1106"/>
      <c r="N899" s="1106"/>
      <c r="O899" s="1106"/>
      <c r="U899" s="1106"/>
      <c r="AB899" s="1106"/>
      <c r="AC899" s="1106"/>
      <c r="AD899" s="1106"/>
      <c r="AE899" s="1106"/>
      <c r="AF899" s="1106"/>
      <c r="AG899" s="1106"/>
      <c r="AH899" s="1106"/>
      <c r="AL899" s="1106"/>
      <c r="AO899" s="1106"/>
      <c r="AP899" s="1106"/>
      <c r="AT899" s="1106"/>
      <c r="AU899" s="1106"/>
      <c r="AV899" s="1106"/>
      <c r="AW899" s="1106"/>
      <c r="AX899" s="1106"/>
      <c r="AY899" s="1106"/>
      <c r="AZ899" s="1106"/>
      <c r="BA899" s="1106"/>
      <c r="BB899" s="1106"/>
      <c r="BC899" s="1106"/>
      <c r="BD899" s="1106"/>
      <c r="BE899" s="1106"/>
      <c r="BF899" s="1106"/>
      <c r="BG899" s="1106"/>
      <c r="BH899" s="1106"/>
      <c r="BI899" s="1106"/>
      <c r="BJ899" s="1106"/>
      <c r="BK899" s="1106"/>
      <c r="BL899" s="1106"/>
      <c r="BM899" s="1106"/>
      <c r="BN899" s="1106"/>
      <c r="BO899" s="1106"/>
      <c r="BP899" s="1106"/>
      <c r="BQ899" s="1106"/>
      <c r="BR899" s="1106"/>
      <c r="BS899" s="1106"/>
      <c r="BT899" s="1106"/>
      <c r="BU899" s="1106"/>
      <c r="BV899" s="1106"/>
      <c r="BW899" s="1106"/>
      <c r="BX899" s="1106"/>
      <c r="BY899" s="1106"/>
      <c r="BZ899" s="1106"/>
      <c r="CA899" s="1106"/>
    </row>
    <row r="900" spans="3:79" ht="9" customHeight="1" x14ac:dyDescent="0.2">
      <c r="C900" s="1106"/>
      <c r="D900" s="1106"/>
      <c r="E900" s="1106"/>
      <c r="F900" s="1106"/>
      <c r="G900" s="1106"/>
      <c r="H900" s="1106"/>
      <c r="I900" s="1106"/>
      <c r="J900" s="1106"/>
      <c r="K900" s="1106"/>
      <c r="L900" s="1106"/>
      <c r="M900" s="1106"/>
      <c r="N900" s="1106"/>
      <c r="O900" s="1106"/>
      <c r="U900" s="1106"/>
      <c r="AB900" s="1106"/>
      <c r="AC900" s="1106"/>
      <c r="AD900" s="1106"/>
      <c r="AE900" s="1106"/>
      <c r="AF900" s="1106"/>
      <c r="AG900" s="1106"/>
      <c r="AH900" s="1106"/>
      <c r="AL900" s="1106"/>
      <c r="AT900" s="1106"/>
      <c r="AU900" s="1106"/>
      <c r="AV900" s="1106"/>
      <c r="AW900" s="1106"/>
      <c r="AX900" s="1106"/>
      <c r="AY900" s="1106"/>
      <c r="AZ900" s="1106"/>
      <c r="BA900" s="1106"/>
      <c r="BB900" s="1106"/>
      <c r="BC900" s="1106"/>
      <c r="BD900" s="1106"/>
      <c r="BE900" s="1106"/>
      <c r="BF900" s="1106"/>
      <c r="BG900" s="1106"/>
      <c r="BH900" s="1106"/>
      <c r="BI900" s="1106"/>
      <c r="BJ900" s="1106"/>
      <c r="BK900" s="1106"/>
      <c r="BL900" s="1106"/>
      <c r="BM900" s="1106"/>
      <c r="BN900" s="1106"/>
      <c r="BO900" s="1106"/>
      <c r="BP900" s="1106"/>
      <c r="BQ900" s="1106"/>
      <c r="BR900" s="1106"/>
      <c r="BS900" s="1106"/>
      <c r="BT900" s="1106"/>
      <c r="BU900" s="1106"/>
      <c r="BV900" s="1106"/>
      <c r="BW900" s="1106"/>
      <c r="BX900" s="1106"/>
      <c r="BY900" s="1106"/>
      <c r="BZ900" s="1106"/>
      <c r="CA900" s="1106"/>
    </row>
    <row r="901" spans="3:79" ht="9" customHeight="1" x14ac:dyDescent="0.2">
      <c r="C901" s="1106"/>
      <c r="D901" s="1106"/>
      <c r="E901" s="1106"/>
      <c r="F901" s="1106"/>
      <c r="G901" s="1106"/>
      <c r="H901" s="1106"/>
      <c r="I901" s="1106"/>
      <c r="J901" s="1106"/>
      <c r="K901" s="1106"/>
      <c r="L901" s="1106"/>
      <c r="M901" s="1106"/>
      <c r="N901" s="1106"/>
      <c r="O901" s="1106"/>
      <c r="AB901" s="1106"/>
      <c r="AC901" s="1106"/>
      <c r="AD901" s="1106"/>
      <c r="AE901" s="1106"/>
      <c r="AF901" s="1106"/>
      <c r="AG901" s="1106"/>
      <c r="AH901" s="1106"/>
      <c r="AL901" s="1106"/>
      <c r="AZ901" s="1106"/>
      <c r="BA901" s="1106"/>
      <c r="BB901" s="1106"/>
      <c r="BC901" s="1106"/>
      <c r="BD901" s="1106"/>
      <c r="BE901" s="1106"/>
      <c r="BF901" s="1106"/>
      <c r="BG901" s="1106"/>
      <c r="BH901" s="1106"/>
      <c r="BI901" s="1106"/>
      <c r="BJ901" s="1106"/>
      <c r="BK901" s="1106"/>
      <c r="BL901" s="1106"/>
      <c r="BM901" s="1106"/>
      <c r="BN901" s="1106"/>
      <c r="BO901" s="1106"/>
      <c r="BP901" s="1106"/>
      <c r="BQ901" s="1106"/>
      <c r="BR901" s="1106"/>
      <c r="BS901" s="1106"/>
      <c r="BT901" s="1106"/>
      <c r="BU901" s="1106"/>
      <c r="BV901" s="1106"/>
      <c r="BW901" s="1106"/>
      <c r="BX901" s="1106"/>
      <c r="BY901" s="1106"/>
      <c r="BZ901" s="1106"/>
      <c r="CA901" s="1106"/>
    </row>
    <row r="902" spans="3:79" ht="9" customHeight="1" x14ac:dyDescent="0.2">
      <c r="C902" s="1106"/>
      <c r="D902" s="1106"/>
      <c r="E902" s="1106"/>
      <c r="F902" s="1106"/>
      <c r="G902" s="1106"/>
      <c r="H902" s="1106"/>
      <c r="I902" s="1106"/>
      <c r="J902" s="1106"/>
      <c r="K902" s="1106"/>
      <c r="L902" s="1106"/>
      <c r="M902" s="1106"/>
      <c r="N902" s="1106"/>
      <c r="O902" s="1106"/>
      <c r="AB902" s="1106"/>
      <c r="AC902" s="1106"/>
      <c r="AD902" s="1106"/>
      <c r="AE902" s="1106"/>
      <c r="AF902" s="1106"/>
      <c r="AG902" s="1106"/>
      <c r="AH902" s="1106"/>
      <c r="AL902" s="1106"/>
      <c r="AZ902" s="1106"/>
      <c r="BA902" s="1106"/>
      <c r="BB902" s="1106"/>
      <c r="BC902" s="1106"/>
      <c r="BD902" s="1106"/>
      <c r="BE902" s="1106"/>
      <c r="BF902" s="1106"/>
      <c r="BG902" s="1106"/>
      <c r="BH902" s="1106"/>
      <c r="BI902" s="1106"/>
      <c r="BJ902" s="1106"/>
      <c r="BK902" s="1106"/>
      <c r="BL902" s="1106"/>
      <c r="BM902" s="1106"/>
      <c r="BN902" s="1106"/>
      <c r="BO902" s="1106"/>
      <c r="BP902" s="1106"/>
      <c r="BQ902" s="1106"/>
      <c r="BR902" s="1106"/>
      <c r="BS902" s="1106"/>
      <c r="BT902" s="1106"/>
      <c r="BU902" s="1106"/>
      <c r="BV902" s="1106"/>
      <c r="BW902" s="1106"/>
      <c r="BX902" s="1106"/>
      <c r="BY902" s="1106"/>
      <c r="BZ902" s="1106"/>
      <c r="CA902" s="1106"/>
    </row>
    <row r="903" spans="3:79" ht="9" customHeight="1" x14ac:dyDescent="0.2">
      <c r="C903" s="1106"/>
      <c r="D903" s="1106"/>
      <c r="E903" s="1106"/>
      <c r="F903" s="1106"/>
      <c r="G903" s="1106"/>
      <c r="H903" s="1106"/>
      <c r="I903" s="1106"/>
      <c r="J903" s="1106"/>
      <c r="K903" s="1106"/>
      <c r="L903" s="1106"/>
      <c r="M903" s="1106"/>
      <c r="N903" s="1106"/>
      <c r="O903" s="1106"/>
      <c r="AB903" s="1106"/>
      <c r="AC903" s="1106"/>
      <c r="AD903" s="1106"/>
      <c r="AE903" s="1106"/>
      <c r="AF903" s="1106"/>
      <c r="AG903" s="1106"/>
      <c r="AH903" s="1106"/>
      <c r="AL903" s="1106"/>
      <c r="AZ903" s="1106"/>
      <c r="BA903" s="1106"/>
      <c r="BB903" s="1106"/>
      <c r="BC903" s="1106"/>
      <c r="BD903" s="1106"/>
      <c r="BE903" s="1106"/>
      <c r="BF903" s="1106"/>
      <c r="BG903" s="1106"/>
      <c r="BH903" s="1106"/>
      <c r="BI903" s="1106"/>
      <c r="BJ903" s="1106"/>
      <c r="BK903" s="1106"/>
      <c r="BL903" s="1106"/>
      <c r="BM903" s="1106"/>
      <c r="BN903" s="1106"/>
      <c r="BO903" s="1106"/>
      <c r="BP903" s="1106"/>
      <c r="BQ903" s="1106"/>
      <c r="BR903" s="1106"/>
      <c r="BS903" s="1106"/>
      <c r="BT903" s="1106"/>
      <c r="BU903" s="1106"/>
      <c r="BV903" s="1106"/>
      <c r="BW903" s="1106"/>
      <c r="BX903" s="1106"/>
      <c r="BY903" s="1106"/>
      <c r="BZ903" s="1106"/>
      <c r="CA903" s="1106"/>
    </row>
    <row r="904" spans="3:79" ht="9" customHeight="1" x14ac:dyDescent="0.2">
      <c r="C904" s="1106"/>
      <c r="D904" s="1106"/>
      <c r="E904" s="1106"/>
      <c r="F904" s="1106"/>
      <c r="G904" s="1106"/>
      <c r="H904" s="1106"/>
      <c r="I904" s="1106"/>
      <c r="J904" s="1106"/>
      <c r="K904" s="1106"/>
      <c r="L904" s="1106"/>
      <c r="M904" s="1106"/>
      <c r="N904" s="1106"/>
      <c r="O904" s="1106"/>
      <c r="U904" s="1106"/>
      <c r="AB904" s="1106"/>
      <c r="AC904" s="1106"/>
      <c r="AD904" s="1106"/>
      <c r="AE904" s="1106"/>
      <c r="AF904" s="1106"/>
      <c r="AG904" s="1106"/>
      <c r="AH904" s="1106"/>
      <c r="AL904" s="1106"/>
      <c r="AT904" s="1106"/>
      <c r="AU904" s="1106"/>
      <c r="AV904" s="1106"/>
      <c r="AW904" s="1106"/>
      <c r="AX904" s="1106"/>
      <c r="AY904" s="1106"/>
      <c r="AZ904" s="1106"/>
      <c r="BA904" s="1106"/>
      <c r="BB904" s="1106"/>
      <c r="BC904" s="1106"/>
      <c r="BD904" s="1106"/>
      <c r="BE904" s="1106"/>
      <c r="BF904" s="1106"/>
      <c r="BG904" s="1106"/>
      <c r="BH904" s="1106"/>
      <c r="BI904" s="1106"/>
      <c r="BJ904" s="1106"/>
      <c r="BK904" s="1106"/>
      <c r="BL904" s="1106"/>
      <c r="BM904" s="1106"/>
      <c r="BN904" s="1106"/>
      <c r="BO904" s="1106"/>
      <c r="BP904" s="1106"/>
      <c r="BQ904" s="1106"/>
      <c r="BR904" s="1106"/>
      <c r="BS904" s="1106"/>
      <c r="BT904" s="1106"/>
      <c r="BU904" s="1106"/>
      <c r="BV904" s="1106"/>
      <c r="BW904" s="1106"/>
      <c r="BX904" s="1106"/>
      <c r="BY904" s="1106"/>
      <c r="BZ904" s="1106"/>
      <c r="CA904" s="1106"/>
    </row>
    <row r="905" spans="3:79" ht="9" customHeight="1" x14ac:dyDescent="0.2">
      <c r="C905" s="1106"/>
      <c r="D905" s="1106"/>
      <c r="E905" s="1106"/>
      <c r="F905" s="1106"/>
      <c r="G905" s="1106"/>
      <c r="H905" s="1106"/>
      <c r="I905" s="1106"/>
      <c r="J905" s="1106"/>
      <c r="K905" s="1106"/>
      <c r="L905" s="1106"/>
      <c r="M905" s="1106"/>
      <c r="N905" s="1106"/>
      <c r="O905" s="1106"/>
      <c r="U905" s="1106"/>
      <c r="AB905" s="1106"/>
      <c r="AC905" s="1106"/>
      <c r="AD905" s="1106"/>
      <c r="AE905" s="1106"/>
      <c r="AF905" s="1106"/>
      <c r="AG905" s="1106"/>
      <c r="AH905" s="1106"/>
      <c r="AL905" s="1106"/>
      <c r="AO905" s="1106"/>
      <c r="AP905" s="1106"/>
      <c r="AT905" s="1106"/>
      <c r="AU905" s="1106"/>
      <c r="AV905" s="1106"/>
      <c r="AW905" s="1106"/>
      <c r="AX905" s="1106"/>
      <c r="AY905" s="1106"/>
      <c r="AZ905" s="1106"/>
      <c r="BA905" s="1106"/>
      <c r="BB905" s="1106"/>
      <c r="BC905" s="1106"/>
      <c r="BD905" s="1106"/>
      <c r="BE905" s="1106"/>
      <c r="BF905" s="1106"/>
      <c r="BG905" s="1106"/>
      <c r="BH905" s="1106"/>
      <c r="BI905" s="1106"/>
      <c r="BJ905" s="1106"/>
      <c r="BK905" s="1106"/>
      <c r="BL905" s="1106"/>
      <c r="BM905" s="1106"/>
      <c r="BN905" s="1106"/>
      <c r="BO905" s="1106"/>
      <c r="BP905" s="1106"/>
      <c r="BQ905" s="1106"/>
      <c r="BR905" s="1106"/>
      <c r="BS905" s="1106"/>
      <c r="BT905" s="1106"/>
      <c r="BU905" s="1106"/>
      <c r="BV905" s="1106"/>
      <c r="BW905" s="1106"/>
      <c r="BX905" s="1106"/>
      <c r="BY905" s="1106"/>
      <c r="BZ905" s="1106"/>
      <c r="CA905" s="1106"/>
    </row>
    <row r="906" spans="3:79" ht="9" customHeight="1" x14ac:dyDescent="0.2">
      <c r="C906" s="1106"/>
      <c r="D906" s="1106"/>
      <c r="E906" s="1106"/>
      <c r="F906" s="1106"/>
      <c r="G906" s="1106"/>
      <c r="H906" s="1106"/>
      <c r="I906" s="1106"/>
      <c r="J906" s="1106"/>
      <c r="K906" s="1106"/>
      <c r="L906" s="1106"/>
      <c r="M906" s="1106"/>
      <c r="N906" s="1106"/>
      <c r="O906" s="1106"/>
      <c r="U906" s="1106"/>
      <c r="AB906" s="1106"/>
      <c r="AC906" s="1106"/>
      <c r="AD906" s="1106"/>
      <c r="AE906" s="1106"/>
      <c r="AF906" s="1106"/>
      <c r="AG906" s="1106"/>
      <c r="AH906" s="1106"/>
      <c r="AL906" s="1106"/>
      <c r="AT906" s="1106"/>
      <c r="AU906" s="1106"/>
      <c r="AV906" s="1106"/>
      <c r="AW906" s="1106"/>
      <c r="AX906" s="1106"/>
      <c r="AY906" s="1106"/>
      <c r="AZ906" s="1106"/>
      <c r="BA906" s="1106"/>
      <c r="BB906" s="1106"/>
      <c r="BC906" s="1106"/>
      <c r="BD906" s="1106"/>
      <c r="BE906" s="1106"/>
      <c r="BF906" s="1106"/>
      <c r="BG906" s="1106"/>
      <c r="BH906" s="1106"/>
      <c r="BI906" s="1106"/>
      <c r="BJ906" s="1106"/>
      <c r="BK906" s="1106"/>
      <c r="BL906" s="1106"/>
      <c r="BM906" s="1106"/>
      <c r="BN906" s="1106"/>
      <c r="BO906" s="1106"/>
      <c r="BP906" s="1106"/>
      <c r="BQ906" s="1106"/>
      <c r="BR906" s="1106"/>
      <c r="BS906" s="1106"/>
      <c r="BT906" s="1106"/>
      <c r="BU906" s="1106"/>
      <c r="BV906" s="1106"/>
      <c r="BW906" s="1106"/>
      <c r="BX906" s="1106"/>
      <c r="BY906" s="1106"/>
      <c r="BZ906" s="1106"/>
      <c r="CA906" s="1106"/>
    </row>
    <row r="907" spans="3:79" ht="9" customHeight="1" x14ac:dyDescent="0.2">
      <c r="C907" s="1106"/>
      <c r="D907" s="1106"/>
      <c r="E907" s="1106"/>
      <c r="F907" s="1106"/>
      <c r="G907" s="1106"/>
      <c r="H907" s="1106"/>
      <c r="I907" s="1106"/>
      <c r="J907" s="1106"/>
      <c r="K907" s="1106"/>
      <c r="L907" s="1106"/>
      <c r="M907" s="1106"/>
      <c r="N907" s="1106"/>
      <c r="O907" s="1106"/>
      <c r="AB907" s="1106"/>
      <c r="AC907" s="1106"/>
      <c r="AD907" s="1106"/>
      <c r="AE907" s="1106"/>
      <c r="AF907" s="1106"/>
      <c r="AG907" s="1106"/>
      <c r="AH907" s="1106"/>
      <c r="AL907" s="1106"/>
      <c r="AZ907" s="1106"/>
      <c r="BA907" s="1106"/>
      <c r="BB907" s="1106"/>
      <c r="BC907" s="1106"/>
      <c r="BD907" s="1106"/>
      <c r="BE907" s="1106"/>
      <c r="BF907" s="1106"/>
      <c r="BG907" s="1106"/>
      <c r="BH907" s="1106"/>
      <c r="BI907" s="1106"/>
      <c r="BJ907" s="1106"/>
      <c r="BK907" s="1106"/>
      <c r="BL907" s="1106"/>
      <c r="BM907" s="1106"/>
      <c r="BN907" s="1106"/>
      <c r="BO907" s="1106"/>
      <c r="BP907" s="1106"/>
      <c r="BQ907" s="1106"/>
      <c r="BR907" s="1106"/>
      <c r="BS907" s="1106"/>
      <c r="BT907" s="1106"/>
      <c r="BU907" s="1106"/>
      <c r="BV907" s="1106"/>
      <c r="BW907" s="1106"/>
      <c r="BX907" s="1106"/>
      <c r="BY907" s="1106"/>
      <c r="BZ907" s="1106"/>
      <c r="CA907" s="1106"/>
    </row>
    <row r="908" spans="3:79" ht="9" customHeight="1" x14ac:dyDescent="0.2">
      <c r="C908" s="1106"/>
      <c r="D908" s="1106"/>
      <c r="E908" s="1106"/>
      <c r="F908" s="1106"/>
      <c r="G908" s="1106"/>
      <c r="H908" s="1106"/>
      <c r="I908" s="1106"/>
      <c r="J908" s="1106"/>
      <c r="K908" s="1106"/>
      <c r="L908" s="1106"/>
      <c r="M908" s="1106"/>
      <c r="N908" s="1106"/>
      <c r="O908" s="1106"/>
      <c r="AB908" s="1106"/>
      <c r="AC908" s="1106"/>
      <c r="AD908" s="1106"/>
      <c r="AE908" s="1106"/>
      <c r="AF908" s="1106"/>
      <c r="AG908" s="1106"/>
      <c r="AH908" s="1106"/>
      <c r="AL908" s="1106"/>
      <c r="AZ908" s="1106"/>
      <c r="BA908" s="1106"/>
      <c r="BB908" s="1106"/>
      <c r="BC908" s="1106"/>
      <c r="BD908" s="1106"/>
      <c r="BE908" s="1106"/>
      <c r="BF908" s="1106"/>
      <c r="BG908" s="1106"/>
      <c r="BH908" s="1106"/>
      <c r="BI908" s="1106"/>
      <c r="BJ908" s="1106"/>
      <c r="BK908" s="1106"/>
      <c r="BL908" s="1106"/>
      <c r="BM908" s="1106"/>
      <c r="BN908" s="1106"/>
      <c r="BO908" s="1106"/>
      <c r="BP908" s="1106"/>
      <c r="BQ908" s="1106"/>
      <c r="BR908" s="1106"/>
      <c r="BS908" s="1106"/>
      <c r="BT908" s="1106"/>
      <c r="BU908" s="1106"/>
      <c r="BV908" s="1106"/>
      <c r="BW908" s="1106"/>
      <c r="BX908" s="1106"/>
      <c r="BY908" s="1106"/>
      <c r="BZ908" s="1106"/>
      <c r="CA908" s="1106"/>
    </row>
    <row r="909" spans="3:79" ht="9" customHeight="1" x14ac:dyDescent="0.2">
      <c r="C909" s="1106"/>
      <c r="D909" s="1106"/>
      <c r="E909" s="1106"/>
      <c r="F909" s="1106"/>
      <c r="G909" s="1106"/>
      <c r="H909" s="1106"/>
      <c r="I909" s="1106"/>
      <c r="J909" s="1106"/>
      <c r="K909" s="1106"/>
      <c r="L909" s="1106"/>
      <c r="M909" s="1106"/>
      <c r="N909" s="1106"/>
      <c r="O909" s="1106"/>
      <c r="AB909" s="1106"/>
      <c r="AC909" s="1106"/>
      <c r="AD909" s="1106"/>
      <c r="AE909" s="1106"/>
      <c r="AF909" s="1106"/>
      <c r="AG909" s="1106"/>
      <c r="AH909" s="1106"/>
      <c r="AL909" s="1106"/>
      <c r="AZ909" s="1106"/>
      <c r="BA909" s="1106"/>
      <c r="BB909" s="1106"/>
      <c r="BC909" s="1106"/>
      <c r="BD909" s="1106"/>
      <c r="BE909" s="1106"/>
      <c r="BF909" s="1106"/>
      <c r="BG909" s="1106"/>
      <c r="BH909" s="1106"/>
      <c r="BI909" s="1106"/>
      <c r="BJ909" s="1106"/>
      <c r="BK909" s="1106"/>
      <c r="BL909" s="1106"/>
      <c r="BM909" s="1106"/>
      <c r="BN909" s="1106"/>
      <c r="BO909" s="1106"/>
      <c r="BP909" s="1106"/>
      <c r="BQ909" s="1106"/>
      <c r="BR909" s="1106"/>
      <c r="BS909" s="1106"/>
      <c r="BT909" s="1106"/>
      <c r="BU909" s="1106"/>
      <c r="BV909" s="1106"/>
      <c r="BW909" s="1106"/>
      <c r="BX909" s="1106"/>
      <c r="BY909" s="1106"/>
      <c r="BZ909" s="1106"/>
      <c r="CA909" s="1106"/>
    </row>
    <row r="910" spans="3:79" ht="9" customHeight="1" x14ac:dyDescent="0.2">
      <c r="C910" s="1106"/>
      <c r="D910" s="1106"/>
      <c r="E910" s="1106"/>
      <c r="F910" s="1106"/>
      <c r="G910" s="1106"/>
      <c r="H910" s="1106"/>
      <c r="I910" s="1106"/>
      <c r="J910" s="1106"/>
      <c r="K910" s="1106"/>
      <c r="L910" s="1106"/>
      <c r="M910" s="1106"/>
      <c r="N910" s="1106"/>
      <c r="O910" s="1106"/>
      <c r="U910" s="1106"/>
      <c r="AB910" s="1106"/>
      <c r="AC910" s="1106"/>
      <c r="AD910" s="1106"/>
      <c r="AE910" s="1106"/>
      <c r="AF910" s="1106"/>
      <c r="AG910" s="1106"/>
      <c r="AH910" s="1106"/>
      <c r="AL910" s="1106"/>
      <c r="AT910" s="1106"/>
      <c r="AU910" s="1106"/>
      <c r="AV910" s="1106"/>
      <c r="AW910" s="1106"/>
      <c r="AX910" s="1106"/>
      <c r="AY910" s="1106"/>
      <c r="AZ910" s="1106"/>
      <c r="BA910" s="1106"/>
      <c r="BB910" s="1106"/>
      <c r="BC910" s="1106"/>
      <c r="BD910" s="1106"/>
      <c r="BE910" s="1106"/>
      <c r="BF910" s="1106"/>
      <c r="BG910" s="1106"/>
      <c r="BH910" s="1106"/>
      <c r="BI910" s="1106"/>
      <c r="BJ910" s="1106"/>
      <c r="BK910" s="1106"/>
      <c r="BL910" s="1106"/>
      <c r="BM910" s="1106"/>
      <c r="BN910" s="1106"/>
      <c r="BO910" s="1106"/>
      <c r="BP910" s="1106"/>
      <c r="BQ910" s="1106"/>
      <c r="BR910" s="1106"/>
      <c r="BS910" s="1106"/>
      <c r="BT910" s="1106"/>
      <c r="BU910" s="1106"/>
      <c r="BV910" s="1106"/>
      <c r="BW910" s="1106"/>
      <c r="BX910" s="1106"/>
      <c r="BY910" s="1106"/>
      <c r="BZ910" s="1106"/>
      <c r="CA910" s="1106"/>
    </row>
    <row r="911" spans="3:79" ht="9" customHeight="1" x14ac:dyDescent="0.2">
      <c r="C911" s="1106"/>
      <c r="D911" s="1106"/>
      <c r="E911" s="1106"/>
      <c r="F911" s="1106"/>
      <c r="G911" s="1106"/>
      <c r="H911" s="1106"/>
      <c r="I911" s="1106"/>
      <c r="J911" s="1106"/>
      <c r="K911" s="1106"/>
      <c r="L911" s="1106"/>
      <c r="M911" s="1106"/>
      <c r="N911" s="1106"/>
      <c r="O911" s="1106"/>
      <c r="U911" s="1106"/>
      <c r="AB911" s="1106"/>
      <c r="AC911" s="1106"/>
      <c r="AD911" s="1106"/>
      <c r="AE911" s="1106"/>
      <c r="AF911" s="1106"/>
      <c r="AG911" s="1106"/>
      <c r="AH911" s="1106"/>
      <c r="AL911" s="1106"/>
      <c r="AO911" s="1106"/>
      <c r="AP911" s="1106"/>
      <c r="AT911" s="1106"/>
      <c r="AU911" s="1106"/>
      <c r="AV911" s="1106"/>
      <c r="AW911" s="1106"/>
      <c r="AX911" s="1106"/>
      <c r="AY911" s="1106"/>
      <c r="AZ911" s="1106"/>
      <c r="BA911" s="1106"/>
      <c r="BB911" s="1106"/>
      <c r="BC911" s="1106"/>
      <c r="BD911" s="1106"/>
      <c r="BE911" s="1106"/>
      <c r="BF911" s="1106"/>
      <c r="BG911" s="1106"/>
      <c r="BH911" s="1106"/>
      <c r="BI911" s="1106"/>
      <c r="BJ911" s="1106"/>
      <c r="BK911" s="1106"/>
      <c r="BL911" s="1106"/>
      <c r="BM911" s="1106"/>
      <c r="BN911" s="1106"/>
      <c r="BO911" s="1106"/>
      <c r="BP911" s="1106"/>
      <c r="BQ911" s="1106"/>
      <c r="BR911" s="1106"/>
      <c r="BS911" s="1106"/>
      <c r="BT911" s="1106"/>
      <c r="BU911" s="1106"/>
      <c r="BV911" s="1106"/>
      <c r="BW911" s="1106"/>
      <c r="BX911" s="1106"/>
      <c r="BY911" s="1106"/>
      <c r="BZ911" s="1106"/>
      <c r="CA911" s="1106"/>
    </row>
    <row r="912" spans="3:79" ht="9" customHeight="1" x14ac:dyDescent="0.2">
      <c r="C912" s="1106"/>
      <c r="D912" s="1106"/>
      <c r="E912" s="1106"/>
      <c r="F912" s="1106"/>
      <c r="G912" s="1106"/>
      <c r="H912" s="1106"/>
      <c r="I912" s="1106"/>
      <c r="J912" s="1106"/>
      <c r="K912" s="1106"/>
      <c r="L912" s="1106"/>
      <c r="M912" s="1106"/>
      <c r="N912" s="1106"/>
      <c r="O912" s="1106"/>
      <c r="U912" s="1106"/>
      <c r="AB912" s="1106"/>
      <c r="AC912" s="1106"/>
      <c r="AD912" s="1106"/>
      <c r="AE912" s="1106"/>
      <c r="AF912" s="1106"/>
      <c r="AG912" s="1106"/>
      <c r="AH912" s="1106"/>
      <c r="AL912" s="1106"/>
      <c r="AT912" s="1106"/>
      <c r="AU912" s="1106"/>
      <c r="AV912" s="1106"/>
      <c r="AW912" s="1106"/>
      <c r="AX912" s="1106"/>
      <c r="AY912" s="1106"/>
      <c r="AZ912" s="1106"/>
      <c r="BA912" s="1106"/>
      <c r="BB912" s="1106"/>
      <c r="BC912" s="1106"/>
      <c r="BD912" s="1106"/>
      <c r="BE912" s="1106"/>
      <c r="BF912" s="1106"/>
      <c r="BG912" s="1106"/>
      <c r="BH912" s="1106"/>
      <c r="BI912" s="1106"/>
      <c r="BJ912" s="1106"/>
      <c r="BK912" s="1106"/>
      <c r="BL912" s="1106"/>
      <c r="BM912" s="1106"/>
      <c r="BN912" s="1106"/>
      <c r="BO912" s="1106"/>
      <c r="BP912" s="1106"/>
      <c r="BQ912" s="1106"/>
      <c r="BR912" s="1106"/>
      <c r="BS912" s="1106"/>
      <c r="BT912" s="1106"/>
      <c r="BU912" s="1106"/>
      <c r="BV912" s="1106"/>
      <c r="BW912" s="1106"/>
      <c r="BX912" s="1106"/>
      <c r="BY912" s="1106"/>
      <c r="BZ912" s="1106"/>
      <c r="CA912" s="1106"/>
    </row>
    <row r="913" spans="3:79" ht="9" customHeight="1" x14ac:dyDescent="0.2">
      <c r="C913" s="1106"/>
      <c r="D913" s="1106"/>
      <c r="E913" s="1106"/>
      <c r="F913" s="1106"/>
      <c r="G913" s="1106"/>
      <c r="H913" s="1106"/>
      <c r="I913" s="1106"/>
      <c r="J913" s="1106"/>
      <c r="K913" s="1106"/>
      <c r="L913" s="1106"/>
      <c r="M913" s="1106"/>
      <c r="N913" s="1106"/>
      <c r="O913" s="1106"/>
      <c r="AB913" s="1106"/>
      <c r="AC913" s="1106"/>
      <c r="AD913" s="1106"/>
      <c r="AE913" s="1106"/>
      <c r="AF913" s="1106"/>
      <c r="AG913" s="1106"/>
      <c r="AH913" s="1106"/>
      <c r="AL913" s="1106"/>
      <c r="AZ913" s="1106"/>
      <c r="BA913" s="1106"/>
      <c r="BB913" s="1106"/>
      <c r="BC913" s="1106"/>
      <c r="BD913" s="1106"/>
      <c r="BE913" s="1106"/>
      <c r="BF913" s="1106"/>
      <c r="BG913" s="1106"/>
      <c r="BH913" s="1106"/>
      <c r="BI913" s="1106"/>
      <c r="BJ913" s="1106"/>
      <c r="BK913" s="1106"/>
      <c r="BL913" s="1106"/>
      <c r="BM913" s="1106"/>
      <c r="BN913" s="1106"/>
      <c r="BO913" s="1106"/>
      <c r="BP913" s="1106"/>
      <c r="BQ913" s="1106"/>
      <c r="BR913" s="1106"/>
      <c r="BS913" s="1106"/>
      <c r="BT913" s="1106"/>
      <c r="BU913" s="1106"/>
      <c r="BV913" s="1106"/>
      <c r="BW913" s="1106"/>
      <c r="BX913" s="1106"/>
      <c r="BY913" s="1106"/>
      <c r="BZ913" s="1106"/>
      <c r="CA913" s="1106"/>
    </row>
    <row r="914" spans="3:79" ht="9" customHeight="1" x14ac:dyDescent="0.2">
      <c r="C914" s="1106"/>
      <c r="D914" s="1106"/>
      <c r="E914" s="1106"/>
      <c r="F914" s="1106"/>
      <c r="G914" s="1106"/>
      <c r="H914" s="1106"/>
      <c r="I914" s="1106"/>
      <c r="J914" s="1106"/>
      <c r="K914" s="1106"/>
      <c r="L914" s="1106"/>
      <c r="M914" s="1106"/>
      <c r="N914" s="1106"/>
      <c r="O914" s="1106"/>
      <c r="AB914" s="1106"/>
      <c r="AC914" s="1106"/>
      <c r="AD914" s="1106"/>
      <c r="AE914" s="1106"/>
      <c r="AF914" s="1106"/>
      <c r="AG914" s="1106"/>
      <c r="AH914" s="1106"/>
      <c r="AL914" s="1106"/>
      <c r="AZ914" s="1106"/>
      <c r="BA914" s="1106"/>
      <c r="BB914" s="1106"/>
      <c r="BC914" s="1106"/>
      <c r="BD914" s="1106"/>
      <c r="BE914" s="1106"/>
      <c r="BF914" s="1106"/>
      <c r="BG914" s="1106"/>
      <c r="BH914" s="1106"/>
      <c r="BI914" s="1106"/>
      <c r="BJ914" s="1106"/>
      <c r="BK914" s="1106"/>
      <c r="BL914" s="1106"/>
      <c r="BM914" s="1106"/>
      <c r="BN914" s="1106"/>
      <c r="BO914" s="1106"/>
      <c r="BP914" s="1106"/>
      <c r="BQ914" s="1106"/>
      <c r="BR914" s="1106"/>
      <c r="BS914" s="1106"/>
      <c r="BT914" s="1106"/>
      <c r="BU914" s="1106"/>
      <c r="BV914" s="1106"/>
      <c r="BW914" s="1106"/>
      <c r="BX914" s="1106"/>
      <c r="BY914" s="1106"/>
      <c r="BZ914" s="1106"/>
      <c r="CA914" s="1106"/>
    </row>
    <row r="915" spans="3:79" ht="9" customHeight="1" x14ac:dyDescent="0.2">
      <c r="C915" s="1106"/>
      <c r="D915" s="1106"/>
      <c r="E915" s="1106"/>
      <c r="F915" s="1106"/>
      <c r="G915" s="1106"/>
      <c r="H915" s="1106"/>
      <c r="I915" s="1106"/>
      <c r="J915" s="1106"/>
      <c r="K915" s="1106"/>
      <c r="L915" s="1106"/>
      <c r="M915" s="1106"/>
      <c r="N915" s="1106"/>
      <c r="O915" s="1106"/>
      <c r="AB915" s="1106"/>
      <c r="AC915" s="1106"/>
      <c r="AD915" s="1106"/>
      <c r="AE915" s="1106"/>
      <c r="AF915" s="1106"/>
      <c r="AG915" s="1106"/>
      <c r="AH915" s="1106"/>
      <c r="AL915" s="1106"/>
      <c r="AZ915" s="1106"/>
      <c r="BA915" s="1106"/>
      <c r="BB915" s="1106"/>
      <c r="BC915" s="1106"/>
      <c r="BD915" s="1106"/>
      <c r="BE915" s="1106"/>
      <c r="BF915" s="1106"/>
      <c r="BG915" s="1106"/>
      <c r="BH915" s="1106"/>
      <c r="BI915" s="1106"/>
      <c r="BJ915" s="1106"/>
      <c r="BK915" s="1106"/>
      <c r="BL915" s="1106"/>
      <c r="BM915" s="1106"/>
      <c r="BN915" s="1106"/>
      <c r="BO915" s="1106"/>
      <c r="BP915" s="1106"/>
      <c r="BQ915" s="1106"/>
      <c r="BR915" s="1106"/>
      <c r="BS915" s="1106"/>
      <c r="BT915" s="1106"/>
      <c r="BU915" s="1106"/>
      <c r="BV915" s="1106"/>
      <c r="BW915" s="1106"/>
      <c r="BX915" s="1106"/>
      <c r="BY915" s="1106"/>
      <c r="BZ915" s="1106"/>
      <c r="CA915" s="1106"/>
    </row>
    <row r="916" spans="3:79" ht="9" customHeight="1" x14ac:dyDescent="0.2">
      <c r="C916" s="1106"/>
      <c r="D916" s="1106"/>
      <c r="E916" s="1106"/>
      <c r="F916" s="1106"/>
      <c r="G916" s="1106"/>
      <c r="H916" s="1106"/>
      <c r="I916" s="1106"/>
      <c r="J916" s="1106"/>
      <c r="K916" s="1106"/>
      <c r="L916" s="1106"/>
      <c r="M916" s="1106"/>
      <c r="N916" s="1106"/>
      <c r="O916" s="1106"/>
      <c r="U916" s="1106"/>
      <c r="AB916" s="1106"/>
      <c r="AC916" s="1106"/>
      <c r="AD916" s="1106"/>
      <c r="AE916" s="1106"/>
      <c r="AF916" s="1106"/>
      <c r="AG916" s="1106"/>
      <c r="AH916" s="1106"/>
      <c r="AL916" s="1106"/>
      <c r="AT916" s="1106"/>
      <c r="AU916" s="1106"/>
      <c r="AV916" s="1106"/>
      <c r="AW916" s="1106"/>
      <c r="AX916" s="1106"/>
      <c r="AY916" s="1106"/>
      <c r="AZ916" s="1106"/>
      <c r="BA916" s="1106"/>
      <c r="BB916" s="1106"/>
      <c r="BC916" s="1106"/>
      <c r="BD916" s="1106"/>
      <c r="BE916" s="1106"/>
      <c r="BF916" s="1106"/>
      <c r="BG916" s="1106"/>
      <c r="BH916" s="1106"/>
      <c r="BI916" s="1106"/>
      <c r="BJ916" s="1106"/>
      <c r="BK916" s="1106"/>
      <c r="BL916" s="1106"/>
      <c r="BM916" s="1106"/>
      <c r="BN916" s="1106"/>
      <c r="BO916" s="1106"/>
      <c r="BP916" s="1106"/>
      <c r="BQ916" s="1106"/>
      <c r="BR916" s="1106"/>
      <c r="BS916" s="1106"/>
      <c r="BT916" s="1106"/>
      <c r="BU916" s="1106"/>
      <c r="BV916" s="1106"/>
      <c r="BW916" s="1106"/>
      <c r="BX916" s="1106"/>
      <c r="BY916" s="1106"/>
      <c r="BZ916" s="1106"/>
      <c r="CA916" s="1106"/>
    </row>
    <row r="917" spans="3:79" ht="9" customHeight="1" x14ac:dyDescent="0.2">
      <c r="C917" s="1106"/>
      <c r="D917" s="1106"/>
      <c r="E917" s="1106"/>
      <c r="F917" s="1106"/>
      <c r="G917" s="1106"/>
      <c r="H917" s="1106"/>
      <c r="I917" s="1106"/>
      <c r="J917" s="1106"/>
      <c r="K917" s="1106"/>
      <c r="L917" s="1106"/>
      <c r="M917" s="1106"/>
      <c r="N917" s="1106"/>
      <c r="O917" s="1106"/>
      <c r="U917" s="1106"/>
      <c r="AB917" s="1106"/>
      <c r="AC917" s="1106"/>
      <c r="AD917" s="1106"/>
      <c r="AE917" s="1106"/>
      <c r="AF917" s="1106"/>
      <c r="AG917" s="1106"/>
      <c r="AH917" s="1106"/>
      <c r="AL917" s="1106"/>
      <c r="AO917" s="1106"/>
      <c r="AP917" s="1106"/>
      <c r="AT917" s="1106"/>
      <c r="AU917" s="1106"/>
      <c r="AV917" s="1106"/>
      <c r="AW917" s="1106"/>
      <c r="AX917" s="1106"/>
      <c r="AY917" s="1106"/>
      <c r="AZ917" s="1106"/>
      <c r="BA917" s="1106"/>
      <c r="BB917" s="1106"/>
      <c r="BC917" s="1106"/>
      <c r="BD917" s="1106"/>
      <c r="BE917" s="1106"/>
      <c r="BF917" s="1106"/>
      <c r="BG917" s="1106"/>
      <c r="BH917" s="1106"/>
      <c r="BI917" s="1106"/>
      <c r="BJ917" s="1106"/>
      <c r="BK917" s="1106"/>
      <c r="BL917" s="1106"/>
      <c r="BM917" s="1106"/>
      <c r="BN917" s="1106"/>
      <c r="BO917" s="1106"/>
      <c r="BP917" s="1106"/>
      <c r="BQ917" s="1106"/>
      <c r="BR917" s="1106"/>
      <c r="BS917" s="1106"/>
      <c r="BT917" s="1106"/>
      <c r="BU917" s="1106"/>
      <c r="BV917" s="1106"/>
      <c r="BW917" s="1106"/>
      <c r="BX917" s="1106"/>
      <c r="BY917" s="1106"/>
      <c r="BZ917" s="1106"/>
      <c r="CA917" s="1106"/>
    </row>
    <row r="918" spans="3:79" ht="9" customHeight="1" x14ac:dyDescent="0.2">
      <c r="C918" s="1106"/>
      <c r="D918" s="1106"/>
      <c r="E918" s="1106"/>
      <c r="F918" s="1106"/>
      <c r="G918" s="1106"/>
      <c r="H918" s="1106"/>
      <c r="I918" s="1106"/>
      <c r="J918" s="1106"/>
      <c r="K918" s="1106"/>
      <c r="L918" s="1106"/>
      <c r="M918" s="1106"/>
      <c r="N918" s="1106"/>
      <c r="O918" s="1106"/>
      <c r="U918" s="1106"/>
      <c r="AB918" s="1106"/>
      <c r="AC918" s="1106"/>
      <c r="AD918" s="1106"/>
      <c r="AE918" s="1106"/>
      <c r="AF918" s="1106"/>
      <c r="AG918" s="1106"/>
      <c r="AH918" s="1106"/>
      <c r="AL918" s="1106"/>
      <c r="AT918" s="1106"/>
      <c r="AU918" s="1106"/>
      <c r="AV918" s="1106"/>
      <c r="AW918" s="1106"/>
      <c r="AX918" s="1106"/>
      <c r="AY918" s="1106"/>
      <c r="AZ918" s="1106"/>
      <c r="BA918" s="1106"/>
      <c r="BB918" s="1106"/>
      <c r="BC918" s="1106"/>
      <c r="BD918" s="1106"/>
      <c r="BE918" s="1106"/>
      <c r="BF918" s="1106"/>
      <c r="BG918" s="1106"/>
      <c r="BH918" s="1106"/>
      <c r="BI918" s="1106"/>
      <c r="BJ918" s="1106"/>
      <c r="BK918" s="1106"/>
      <c r="BL918" s="1106"/>
      <c r="BM918" s="1106"/>
      <c r="BN918" s="1106"/>
      <c r="BO918" s="1106"/>
      <c r="BP918" s="1106"/>
      <c r="BQ918" s="1106"/>
      <c r="BR918" s="1106"/>
      <c r="BS918" s="1106"/>
      <c r="BT918" s="1106"/>
      <c r="BU918" s="1106"/>
      <c r="BV918" s="1106"/>
      <c r="BW918" s="1106"/>
      <c r="BX918" s="1106"/>
      <c r="BY918" s="1106"/>
      <c r="BZ918" s="1106"/>
      <c r="CA918" s="1106"/>
    </row>
    <row r="919" spans="3:79" ht="9" customHeight="1" x14ac:dyDescent="0.2">
      <c r="C919" s="1106"/>
      <c r="D919" s="1106"/>
      <c r="E919" s="1106"/>
      <c r="F919" s="1106"/>
      <c r="G919" s="1106"/>
      <c r="H919" s="1106"/>
      <c r="I919" s="1106"/>
      <c r="J919" s="1106"/>
      <c r="K919" s="1106"/>
      <c r="L919" s="1106"/>
      <c r="M919" s="1106"/>
      <c r="N919" s="1106"/>
      <c r="O919" s="1106"/>
      <c r="AB919" s="1106"/>
      <c r="AC919" s="1106"/>
      <c r="AD919" s="1106"/>
      <c r="AE919" s="1106"/>
      <c r="AF919" s="1106"/>
      <c r="AG919" s="1106"/>
      <c r="AH919" s="1106"/>
      <c r="AL919" s="1106"/>
      <c r="AZ919" s="1106"/>
      <c r="BA919" s="1106"/>
      <c r="BB919" s="1106"/>
      <c r="BC919" s="1106"/>
      <c r="BD919" s="1106"/>
      <c r="BE919" s="1106"/>
      <c r="BF919" s="1106"/>
      <c r="BG919" s="1106"/>
      <c r="BH919" s="1106"/>
      <c r="BI919" s="1106"/>
      <c r="BJ919" s="1106"/>
      <c r="BK919" s="1106"/>
      <c r="BL919" s="1106"/>
      <c r="BM919" s="1106"/>
      <c r="BN919" s="1106"/>
      <c r="BO919" s="1106"/>
      <c r="BP919" s="1106"/>
      <c r="BQ919" s="1106"/>
      <c r="BR919" s="1106"/>
      <c r="BS919" s="1106"/>
      <c r="BT919" s="1106"/>
      <c r="BU919" s="1106"/>
      <c r="BV919" s="1106"/>
      <c r="BW919" s="1106"/>
      <c r="BX919" s="1106"/>
      <c r="BY919" s="1106"/>
      <c r="BZ919" s="1106"/>
      <c r="CA919" s="1106"/>
    </row>
    <row r="920" spans="3:79" ht="9" customHeight="1" x14ac:dyDescent="0.2">
      <c r="C920" s="1106"/>
      <c r="D920" s="1106"/>
      <c r="E920" s="1106"/>
      <c r="F920" s="1106"/>
      <c r="G920" s="1106"/>
      <c r="H920" s="1106"/>
      <c r="I920" s="1106"/>
      <c r="J920" s="1106"/>
      <c r="K920" s="1106"/>
      <c r="L920" s="1106"/>
      <c r="M920" s="1106"/>
      <c r="N920" s="1106"/>
      <c r="O920" s="1106"/>
      <c r="AB920" s="1106"/>
      <c r="AC920" s="1106"/>
      <c r="AD920" s="1106"/>
      <c r="AE920" s="1106"/>
      <c r="AF920" s="1106"/>
      <c r="AG920" s="1106"/>
      <c r="AH920" s="1106"/>
      <c r="AL920" s="1106"/>
      <c r="AZ920" s="1106"/>
      <c r="BA920" s="1106"/>
      <c r="BB920" s="1106"/>
      <c r="BC920" s="1106"/>
      <c r="BD920" s="1106"/>
      <c r="BE920" s="1106"/>
      <c r="BF920" s="1106"/>
      <c r="BG920" s="1106"/>
      <c r="BH920" s="1106"/>
      <c r="BI920" s="1106"/>
      <c r="BJ920" s="1106"/>
      <c r="BK920" s="1106"/>
      <c r="BL920" s="1106"/>
      <c r="BM920" s="1106"/>
      <c r="BN920" s="1106"/>
      <c r="BO920" s="1106"/>
      <c r="BP920" s="1106"/>
      <c r="BQ920" s="1106"/>
      <c r="BR920" s="1106"/>
      <c r="BS920" s="1106"/>
      <c r="BT920" s="1106"/>
      <c r="BU920" s="1106"/>
      <c r="BV920" s="1106"/>
      <c r="BW920" s="1106"/>
      <c r="BX920" s="1106"/>
      <c r="BY920" s="1106"/>
      <c r="BZ920" s="1106"/>
      <c r="CA920" s="1106"/>
    </row>
    <row r="921" spans="3:79" ht="9" customHeight="1" x14ac:dyDescent="0.2">
      <c r="C921" s="1106"/>
      <c r="D921" s="1106"/>
      <c r="E921" s="1106"/>
      <c r="F921" s="1106"/>
      <c r="G921" s="1106"/>
      <c r="H921" s="1106"/>
      <c r="I921" s="1106"/>
      <c r="J921" s="1106"/>
      <c r="K921" s="1106"/>
      <c r="L921" s="1106"/>
      <c r="M921" s="1106"/>
      <c r="N921" s="1106"/>
      <c r="O921" s="1106"/>
      <c r="AB921" s="1106"/>
      <c r="AC921" s="1106"/>
      <c r="AD921" s="1106"/>
      <c r="AE921" s="1106"/>
      <c r="AF921" s="1106"/>
      <c r="AG921" s="1106"/>
      <c r="AH921" s="1106"/>
      <c r="AL921" s="1106"/>
      <c r="AZ921" s="1106"/>
      <c r="BA921" s="1106"/>
      <c r="BB921" s="1106"/>
      <c r="BC921" s="1106"/>
      <c r="BD921" s="1106"/>
      <c r="BE921" s="1106"/>
      <c r="BF921" s="1106"/>
      <c r="BG921" s="1106"/>
      <c r="BH921" s="1106"/>
      <c r="BI921" s="1106"/>
      <c r="BJ921" s="1106"/>
      <c r="BK921" s="1106"/>
      <c r="BL921" s="1106"/>
      <c r="BM921" s="1106"/>
      <c r="BN921" s="1106"/>
      <c r="BO921" s="1106"/>
      <c r="BP921" s="1106"/>
      <c r="BQ921" s="1106"/>
      <c r="BR921" s="1106"/>
      <c r="BS921" s="1106"/>
      <c r="BT921" s="1106"/>
      <c r="BU921" s="1106"/>
      <c r="BV921" s="1106"/>
      <c r="BW921" s="1106"/>
      <c r="BX921" s="1106"/>
      <c r="BY921" s="1106"/>
      <c r="BZ921" s="1106"/>
      <c r="CA921" s="1106"/>
    </row>
    <row r="922" spans="3:79" ht="9" customHeight="1" x14ac:dyDescent="0.2">
      <c r="C922" s="1106"/>
      <c r="D922" s="1106"/>
      <c r="E922" s="1106"/>
      <c r="F922" s="1106"/>
      <c r="G922" s="1106"/>
      <c r="H922" s="1106"/>
      <c r="I922" s="1106"/>
      <c r="J922" s="1106"/>
      <c r="K922" s="1106"/>
      <c r="L922" s="1106"/>
      <c r="M922" s="1106"/>
      <c r="N922" s="1106"/>
      <c r="O922" s="1106"/>
      <c r="U922" s="1106"/>
      <c r="AB922" s="1106"/>
      <c r="AC922" s="1106"/>
      <c r="AD922" s="1106"/>
      <c r="AE922" s="1106"/>
      <c r="AF922" s="1106"/>
      <c r="AG922" s="1106"/>
      <c r="AH922" s="1106"/>
      <c r="AL922" s="1106"/>
      <c r="AT922" s="1106"/>
      <c r="AU922" s="1106"/>
      <c r="AV922" s="1106"/>
      <c r="AW922" s="1106"/>
      <c r="AX922" s="1106"/>
      <c r="AY922" s="1106"/>
      <c r="AZ922" s="1106"/>
      <c r="BA922" s="1106"/>
      <c r="BB922" s="1106"/>
      <c r="BC922" s="1106"/>
      <c r="BD922" s="1106"/>
      <c r="BE922" s="1106"/>
      <c r="BF922" s="1106"/>
      <c r="BG922" s="1106"/>
      <c r="BH922" s="1106"/>
      <c r="BI922" s="1106"/>
      <c r="BJ922" s="1106"/>
      <c r="BK922" s="1106"/>
      <c r="BL922" s="1106"/>
      <c r="BM922" s="1106"/>
      <c r="BN922" s="1106"/>
      <c r="BO922" s="1106"/>
      <c r="BP922" s="1106"/>
      <c r="BQ922" s="1106"/>
      <c r="BR922" s="1106"/>
      <c r="BS922" s="1106"/>
      <c r="BT922" s="1106"/>
      <c r="BU922" s="1106"/>
      <c r="BV922" s="1106"/>
      <c r="BW922" s="1106"/>
      <c r="BX922" s="1106"/>
      <c r="BY922" s="1106"/>
      <c r="BZ922" s="1106"/>
      <c r="CA922" s="1106"/>
    </row>
    <row r="923" spans="3:79" ht="9" customHeight="1" x14ac:dyDescent="0.2">
      <c r="C923" s="1106"/>
      <c r="D923" s="1106"/>
      <c r="E923" s="1106"/>
      <c r="F923" s="1106"/>
      <c r="G923" s="1106"/>
      <c r="H923" s="1106"/>
      <c r="I923" s="1106"/>
      <c r="J923" s="1106"/>
      <c r="K923" s="1106"/>
      <c r="L923" s="1106"/>
      <c r="M923" s="1106"/>
      <c r="N923" s="1106"/>
      <c r="O923" s="1106"/>
      <c r="U923" s="1106"/>
      <c r="AB923" s="1106"/>
      <c r="AC923" s="1106"/>
      <c r="AD923" s="1106"/>
      <c r="AE923" s="1106"/>
      <c r="AF923" s="1106"/>
      <c r="AG923" s="1106"/>
      <c r="AH923" s="1106"/>
      <c r="AL923" s="1106"/>
      <c r="AO923" s="1106"/>
      <c r="AP923" s="1106"/>
      <c r="AT923" s="1106"/>
      <c r="AU923" s="1106"/>
      <c r="AV923" s="1106"/>
      <c r="AW923" s="1106"/>
      <c r="AX923" s="1106"/>
      <c r="AY923" s="1106"/>
      <c r="AZ923" s="1106"/>
      <c r="BA923" s="1106"/>
      <c r="BB923" s="1106"/>
      <c r="BC923" s="1106"/>
      <c r="BD923" s="1106"/>
      <c r="BE923" s="1106"/>
      <c r="BF923" s="1106"/>
      <c r="BG923" s="1106"/>
      <c r="BH923" s="1106"/>
      <c r="BI923" s="1106"/>
      <c r="BJ923" s="1106"/>
      <c r="BK923" s="1106"/>
      <c r="BL923" s="1106"/>
      <c r="BM923" s="1106"/>
      <c r="BN923" s="1106"/>
      <c r="BO923" s="1106"/>
      <c r="BP923" s="1106"/>
      <c r="BQ923" s="1106"/>
      <c r="BR923" s="1106"/>
      <c r="BS923" s="1106"/>
      <c r="BT923" s="1106"/>
      <c r="BU923" s="1106"/>
      <c r="BV923" s="1106"/>
      <c r="BW923" s="1106"/>
      <c r="BX923" s="1106"/>
      <c r="BY923" s="1106"/>
      <c r="BZ923" s="1106"/>
      <c r="CA923" s="1106"/>
    </row>
    <row r="924" spans="3:79" ht="9" customHeight="1" x14ac:dyDescent="0.2">
      <c r="C924" s="1106"/>
      <c r="D924" s="1106"/>
      <c r="E924" s="1106"/>
      <c r="F924" s="1106"/>
      <c r="G924" s="1106"/>
      <c r="H924" s="1106"/>
      <c r="I924" s="1106"/>
      <c r="J924" s="1106"/>
      <c r="K924" s="1106"/>
      <c r="L924" s="1106"/>
      <c r="M924" s="1106"/>
      <c r="N924" s="1106"/>
      <c r="O924" s="1106"/>
      <c r="U924" s="1106"/>
      <c r="AB924" s="1106"/>
      <c r="AC924" s="1106"/>
      <c r="AD924" s="1106"/>
      <c r="AE924" s="1106"/>
      <c r="AF924" s="1106"/>
      <c r="AG924" s="1106"/>
      <c r="AH924" s="1106"/>
      <c r="AL924" s="1106"/>
      <c r="AT924" s="1106"/>
      <c r="AU924" s="1106"/>
      <c r="AV924" s="1106"/>
      <c r="AW924" s="1106"/>
      <c r="AX924" s="1106"/>
      <c r="AY924" s="1106"/>
      <c r="AZ924" s="1106"/>
      <c r="BA924" s="1106"/>
      <c r="BB924" s="1106"/>
      <c r="BC924" s="1106"/>
      <c r="BD924" s="1106"/>
      <c r="BE924" s="1106"/>
      <c r="BF924" s="1106"/>
      <c r="BG924" s="1106"/>
      <c r="BH924" s="1106"/>
      <c r="BI924" s="1106"/>
      <c r="BJ924" s="1106"/>
      <c r="BK924" s="1106"/>
      <c r="BL924" s="1106"/>
      <c r="BM924" s="1106"/>
      <c r="BN924" s="1106"/>
      <c r="BO924" s="1106"/>
      <c r="BP924" s="1106"/>
      <c r="BQ924" s="1106"/>
      <c r="BR924" s="1106"/>
      <c r="BS924" s="1106"/>
      <c r="BT924" s="1106"/>
      <c r="BU924" s="1106"/>
      <c r="BV924" s="1106"/>
      <c r="BW924" s="1106"/>
      <c r="BX924" s="1106"/>
      <c r="BY924" s="1106"/>
      <c r="BZ924" s="1106"/>
      <c r="CA924" s="1106"/>
    </row>
    <row r="925" spans="3:79" ht="9" customHeight="1" x14ac:dyDescent="0.2">
      <c r="C925" s="1106"/>
      <c r="D925" s="1106"/>
      <c r="E925" s="1106"/>
      <c r="F925" s="1106"/>
      <c r="G925" s="1106"/>
      <c r="H925" s="1106"/>
      <c r="I925" s="1106"/>
      <c r="J925" s="1106"/>
      <c r="K925" s="1106"/>
      <c r="L925" s="1106"/>
      <c r="M925" s="1106"/>
      <c r="N925" s="1106"/>
      <c r="O925" s="1106"/>
      <c r="AB925" s="1106"/>
      <c r="AC925" s="1106"/>
      <c r="AD925" s="1106"/>
      <c r="AE925" s="1106"/>
      <c r="AF925" s="1106"/>
      <c r="AG925" s="1106"/>
      <c r="AH925" s="1106"/>
      <c r="AL925" s="1106"/>
      <c r="AZ925" s="1106"/>
      <c r="BA925" s="1106"/>
      <c r="BB925" s="1106"/>
      <c r="BC925" s="1106"/>
      <c r="BD925" s="1106"/>
      <c r="BE925" s="1106"/>
      <c r="BF925" s="1106"/>
      <c r="BG925" s="1106"/>
      <c r="BH925" s="1106"/>
      <c r="BI925" s="1106"/>
      <c r="BJ925" s="1106"/>
      <c r="BK925" s="1106"/>
      <c r="BL925" s="1106"/>
      <c r="BM925" s="1106"/>
      <c r="BN925" s="1106"/>
      <c r="BO925" s="1106"/>
      <c r="BP925" s="1106"/>
      <c r="BQ925" s="1106"/>
      <c r="BR925" s="1106"/>
      <c r="BS925" s="1106"/>
      <c r="BT925" s="1106"/>
      <c r="BU925" s="1106"/>
      <c r="BV925" s="1106"/>
      <c r="BW925" s="1106"/>
      <c r="BX925" s="1106"/>
      <c r="BY925" s="1106"/>
      <c r="BZ925" s="1106"/>
      <c r="CA925" s="1106"/>
    </row>
    <row r="926" spans="3:79" ht="9" customHeight="1" x14ac:dyDescent="0.2">
      <c r="C926" s="1106"/>
      <c r="D926" s="1106"/>
      <c r="E926" s="1106"/>
      <c r="F926" s="1106"/>
      <c r="G926" s="1106"/>
      <c r="H926" s="1106"/>
      <c r="I926" s="1106"/>
      <c r="J926" s="1106"/>
      <c r="K926" s="1106"/>
      <c r="L926" s="1106"/>
      <c r="M926" s="1106"/>
      <c r="N926" s="1106"/>
      <c r="O926" s="1106"/>
      <c r="AB926" s="1106"/>
      <c r="AC926" s="1106"/>
      <c r="AD926" s="1106"/>
      <c r="AE926" s="1106"/>
      <c r="AF926" s="1106"/>
      <c r="AG926" s="1106"/>
      <c r="AH926" s="1106"/>
      <c r="AL926" s="1106"/>
      <c r="AZ926" s="1106"/>
      <c r="BA926" s="1106"/>
      <c r="BB926" s="1106"/>
      <c r="BC926" s="1106"/>
      <c r="BD926" s="1106"/>
      <c r="BE926" s="1106"/>
      <c r="BF926" s="1106"/>
      <c r="BG926" s="1106"/>
      <c r="BH926" s="1106"/>
      <c r="BI926" s="1106"/>
      <c r="BJ926" s="1106"/>
      <c r="BK926" s="1106"/>
      <c r="BL926" s="1106"/>
      <c r="BM926" s="1106"/>
      <c r="BN926" s="1106"/>
      <c r="BO926" s="1106"/>
      <c r="BP926" s="1106"/>
      <c r="BQ926" s="1106"/>
      <c r="BR926" s="1106"/>
      <c r="BS926" s="1106"/>
      <c r="BT926" s="1106"/>
      <c r="BU926" s="1106"/>
      <c r="BV926" s="1106"/>
      <c r="BW926" s="1106"/>
      <c r="BX926" s="1106"/>
      <c r="BY926" s="1106"/>
      <c r="BZ926" s="1106"/>
      <c r="CA926" s="1106"/>
    </row>
    <row r="927" spans="3:79" ht="9" customHeight="1" x14ac:dyDescent="0.2">
      <c r="C927" s="1106"/>
      <c r="D927" s="1106"/>
      <c r="E927" s="1106"/>
      <c r="F927" s="1106"/>
      <c r="G927" s="1106"/>
      <c r="H927" s="1106"/>
      <c r="I927" s="1106"/>
      <c r="J927" s="1106"/>
      <c r="K927" s="1106"/>
      <c r="L927" s="1106"/>
      <c r="M927" s="1106"/>
      <c r="N927" s="1106"/>
      <c r="O927" s="1106"/>
      <c r="AB927" s="1106"/>
      <c r="AC927" s="1106"/>
      <c r="AD927" s="1106"/>
      <c r="AE927" s="1106"/>
      <c r="AF927" s="1106"/>
      <c r="AG927" s="1106"/>
      <c r="AH927" s="1106"/>
      <c r="AL927" s="1106"/>
      <c r="AZ927" s="1106"/>
      <c r="BA927" s="1106"/>
      <c r="BB927" s="1106"/>
      <c r="BC927" s="1106"/>
      <c r="BD927" s="1106"/>
      <c r="BE927" s="1106"/>
      <c r="BF927" s="1106"/>
      <c r="BG927" s="1106"/>
      <c r="BH927" s="1106"/>
      <c r="BI927" s="1106"/>
      <c r="BJ927" s="1106"/>
      <c r="BK927" s="1106"/>
      <c r="BL927" s="1106"/>
      <c r="BM927" s="1106"/>
      <c r="BN927" s="1106"/>
      <c r="BO927" s="1106"/>
      <c r="BP927" s="1106"/>
      <c r="BQ927" s="1106"/>
      <c r="BR927" s="1106"/>
      <c r="BS927" s="1106"/>
      <c r="BT927" s="1106"/>
      <c r="BU927" s="1106"/>
      <c r="BV927" s="1106"/>
      <c r="BW927" s="1106"/>
      <c r="BX927" s="1106"/>
      <c r="BY927" s="1106"/>
      <c r="BZ927" s="1106"/>
      <c r="CA927" s="1106"/>
    </row>
    <row r="928" spans="3:79" ht="9" customHeight="1" x14ac:dyDescent="0.2">
      <c r="C928" s="1106"/>
      <c r="D928" s="1106"/>
      <c r="E928" s="1106"/>
      <c r="F928" s="1106"/>
      <c r="G928" s="1106"/>
      <c r="H928" s="1106"/>
      <c r="I928" s="1106"/>
      <c r="J928" s="1106"/>
      <c r="K928" s="1106"/>
      <c r="L928" s="1106"/>
      <c r="M928" s="1106"/>
      <c r="N928" s="1106"/>
      <c r="O928" s="1106"/>
      <c r="U928" s="1106"/>
      <c r="AB928" s="1106"/>
      <c r="AC928" s="1106"/>
      <c r="AD928" s="1106"/>
      <c r="AE928" s="1106"/>
      <c r="AF928" s="1106"/>
      <c r="AG928" s="1106"/>
      <c r="AH928" s="1106"/>
      <c r="AL928" s="1106"/>
      <c r="AT928" s="1106"/>
      <c r="AU928" s="1106"/>
      <c r="AV928" s="1106"/>
      <c r="AW928" s="1106"/>
      <c r="AX928" s="1106"/>
      <c r="AY928" s="1106"/>
      <c r="AZ928" s="1106"/>
      <c r="BA928" s="1106"/>
      <c r="BB928" s="1106"/>
      <c r="BC928" s="1106"/>
      <c r="BD928" s="1106"/>
      <c r="BE928" s="1106"/>
      <c r="BF928" s="1106"/>
      <c r="BG928" s="1106"/>
      <c r="BH928" s="1106"/>
      <c r="BI928" s="1106"/>
      <c r="BJ928" s="1106"/>
      <c r="BK928" s="1106"/>
      <c r="BL928" s="1106"/>
      <c r="BM928" s="1106"/>
      <c r="BN928" s="1106"/>
      <c r="BO928" s="1106"/>
      <c r="BP928" s="1106"/>
      <c r="BQ928" s="1106"/>
      <c r="BR928" s="1106"/>
      <c r="BS928" s="1106"/>
      <c r="BT928" s="1106"/>
      <c r="BU928" s="1106"/>
      <c r="BV928" s="1106"/>
      <c r="BW928" s="1106"/>
      <c r="BX928" s="1106"/>
      <c r="BY928" s="1106"/>
      <c r="BZ928" s="1106"/>
      <c r="CA928" s="1106"/>
    </row>
    <row r="929" spans="3:79" ht="9" customHeight="1" x14ac:dyDescent="0.2">
      <c r="C929" s="1106"/>
      <c r="D929" s="1106"/>
      <c r="E929" s="1106"/>
      <c r="F929" s="1106"/>
      <c r="G929" s="1106"/>
      <c r="H929" s="1106"/>
      <c r="I929" s="1106"/>
      <c r="J929" s="1106"/>
      <c r="K929" s="1106"/>
      <c r="L929" s="1106"/>
      <c r="M929" s="1106"/>
      <c r="N929" s="1106"/>
      <c r="O929" s="1106"/>
      <c r="U929" s="1106"/>
      <c r="AB929" s="1106"/>
      <c r="AC929" s="1106"/>
      <c r="AD929" s="1106"/>
      <c r="AE929" s="1106"/>
      <c r="AF929" s="1106"/>
      <c r="AG929" s="1106"/>
      <c r="AH929" s="1106"/>
      <c r="AL929" s="1106"/>
      <c r="AO929" s="1106"/>
      <c r="AP929" s="1106"/>
      <c r="AT929" s="1106"/>
      <c r="AU929" s="1106"/>
      <c r="AV929" s="1106"/>
      <c r="AW929" s="1106"/>
      <c r="AX929" s="1106"/>
      <c r="AY929" s="1106"/>
      <c r="AZ929" s="1106"/>
      <c r="BA929" s="1106"/>
      <c r="BB929" s="1106"/>
      <c r="BC929" s="1106"/>
      <c r="BD929" s="1106"/>
      <c r="BE929" s="1106"/>
      <c r="BF929" s="1106"/>
      <c r="BG929" s="1106"/>
      <c r="BH929" s="1106"/>
      <c r="BI929" s="1106"/>
      <c r="BJ929" s="1106"/>
      <c r="BK929" s="1106"/>
      <c r="BL929" s="1106"/>
      <c r="BM929" s="1106"/>
      <c r="BN929" s="1106"/>
      <c r="BO929" s="1106"/>
      <c r="BP929" s="1106"/>
      <c r="BQ929" s="1106"/>
      <c r="BR929" s="1106"/>
      <c r="BS929" s="1106"/>
      <c r="BT929" s="1106"/>
      <c r="BU929" s="1106"/>
      <c r="BV929" s="1106"/>
      <c r="BW929" s="1106"/>
      <c r="BX929" s="1106"/>
      <c r="BY929" s="1106"/>
      <c r="BZ929" s="1106"/>
      <c r="CA929" s="1106"/>
    </row>
    <row r="930" spans="3:79" ht="9" customHeight="1" x14ac:dyDescent="0.2">
      <c r="C930" s="1106"/>
      <c r="D930" s="1106"/>
      <c r="E930" s="1106"/>
      <c r="F930" s="1106"/>
      <c r="G930" s="1106"/>
      <c r="H930" s="1106"/>
      <c r="I930" s="1106"/>
      <c r="J930" s="1106"/>
      <c r="K930" s="1106"/>
      <c r="L930" s="1106"/>
      <c r="M930" s="1106"/>
      <c r="N930" s="1106"/>
      <c r="O930" s="1106"/>
      <c r="U930" s="1106"/>
      <c r="AB930" s="1106"/>
      <c r="AC930" s="1106"/>
      <c r="AD930" s="1106"/>
      <c r="AE930" s="1106"/>
      <c r="AF930" s="1106"/>
      <c r="AG930" s="1106"/>
      <c r="AH930" s="1106"/>
      <c r="AL930" s="1106"/>
      <c r="AT930" s="1106"/>
      <c r="AU930" s="1106"/>
      <c r="AV930" s="1106"/>
      <c r="AW930" s="1106"/>
      <c r="AX930" s="1106"/>
      <c r="AY930" s="1106"/>
      <c r="AZ930" s="1106"/>
      <c r="BA930" s="1106"/>
      <c r="BB930" s="1106"/>
      <c r="BC930" s="1106"/>
      <c r="BD930" s="1106"/>
      <c r="BE930" s="1106"/>
      <c r="BF930" s="1106"/>
      <c r="BG930" s="1106"/>
      <c r="BH930" s="1106"/>
      <c r="BI930" s="1106"/>
      <c r="BJ930" s="1106"/>
      <c r="BK930" s="1106"/>
      <c r="BL930" s="1106"/>
      <c r="BM930" s="1106"/>
      <c r="BN930" s="1106"/>
      <c r="BO930" s="1106"/>
      <c r="BP930" s="1106"/>
      <c r="BQ930" s="1106"/>
      <c r="BR930" s="1106"/>
      <c r="BS930" s="1106"/>
      <c r="BT930" s="1106"/>
      <c r="BU930" s="1106"/>
      <c r="BV930" s="1106"/>
      <c r="BW930" s="1106"/>
      <c r="BX930" s="1106"/>
      <c r="BY930" s="1106"/>
      <c r="BZ930" s="1106"/>
      <c r="CA930" s="1106"/>
    </row>
    <row r="931" spans="3:79" ht="9" customHeight="1" x14ac:dyDescent="0.2">
      <c r="C931" s="1106"/>
      <c r="D931" s="1106"/>
      <c r="E931" s="1106"/>
      <c r="F931" s="1106"/>
      <c r="G931" s="1106"/>
      <c r="H931" s="1106"/>
      <c r="I931" s="1106"/>
      <c r="J931" s="1106"/>
      <c r="K931" s="1106"/>
      <c r="L931" s="1106"/>
      <c r="M931" s="1106"/>
      <c r="N931" s="1106"/>
      <c r="O931" s="1106"/>
      <c r="AB931" s="1106"/>
      <c r="AC931" s="1106"/>
      <c r="AD931" s="1106"/>
      <c r="AE931" s="1106"/>
      <c r="AF931" s="1106"/>
      <c r="AG931" s="1106"/>
      <c r="AH931" s="1106"/>
      <c r="AL931" s="1106"/>
      <c r="AZ931" s="1106"/>
      <c r="BA931" s="1106"/>
      <c r="BB931" s="1106"/>
      <c r="BC931" s="1106"/>
      <c r="BD931" s="1106"/>
      <c r="BE931" s="1106"/>
      <c r="BF931" s="1106"/>
      <c r="BG931" s="1106"/>
      <c r="BH931" s="1106"/>
      <c r="BI931" s="1106"/>
      <c r="BJ931" s="1106"/>
      <c r="BK931" s="1106"/>
      <c r="BL931" s="1106"/>
      <c r="BM931" s="1106"/>
      <c r="BN931" s="1106"/>
      <c r="BO931" s="1106"/>
      <c r="BP931" s="1106"/>
      <c r="BQ931" s="1106"/>
      <c r="BR931" s="1106"/>
      <c r="BS931" s="1106"/>
      <c r="BT931" s="1106"/>
      <c r="BU931" s="1106"/>
      <c r="BV931" s="1106"/>
      <c r="BW931" s="1106"/>
      <c r="BX931" s="1106"/>
      <c r="BY931" s="1106"/>
      <c r="BZ931" s="1106"/>
      <c r="CA931" s="1106"/>
    </row>
    <row r="932" spans="3:79" ht="9" customHeight="1" x14ac:dyDescent="0.2">
      <c r="C932" s="1106"/>
      <c r="D932" s="1106"/>
      <c r="E932" s="1106"/>
      <c r="F932" s="1106"/>
      <c r="G932" s="1106"/>
      <c r="H932" s="1106"/>
      <c r="I932" s="1106"/>
      <c r="J932" s="1106"/>
      <c r="K932" s="1106"/>
      <c r="L932" s="1106"/>
      <c r="M932" s="1106"/>
      <c r="N932" s="1106"/>
      <c r="O932" s="1106"/>
      <c r="AB932" s="1106"/>
      <c r="AC932" s="1106"/>
      <c r="AD932" s="1106"/>
      <c r="AE932" s="1106"/>
      <c r="AF932" s="1106"/>
      <c r="AG932" s="1106"/>
      <c r="AH932" s="1106"/>
      <c r="AL932" s="1106"/>
      <c r="AZ932" s="1106"/>
      <c r="BA932" s="1106"/>
      <c r="BB932" s="1106"/>
      <c r="BC932" s="1106"/>
      <c r="BD932" s="1106"/>
      <c r="BE932" s="1106"/>
      <c r="BF932" s="1106"/>
      <c r="BG932" s="1106"/>
      <c r="BH932" s="1106"/>
      <c r="BI932" s="1106"/>
      <c r="BJ932" s="1106"/>
      <c r="BK932" s="1106"/>
      <c r="BL932" s="1106"/>
      <c r="BM932" s="1106"/>
      <c r="BN932" s="1106"/>
      <c r="BO932" s="1106"/>
      <c r="BP932" s="1106"/>
      <c r="BQ932" s="1106"/>
      <c r="BR932" s="1106"/>
      <c r="BS932" s="1106"/>
      <c r="BT932" s="1106"/>
      <c r="BU932" s="1106"/>
      <c r="BV932" s="1106"/>
      <c r="BW932" s="1106"/>
      <c r="BX932" s="1106"/>
      <c r="BY932" s="1106"/>
      <c r="BZ932" s="1106"/>
      <c r="CA932" s="1106"/>
    </row>
    <row r="933" spans="3:79" ht="9" customHeight="1" x14ac:dyDescent="0.2">
      <c r="C933" s="1106"/>
      <c r="D933" s="1106"/>
      <c r="E933" s="1106"/>
      <c r="F933" s="1106"/>
      <c r="G933" s="1106"/>
      <c r="H933" s="1106"/>
      <c r="I933" s="1106"/>
      <c r="J933" s="1106"/>
      <c r="K933" s="1106"/>
      <c r="L933" s="1106"/>
      <c r="M933" s="1106"/>
      <c r="N933" s="1106"/>
      <c r="O933" s="1106"/>
      <c r="AB933" s="1106"/>
      <c r="AC933" s="1106"/>
      <c r="AD933" s="1106"/>
      <c r="AE933" s="1106"/>
      <c r="AF933" s="1106"/>
      <c r="AG933" s="1106"/>
      <c r="AH933" s="1106"/>
      <c r="AL933" s="1106"/>
      <c r="AZ933" s="1106"/>
      <c r="BA933" s="1106"/>
      <c r="BB933" s="1106"/>
      <c r="BC933" s="1106"/>
      <c r="BD933" s="1106"/>
      <c r="BE933" s="1106"/>
      <c r="BF933" s="1106"/>
      <c r="BG933" s="1106"/>
      <c r="BH933" s="1106"/>
      <c r="BI933" s="1106"/>
      <c r="BJ933" s="1106"/>
      <c r="BK933" s="1106"/>
      <c r="BL933" s="1106"/>
      <c r="BM933" s="1106"/>
      <c r="BN933" s="1106"/>
      <c r="BO933" s="1106"/>
      <c r="BP933" s="1106"/>
      <c r="BQ933" s="1106"/>
      <c r="BR933" s="1106"/>
      <c r="BS933" s="1106"/>
      <c r="BT933" s="1106"/>
      <c r="BU933" s="1106"/>
      <c r="BV933" s="1106"/>
      <c r="BW933" s="1106"/>
      <c r="BX933" s="1106"/>
      <c r="BY933" s="1106"/>
      <c r="BZ933" s="1106"/>
      <c r="CA933" s="1106"/>
    </row>
    <row r="934" spans="3:79" ht="9" customHeight="1" x14ac:dyDescent="0.2">
      <c r="C934" s="1106"/>
      <c r="D934" s="1106"/>
      <c r="E934" s="1106"/>
      <c r="F934" s="1106"/>
      <c r="G934" s="1106"/>
      <c r="H934" s="1106"/>
      <c r="I934" s="1106"/>
      <c r="J934" s="1106"/>
      <c r="K934" s="1106"/>
      <c r="L934" s="1106"/>
      <c r="M934" s="1106"/>
      <c r="N934" s="1106"/>
      <c r="O934" s="1106"/>
      <c r="U934" s="1106"/>
      <c r="AB934" s="1106"/>
      <c r="AC934" s="1106"/>
      <c r="AD934" s="1106"/>
      <c r="AE934" s="1106"/>
      <c r="AF934" s="1106"/>
      <c r="AG934" s="1106"/>
      <c r="AH934" s="1106"/>
      <c r="AL934" s="1106"/>
      <c r="AT934" s="1106"/>
      <c r="AU934" s="1106"/>
      <c r="AV934" s="1106"/>
      <c r="AW934" s="1106"/>
      <c r="AX934" s="1106"/>
      <c r="AY934" s="1106"/>
      <c r="AZ934" s="1106"/>
      <c r="BA934" s="1106"/>
      <c r="BB934" s="1106"/>
      <c r="BC934" s="1106"/>
      <c r="BD934" s="1106"/>
      <c r="BE934" s="1106"/>
      <c r="BF934" s="1106"/>
      <c r="BG934" s="1106"/>
      <c r="BH934" s="1106"/>
      <c r="BI934" s="1106"/>
      <c r="BJ934" s="1106"/>
      <c r="BK934" s="1106"/>
      <c r="BL934" s="1106"/>
      <c r="BM934" s="1106"/>
      <c r="BN934" s="1106"/>
      <c r="BO934" s="1106"/>
      <c r="BP934" s="1106"/>
      <c r="BQ934" s="1106"/>
      <c r="BR934" s="1106"/>
      <c r="BS934" s="1106"/>
      <c r="BT934" s="1106"/>
      <c r="BU934" s="1106"/>
      <c r="BV934" s="1106"/>
      <c r="BW934" s="1106"/>
      <c r="BX934" s="1106"/>
      <c r="BY934" s="1106"/>
      <c r="BZ934" s="1106"/>
      <c r="CA934" s="1106"/>
    </row>
    <row r="935" spans="3:79" ht="9" customHeight="1" x14ac:dyDescent="0.2">
      <c r="C935" s="1106"/>
      <c r="D935" s="1106"/>
      <c r="E935" s="1106"/>
      <c r="F935" s="1106"/>
      <c r="G935" s="1106"/>
      <c r="H935" s="1106"/>
      <c r="I935" s="1106"/>
      <c r="J935" s="1106"/>
      <c r="K935" s="1106"/>
      <c r="L935" s="1106"/>
      <c r="M935" s="1106"/>
      <c r="N935" s="1106"/>
      <c r="O935" s="1106"/>
      <c r="U935" s="1106"/>
      <c r="AB935" s="1106"/>
      <c r="AC935" s="1106"/>
      <c r="AD935" s="1106"/>
      <c r="AE935" s="1106"/>
      <c r="AF935" s="1106"/>
      <c r="AG935" s="1106"/>
      <c r="AH935" s="1106"/>
      <c r="AL935" s="1106"/>
      <c r="AO935" s="1106"/>
      <c r="AP935" s="1106"/>
      <c r="AT935" s="1106"/>
      <c r="AU935" s="1106"/>
      <c r="AV935" s="1106"/>
      <c r="AW935" s="1106"/>
      <c r="AX935" s="1106"/>
      <c r="AY935" s="1106"/>
      <c r="AZ935" s="1106"/>
      <c r="BA935" s="1106"/>
      <c r="BB935" s="1106"/>
      <c r="BC935" s="1106"/>
      <c r="BD935" s="1106"/>
      <c r="BE935" s="1106"/>
      <c r="BF935" s="1106"/>
      <c r="BG935" s="1106"/>
      <c r="BH935" s="1106"/>
      <c r="BI935" s="1106"/>
      <c r="BJ935" s="1106"/>
      <c r="BK935" s="1106"/>
      <c r="BL935" s="1106"/>
      <c r="BM935" s="1106"/>
      <c r="BN935" s="1106"/>
      <c r="BO935" s="1106"/>
      <c r="BP935" s="1106"/>
      <c r="BQ935" s="1106"/>
      <c r="BR935" s="1106"/>
      <c r="BS935" s="1106"/>
      <c r="BT935" s="1106"/>
      <c r="BU935" s="1106"/>
      <c r="BV935" s="1106"/>
      <c r="BW935" s="1106"/>
      <c r="BX935" s="1106"/>
      <c r="BY935" s="1106"/>
      <c r="BZ935" s="1106"/>
      <c r="CA935" s="1106"/>
    </row>
    <row r="936" spans="3:79" ht="9" customHeight="1" x14ac:dyDescent="0.2">
      <c r="C936" s="1106"/>
      <c r="D936" s="1106"/>
      <c r="E936" s="1106"/>
      <c r="F936" s="1106"/>
      <c r="G936" s="1106"/>
      <c r="H936" s="1106"/>
      <c r="I936" s="1106"/>
      <c r="J936" s="1106"/>
      <c r="K936" s="1106"/>
      <c r="L936" s="1106"/>
      <c r="M936" s="1106"/>
      <c r="N936" s="1106"/>
      <c r="O936" s="1106"/>
      <c r="U936" s="1106"/>
      <c r="AB936" s="1106"/>
      <c r="AC936" s="1106"/>
      <c r="AD936" s="1106"/>
      <c r="AE936" s="1106"/>
      <c r="AF936" s="1106"/>
      <c r="AG936" s="1106"/>
      <c r="AH936" s="1106"/>
      <c r="AL936" s="1106"/>
      <c r="AT936" s="1106"/>
      <c r="AU936" s="1106"/>
      <c r="AV936" s="1106"/>
      <c r="AW936" s="1106"/>
      <c r="AX936" s="1106"/>
      <c r="AY936" s="1106"/>
      <c r="AZ936" s="1106"/>
      <c r="BA936" s="1106"/>
      <c r="BB936" s="1106"/>
      <c r="BC936" s="1106"/>
      <c r="BD936" s="1106"/>
      <c r="BE936" s="1106"/>
      <c r="BF936" s="1106"/>
      <c r="BG936" s="1106"/>
      <c r="BH936" s="1106"/>
      <c r="BI936" s="1106"/>
      <c r="BJ936" s="1106"/>
      <c r="BK936" s="1106"/>
      <c r="BL936" s="1106"/>
      <c r="BM936" s="1106"/>
      <c r="BN936" s="1106"/>
      <c r="BO936" s="1106"/>
      <c r="BP936" s="1106"/>
      <c r="BQ936" s="1106"/>
      <c r="BR936" s="1106"/>
      <c r="BS936" s="1106"/>
      <c r="BT936" s="1106"/>
      <c r="BU936" s="1106"/>
      <c r="BV936" s="1106"/>
      <c r="BW936" s="1106"/>
      <c r="BX936" s="1106"/>
      <c r="BY936" s="1106"/>
      <c r="BZ936" s="1106"/>
      <c r="CA936" s="1106"/>
    </row>
    <row r="937" spans="3:79" ht="9" customHeight="1" x14ac:dyDescent="0.2">
      <c r="C937" s="1106"/>
      <c r="D937" s="1106"/>
      <c r="E937" s="1106"/>
      <c r="F937" s="1106"/>
      <c r="G937" s="1106"/>
      <c r="H937" s="1106"/>
      <c r="I937" s="1106"/>
      <c r="J937" s="1106"/>
      <c r="K937" s="1106"/>
      <c r="L937" s="1106"/>
      <c r="M937" s="1106"/>
      <c r="N937" s="1106"/>
      <c r="O937" s="1106"/>
      <c r="AB937" s="1106"/>
      <c r="AC937" s="1106"/>
      <c r="AD937" s="1106"/>
      <c r="AE937" s="1106"/>
      <c r="AF937" s="1106"/>
      <c r="AG937" s="1106"/>
      <c r="AH937" s="1106"/>
      <c r="AL937" s="1106"/>
      <c r="AZ937" s="1106"/>
      <c r="BA937" s="1106"/>
      <c r="BB937" s="1106"/>
      <c r="BC937" s="1106"/>
      <c r="BD937" s="1106"/>
      <c r="BE937" s="1106"/>
      <c r="BF937" s="1106"/>
      <c r="BG937" s="1106"/>
      <c r="BH937" s="1106"/>
      <c r="BI937" s="1106"/>
      <c r="BJ937" s="1106"/>
      <c r="BK937" s="1106"/>
      <c r="BL937" s="1106"/>
      <c r="BM937" s="1106"/>
      <c r="BN937" s="1106"/>
      <c r="BO937" s="1106"/>
      <c r="BP937" s="1106"/>
      <c r="BQ937" s="1106"/>
      <c r="BR937" s="1106"/>
      <c r="BS937" s="1106"/>
      <c r="BT937" s="1106"/>
      <c r="BU937" s="1106"/>
      <c r="BV937" s="1106"/>
      <c r="BW937" s="1106"/>
      <c r="BX937" s="1106"/>
      <c r="BY937" s="1106"/>
      <c r="BZ937" s="1106"/>
      <c r="CA937" s="1106"/>
    </row>
    <row r="938" spans="3:79" ht="9" customHeight="1" x14ac:dyDescent="0.2">
      <c r="C938" s="1106"/>
      <c r="D938" s="1106"/>
      <c r="E938" s="1106"/>
      <c r="F938" s="1106"/>
      <c r="G938" s="1106"/>
      <c r="H938" s="1106"/>
      <c r="I938" s="1106"/>
      <c r="J938" s="1106"/>
      <c r="K938" s="1106"/>
      <c r="L938" s="1106"/>
      <c r="M938" s="1106"/>
      <c r="N938" s="1106"/>
      <c r="O938" s="1106"/>
      <c r="AB938" s="1106"/>
      <c r="AC938" s="1106"/>
      <c r="AD938" s="1106"/>
      <c r="AE938" s="1106"/>
      <c r="AF938" s="1106"/>
      <c r="AG938" s="1106"/>
      <c r="AH938" s="1106"/>
      <c r="AL938" s="1106"/>
      <c r="AZ938" s="1106"/>
      <c r="BA938" s="1106"/>
      <c r="BB938" s="1106"/>
      <c r="BC938" s="1106"/>
      <c r="BD938" s="1106"/>
      <c r="BE938" s="1106"/>
      <c r="BF938" s="1106"/>
      <c r="BG938" s="1106"/>
      <c r="BH938" s="1106"/>
      <c r="BI938" s="1106"/>
      <c r="BJ938" s="1106"/>
      <c r="BK938" s="1106"/>
      <c r="BL938" s="1106"/>
      <c r="BM938" s="1106"/>
      <c r="BN938" s="1106"/>
      <c r="BO938" s="1106"/>
      <c r="BP938" s="1106"/>
      <c r="BQ938" s="1106"/>
      <c r="BR938" s="1106"/>
      <c r="BS938" s="1106"/>
      <c r="BT938" s="1106"/>
      <c r="BU938" s="1106"/>
      <c r="BV938" s="1106"/>
      <c r="BW938" s="1106"/>
      <c r="BX938" s="1106"/>
      <c r="BY938" s="1106"/>
      <c r="BZ938" s="1106"/>
      <c r="CA938" s="1106"/>
    </row>
    <row r="939" spans="3:79" ht="9" customHeight="1" x14ac:dyDescent="0.2">
      <c r="C939" s="1106"/>
      <c r="D939" s="1106"/>
      <c r="E939" s="1106"/>
      <c r="F939" s="1106"/>
      <c r="G939" s="1106"/>
      <c r="H939" s="1106"/>
      <c r="I939" s="1106"/>
      <c r="J939" s="1106"/>
      <c r="K939" s="1106"/>
      <c r="L939" s="1106"/>
      <c r="M939" s="1106"/>
      <c r="N939" s="1106"/>
      <c r="O939" s="1106"/>
      <c r="AB939" s="1106"/>
      <c r="AC939" s="1106"/>
      <c r="AD939" s="1106"/>
      <c r="AE939" s="1106"/>
      <c r="AF939" s="1106"/>
      <c r="AG939" s="1106"/>
      <c r="AH939" s="1106"/>
      <c r="AL939" s="1106"/>
      <c r="AZ939" s="1106"/>
      <c r="BA939" s="1106"/>
      <c r="BB939" s="1106"/>
      <c r="BC939" s="1106"/>
      <c r="BD939" s="1106"/>
      <c r="BE939" s="1106"/>
      <c r="BF939" s="1106"/>
      <c r="BG939" s="1106"/>
      <c r="BH939" s="1106"/>
      <c r="BI939" s="1106"/>
      <c r="BJ939" s="1106"/>
      <c r="BK939" s="1106"/>
      <c r="BL939" s="1106"/>
      <c r="BM939" s="1106"/>
      <c r="BN939" s="1106"/>
      <c r="BO939" s="1106"/>
      <c r="BP939" s="1106"/>
      <c r="BQ939" s="1106"/>
      <c r="BR939" s="1106"/>
      <c r="BS939" s="1106"/>
      <c r="BT939" s="1106"/>
      <c r="BU939" s="1106"/>
      <c r="BV939" s="1106"/>
      <c r="BW939" s="1106"/>
      <c r="BX939" s="1106"/>
      <c r="BY939" s="1106"/>
      <c r="BZ939" s="1106"/>
      <c r="CA939" s="1106"/>
    </row>
    <row r="940" spans="3:79" ht="9" customHeight="1" x14ac:dyDescent="0.2">
      <c r="C940" s="1106"/>
      <c r="D940" s="1106"/>
      <c r="E940" s="1106"/>
      <c r="F940" s="1106"/>
      <c r="G940" s="1106"/>
      <c r="H940" s="1106"/>
      <c r="I940" s="1106"/>
      <c r="J940" s="1106"/>
      <c r="K940" s="1106"/>
      <c r="L940" s="1106"/>
      <c r="M940" s="1106"/>
      <c r="N940" s="1106"/>
      <c r="O940" s="1106"/>
      <c r="U940" s="1106"/>
      <c r="AB940" s="1106"/>
      <c r="AC940" s="1106"/>
      <c r="AD940" s="1106"/>
      <c r="AE940" s="1106"/>
      <c r="AF940" s="1106"/>
      <c r="AG940" s="1106"/>
      <c r="AH940" s="1106"/>
      <c r="AL940" s="1106"/>
      <c r="AT940" s="1106"/>
      <c r="AU940" s="1106"/>
      <c r="AV940" s="1106"/>
      <c r="AW940" s="1106"/>
      <c r="AX940" s="1106"/>
      <c r="AY940" s="1106"/>
      <c r="AZ940" s="1106"/>
      <c r="BA940" s="1106"/>
      <c r="BB940" s="1106"/>
      <c r="BC940" s="1106"/>
      <c r="BD940" s="1106"/>
      <c r="BE940" s="1106"/>
      <c r="BF940" s="1106"/>
      <c r="BG940" s="1106"/>
      <c r="BH940" s="1106"/>
      <c r="BI940" s="1106"/>
      <c r="BJ940" s="1106"/>
      <c r="BK940" s="1106"/>
      <c r="BL940" s="1106"/>
      <c r="BM940" s="1106"/>
      <c r="BN940" s="1106"/>
      <c r="BO940" s="1106"/>
      <c r="BP940" s="1106"/>
      <c r="BQ940" s="1106"/>
      <c r="BR940" s="1106"/>
      <c r="BS940" s="1106"/>
      <c r="BT940" s="1106"/>
      <c r="BU940" s="1106"/>
      <c r="BV940" s="1106"/>
      <c r="BW940" s="1106"/>
      <c r="BX940" s="1106"/>
      <c r="BY940" s="1106"/>
      <c r="BZ940" s="1106"/>
      <c r="CA940" s="1106"/>
    </row>
    <row r="941" spans="3:79" ht="9" customHeight="1" x14ac:dyDescent="0.2">
      <c r="C941" s="1106"/>
      <c r="D941" s="1106"/>
      <c r="E941" s="1106"/>
      <c r="F941" s="1106"/>
      <c r="G941" s="1106"/>
      <c r="H941" s="1106"/>
      <c r="I941" s="1106"/>
      <c r="J941" s="1106"/>
      <c r="K941" s="1106"/>
      <c r="L941" s="1106"/>
      <c r="M941" s="1106"/>
      <c r="N941" s="1106"/>
      <c r="O941" s="1106"/>
      <c r="U941" s="1106"/>
      <c r="AB941" s="1106"/>
      <c r="AC941" s="1106"/>
      <c r="AD941" s="1106"/>
      <c r="AE941" s="1106"/>
      <c r="AF941" s="1106"/>
      <c r="AG941" s="1106"/>
      <c r="AH941" s="1106"/>
      <c r="AL941" s="1106"/>
      <c r="AO941" s="1106"/>
      <c r="AP941" s="1106"/>
      <c r="AT941" s="1106"/>
      <c r="AU941" s="1106"/>
      <c r="AV941" s="1106"/>
      <c r="AW941" s="1106"/>
      <c r="AX941" s="1106"/>
      <c r="AY941" s="1106"/>
      <c r="AZ941" s="1106"/>
      <c r="BA941" s="1106"/>
      <c r="BB941" s="1106"/>
      <c r="BC941" s="1106"/>
      <c r="BD941" s="1106"/>
      <c r="BE941" s="1106"/>
      <c r="BF941" s="1106"/>
      <c r="BG941" s="1106"/>
      <c r="BH941" s="1106"/>
      <c r="BI941" s="1106"/>
      <c r="BJ941" s="1106"/>
      <c r="BK941" s="1106"/>
      <c r="BL941" s="1106"/>
      <c r="BM941" s="1106"/>
      <c r="BN941" s="1106"/>
      <c r="BO941" s="1106"/>
      <c r="BP941" s="1106"/>
      <c r="BQ941" s="1106"/>
      <c r="BR941" s="1106"/>
      <c r="BS941" s="1106"/>
      <c r="BT941" s="1106"/>
      <c r="BU941" s="1106"/>
      <c r="BV941" s="1106"/>
      <c r="BW941" s="1106"/>
      <c r="BX941" s="1106"/>
      <c r="BY941" s="1106"/>
      <c r="BZ941" s="1106"/>
      <c r="CA941" s="1106"/>
    </row>
    <row r="942" spans="3:79" ht="9" customHeight="1" x14ac:dyDescent="0.2">
      <c r="C942" s="1106"/>
      <c r="D942" s="1106"/>
      <c r="E942" s="1106"/>
      <c r="F942" s="1106"/>
      <c r="G942" s="1106"/>
      <c r="H942" s="1106"/>
      <c r="I942" s="1106"/>
      <c r="J942" s="1106"/>
      <c r="K942" s="1106"/>
      <c r="L942" s="1106"/>
      <c r="M942" s="1106"/>
      <c r="N942" s="1106"/>
      <c r="O942" s="1106"/>
      <c r="U942" s="1106"/>
      <c r="AB942" s="1106"/>
      <c r="AC942" s="1106"/>
      <c r="AD942" s="1106"/>
      <c r="AE942" s="1106"/>
      <c r="AF942" s="1106"/>
      <c r="AG942" s="1106"/>
      <c r="AH942" s="1106"/>
      <c r="AL942" s="1106"/>
      <c r="AT942" s="1106"/>
      <c r="AU942" s="1106"/>
      <c r="AV942" s="1106"/>
      <c r="AW942" s="1106"/>
      <c r="AX942" s="1106"/>
      <c r="AY942" s="1106"/>
      <c r="AZ942" s="1106"/>
      <c r="BA942" s="1106"/>
      <c r="BB942" s="1106"/>
      <c r="BC942" s="1106"/>
      <c r="BD942" s="1106"/>
      <c r="BE942" s="1106"/>
      <c r="BF942" s="1106"/>
      <c r="BG942" s="1106"/>
      <c r="BH942" s="1106"/>
      <c r="BI942" s="1106"/>
      <c r="BJ942" s="1106"/>
      <c r="BK942" s="1106"/>
      <c r="BL942" s="1106"/>
      <c r="BM942" s="1106"/>
      <c r="BN942" s="1106"/>
      <c r="BO942" s="1106"/>
      <c r="BP942" s="1106"/>
      <c r="BQ942" s="1106"/>
      <c r="BR942" s="1106"/>
      <c r="BS942" s="1106"/>
      <c r="BT942" s="1106"/>
      <c r="BU942" s="1106"/>
      <c r="BV942" s="1106"/>
      <c r="BW942" s="1106"/>
      <c r="BX942" s="1106"/>
      <c r="BY942" s="1106"/>
      <c r="BZ942" s="1106"/>
      <c r="CA942" s="1106"/>
    </row>
    <row r="943" spans="3:79" ht="9" customHeight="1" x14ac:dyDescent="0.2">
      <c r="C943" s="1106"/>
      <c r="D943" s="1106"/>
      <c r="E943" s="1106"/>
      <c r="F943" s="1106"/>
      <c r="G943" s="1106"/>
      <c r="H943" s="1106"/>
      <c r="I943" s="1106"/>
      <c r="J943" s="1106"/>
      <c r="K943" s="1106"/>
      <c r="L943" s="1106"/>
      <c r="M943" s="1106"/>
      <c r="N943" s="1106"/>
      <c r="O943" s="1106"/>
      <c r="AB943" s="1106"/>
      <c r="AC943" s="1106"/>
      <c r="AD943" s="1106"/>
      <c r="AE943" s="1106"/>
      <c r="AF943" s="1106"/>
      <c r="AG943" s="1106"/>
      <c r="AH943" s="1106"/>
      <c r="AL943" s="1106"/>
      <c r="AZ943" s="1106"/>
      <c r="BA943" s="1106"/>
      <c r="BB943" s="1106"/>
      <c r="BC943" s="1106"/>
      <c r="BD943" s="1106"/>
      <c r="BE943" s="1106"/>
      <c r="BF943" s="1106"/>
      <c r="BG943" s="1106"/>
      <c r="BH943" s="1106"/>
      <c r="BI943" s="1106"/>
      <c r="BJ943" s="1106"/>
      <c r="BK943" s="1106"/>
      <c r="BL943" s="1106"/>
      <c r="BM943" s="1106"/>
      <c r="BN943" s="1106"/>
      <c r="BO943" s="1106"/>
      <c r="BP943" s="1106"/>
      <c r="BQ943" s="1106"/>
      <c r="BR943" s="1106"/>
      <c r="BS943" s="1106"/>
      <c r="BT943" s="1106"/>
      <c r="BU943" s="1106"/>
      <c r="BV943" s="1106"/>
      <c r="BW943" s="1106"/>
      <c r="BX943" s="1106"/>
      <c r="BY943" s="1106"/>
      <c r="BZ943" s="1106"/>
      <c r="CA943" s="1106"/>
    </row>
    <row r="944" spans="3:79" ht="9" customHeight="1" x14ac:dyDescent="0.2">
      <c r="C944" s="1106"/>
      <c r="D944" s="1106"/>
      <c r="E944" s="1106"/>
      <c r="F944" s="1106"/>
      <c r="G944" s="1106"/>
      <c r="H944" s="1106"/>
      <c r="I944" s="1106"/>
      <c r="J944" s="1106"/>
      <c r="K944" s="1106"/>
      <c r="L944" s="1106"/>
      <c r="M944" s="1106"/>
      <c r="N944" s="1106"/>
      <c r="O944" s="1106"/>
      <c r="AB944" s="1106"/>
      <c r="AC944" s="1106"/>
      <c r="AD944" s="1106"/>
      <c r="AE944" s="1106"/>
      <c r="AF944" s="1106"/>
      <c r="AG944" s="1106"/>
      <c r="AH944" s="1106"/>
      <c r="AL944" s="1106"/>
      <c r="AZ944" s="1106"/>
      <c r="BA944" s="1106"/>
      <c r="BB944" s="1106"/>
      <c r="BC944" s="1106"/>
      <c r="BD944" s="1106"/>
      <c r="BE944" s="1106"/>
      <c r="BF944" s="1106"/>
      <c r="BG944" s="1106"/>
      <c r="BH944" s="1106"/>
      <c r="BI944" s="1106"/>
      <c r="BJ944" s="1106"/>
      <c r="BK944" s="1106"/>
      <c r="BL944" s="1106"/>
      <c r="BM944" s="1106"/>
      <c r="BN944" s="1106"/>
      <c r="BO944" s="1106"/>
      <c r="BP944" s="1106"/>
      <c r="BQ944" s="1106"/>
      <c r="BR944" s="1106"/>
      <c r="BS944" s="1106"/>
      <c r="BT944" s="1106"/>
      <c r="BU944" s="1106"/>
      <c r="BV944" s="1106"/>
      <c r="BW944" s="1106"/>
      <c r="BX944" s="1106"/>
      <c r="BY944" s="1106"/>
      <c r="BZ944" s="1106"/>
      <c r="CA944" s="1106"/>
    </row>
    <row r="945" spans="3:79" ht="9" customHeight="1" x14ac:dyDescent="0.2">
      <c r="C945" s="1106"/>
      <c r="D945" s="1106"/>
      <c r="E945" s="1106"/>
      <c r="F945" s="1106"/>
      <c r="G945" s="1106"/>
      <c r="H945" s="1106"/>
      <c r="I945" s="1106"/>
      <c r="J945" s="1106"/>
      <c r="K945" s="1106"/>
      <c r="L945" s="1106"/>
      <c r="M945" s="1106"/>
      <c r="N945" s="1106"/>
      <c r="O945" s="1106"/>
      <c r="AB945" s="1106"/>
      <c r="AC945" s="1106"/>
      <c r="AD945" s="1106"/>
      <c r="AE945" s="1106"/>
      <c r="AF945" s="1106"/>
      <c r="AG945" s="1106"/>
      <c r="AH945" s="1106"/>
      <c r="AL945" s="1106"/>
      <c r="AZ945" s="1106"/>
      <c r="BA945" s="1106"/>
      <c r="BB945" s="1106"/>
      <c r="BC945" s="1106"/>
      <c r="BD945" s="1106"/>
      <c r="BE945" s="1106"/>
      <c r="BF945" s="1106"/>
      <c r="BG945" s="1106"/>
      <c r="BH945" s="1106"/>
      <c r="BI945" s="1106"/>
      <c r="BJ945" s="1106"/>
      <c r="BK945" s="1106"/>
      <c r="BL945" s="1106"/>
      <c r="BM945" s="1106"/>
      <c r="BN945" s="1106"/>
      <c r="BO945" s="1106"/>
      <c r="BP945" s="1106"/>
      <c r="BQ945" s="1106"/>
      <c r="BR945" s="1106"/>
      <c r="BS945" s="1106"/>
      <c r="BT945" s="1106"/>
      <c r="BU945" s="1106"/>
      <c r="BV945" s="1106"/>
      <c r="BW945" s="1106"/>
      <c r="BX945" s="1106"/>
      <c r="BY945" s="1106"/>
      <c r="BZ945" s="1106"/>
      <c r="CA945" s="1106"/>
    </row>
    <row r="946" spans="3:79" ht="9" customHeight="1" x14ac:dyDescent="0.2">
      <c r="C946" s="1106"/>
      <c r="D946" s="1106"/>
      <c r="E946" s="1106"/>
      <c r="F946" s="1106"/>
      <c r="G946" s="1106"/>
      <c r="H946" s="1106"/>
      <c r="I946" s="1106"/>
      <c r="J946" s="1106"/>
      <c r="K946" s="1106"/>
      <c r="L946" s="1106"/>
      <c r="M946" s="1106"/>
      <c r="N946" s="1106"/>
      <c r="O946" s="1106"/>
      <c r="U946" s="1106"/>
      <c r="AB946" s="1106"/>
      <c r="AC946" s="1106"/>
      <c r="AD946" s="1106"/>
      <c r="AE946" s="1106"/>
      <c r="AF946" s="1106"/>
      <c r="AG946" s="1106"/>
      <c r="AH946" s="1106"/>
      <c r="AL946" s="1106"/>
      <c r="AT946" s="1106"/>
      <c r="AU946" s="1106"/>
      <c r="AV946" s="1106"/>
      <c r="AW946" s="1106"/>
      <c r="AX946" s="1106"/>
      <c r="AY946" s="1106"/>
      <c r="AZ946" s="1106"/>
      <c r="BA946" s="1106"/>
      <c r="BB946" s="1106"/>
      <c r="BC946" s="1106"/>
      <c r="BD946" s="1106"/>
      <c r="BE946" s="1106"/>
      <c r="BF946" s="1106"/>
      <c r="BG946" s="1106"/>
      <c r="BH946" s="1106"/>
      <c r="BI946" s="1106"/>
      <c r="BJ946" s="1106"/>
      <c r="BK946" s="1106"/>
      <c r="BL946" s="1106"/>
      <c r="BM946" s="1106"/>
      <c r="BN946" s="1106"/>
      <c r="BO946" s="1106"/>
      <c r="BP946" s="1106"/>
      <c r="BQ946" s="1106"/>
      <c r="BR946" s="1106"/>
      <c r="BS946" s="1106"/>
      <c r="BT946" s="1106"/>
      <c r="BU946" s="1106"/>
      <c r="BV946" s="1106"/>
      <c r="BW946" s="1106"/>
      <c r="BX946" s="1106"/>
      <c r="BY946" s="1106"/>
      <c r="BZ946" s="1106"/>
      <c r="CA946" s="1106"/>
    </row>
    <row r="947" spans="3:79" ht="9" customHeight="1" x14ac:dyDescent="0.2">
      <c r="C947" s="1106"/>
      <c r="D947" s="1106"/>
      <c r="E947" s="1106"/>
      <c r="F947" s="1106"/>
      <c r="G947" s="1106"/>
      <c r="H947" s="1106"/>
      <c r="I947" s="1106"/>
      <c r="J947" s="1106"/>
      <c r="K947" s="1106"/>
      <c r="L947" s="1106"/>
      <c r="M947" s="1106"/>
      <c r="N947" s="1106"/>
      <c r="O947" s="1106"/>
      <c r="U947" s="1106"/>
      <c r="AB947" s="1106"/>
      <c r="AC947" s="1106"/>
      <c r="AD947" s="1106"/>
      <c r="AE947" s="1106"/>
      <c r="AF947" s="1106"/>
      <c r="AG947" s="1106"/>
      <c r="AH947" s="1106"/>
      <c r="AL947" s="1106"/>
      <c r="AO947" s="1106"/>
      <c r="AP947" s="1106"/>
      <c r="AT947" s="1106"/>
      <c r="AU947" s="1106"/>
      <c r="AV947" s="1106"/>
      <c r="AW947" s="1106"/>
      <c r="AX947" s="1106"/>
      <c r="AY947" s="1106"/>
      <c r="AZ947" s="1106"/>
      <c r="BA947" s="1106"/>
      <c r="BB947" s="1106"/>
      <c r="BC947" s="1106"/>
      <c r="BD947" s="1106"/>
      <c r="BE947" s="1106"/>
      <c r="BF947" s="1106"/>
      <c r="BG947" s="1106"/>
      <c r="BH947" s="1106"/>
      <c r="BI947" s="1106"/>
      <c r="BJ947" s="1106"/>
      <c r="BK947" s="1106"/>
      <c r="BL947" s="1106"/>
      <c r="BM947" s="1106"/>
      <c r="BN947" s="1106"/>
      <c r="BO947" s="1106"/>
      <c r="BP947" s="1106"/>
      <c r="BQ947" s="1106"/>
      <c r="BR947" s="1106"/>
      <c r="BS947" s="1106"/>
      <c r="BT947" s="1106"/>
      <c r="BU947" s="1106"/>
      <c r="BV947" s="1106"/>
      <c r="BW947" s="1106"/>
      <c r="BX947" s="1106"/>
      <c r="BY947" s="1106"/>
      <c r="BZ947" s="1106"/>
      <c r="CA947" s="1106"/>
    </row>
    <row r="948" spans="3:79" ht="9" customHeight="1" x14ac:dyDescent="0.2">
      <c r="C948" s="1106"/>
      <c r="D948" s="1106"/>
      <c r="E948" s="1106"/>
      <c r="F948" s="1106"/>
      <c r="G948" s="1106"/>
      <c r="H948" s="1106"/>
      <c r="I948" s="1106"/>
      <c r="J948" s="1106"/>
      <c r="K948" s="1106"/>
      <c r="L948" s="1106"/>
      <c r="M948" s="1106"/>
      <c r="N948" s="1106"/>
      <c r="O948" s="1106"/>
      <c r="U948" s="1106"/>
      <c r="AB948" s="1106"/>
      <c r="AC948" s="1106"/>
      <c r="AD948" s="1106"/>
      <c r="AE948" s="1106"/>
      <c r="AF948" s="1106"/>
      <c r="AG948" s="1106"/>
      <c r="AH948" s="1106"/>
      <c r="AL948" s="1106"/>
      <c r="AT948" s="1106"/>
      <c r="AU948" s="1106"/>
      <c r="AV948" s="1106"/>
      <c r="AW948" s="1106"/>
      <c r="AX948" s="1106"/>
      <c r="AY948" s="1106"/>
      <c r="AZ948" s="1106"/>
      <c r="BA948" s="1106"/>
      <c r="BB948" s="1106"/>
      <c r="BC948" s="1106"/>
      <c r="BD948" s="1106"/>
      <c r="BE948" s="1106"/>
      <c r="BF948" s="1106"/>
      <c r="BG948" s="1106"/>
      <c r="BH948" s="1106"/>
      <c r="BI948" s="1106"/>
      <c r="BJ948" s="1106"/>
      <c r="BK948" s="1106"/>
      <c r="BL948" s="1106"/>
      <c r="BM948" s="1106"/>
      <c r="BN948" s="1106"/>
      <c r="BO948" s="1106"/>
      <c r="BP948" s="1106"/>
      <c r="BQ948" s="1106"/>
      <c r="BR948" s="1106"/>
      <c r="BS948" s="1106"/>
      <c r="BT948" s="1106"/>
      <c r="BU948" s="1106"/>
      <c r="BV948" s="1106"/>
      <c r="BW948" s="1106"/>
      <c r="BX948" s="1106"/>
      <c r="BY948" s="1106"/>
      <c r="BZ948" s="1106"/>
      <c r="CA948" s="1106"/>
    </row>
    <row r="949" spans="3:79" ht="9" customHeight="1" x14ac:dyDescent="0.2">
      <c r="C949" s="1106"/>
      <c r="D949" s="1106"/>
      <c r="E949" s="1106"/>
      <c r="F949" s="1106"/>
      <c r="G949" s="1106"/>
      <c r="H949" s="1106"/>
      <c r="I949" s="1106"/>
      <c r="J949" s="1106"/>
      <c r="K949" s="1106"/>
      <c r="L949" s="1106"/>
      <c r="M949" s="1106"/>
      <c r="N949" s="1106"/>
      <c r="O949" s="1106"/>
      <c r="AB949" s="1106"/>
      <c r="AC949" s="1106"/>
      <c r="AD949" s="1106"/>
      <c r="AE949" s="1106"/>
      <c r="AF949" s="1106"/>
      <c r="AG949" s="1106"/>
      <c r="AH949" s="1106"/>
      <c r="AL949" s="1106"/>
      <c r="AZ949" s="1106"/>
      <c r="BA949" s="1106"/>
      <c r="BB949" s="1106"/>
      <c r="BC949" s="1106"/>
      <c r="BD949" s="1106"/>
      <c r="BE949" s="1106"/>
      <c r="BF949" s="1106"/>
      <c r="BG949" s="1106"/>
      <c r="BH949" s="1106"/>
      <c r="BI949" s="1106"/>
      <c r="BJ949" s="1106"/>
      <c r="BK949" s="1106"/>
      <c r="BL949" s="1106"/>
      <c r="BM949" s="1106"/>
      <c r="BN949" s="1106"/>
      <c r="BO949" s="1106"/>
      <c r="BP949" s="1106"/>
      <c r="BQ949" s="1106"/>
      <c r="BR949" s="1106"/>
      <c r="BS949" s="1106"/>
      <c r="BT949" s="1106"/>
      <c r="BU949" s="1106"/>
      <c r="BV949" s="1106"/>
      <c r="BW949" s="1106"/>
      <c r="BX949" s="1106"/>
      <c r="BY949" s="1106"/>
      <c r="BZ949" s="1106"/>
      <c r="CA949" s="1106"/>
    </row>
    <row r="950" spans="3:79" ht="9" customHeight="1" x14ac:dyDescent="0.2">
      <c r="C950" s="1106"/>
      <c r="D950" s="1106"/>
      <c r="E950" s="1106"/>
      <c r="F950" s="1106"/>
      <c r="G950" s="1106"/>
      <c r="H950" s="1106"/>
      <c r="I950" s="1106"/>
      <c r="J950" s="1106"/>
      <c r="K950" s="1106"/>
      <c r="L950" s="1106"/>
      <c r="M950" s="1106"/>
      <c r="N950" s="1106"/>
      <c r="O950" s="1106"/>
      <c r="AB950" s="1106"/>
      <c r="AC950" s="1106"/>
      <c r="AD950" s="1106"/>
      <c r="AE950" s="1106"/>
      <c r="AF950" s="1106"/>
      <c r="AG950" s="1106"/>
      <c r="AH950" s="1106"/>
      <c r="AL950" s="1106"/>
      <c r="AZ950" s="1106"/>
      <c r="BA950" s="1106"/>
      <c r="BB950" s="1106"/>
      <c r="BC950" s="1106"/>
      <c r="BD950" s="1106"/>
      <c r="BE950" s="1106"/>
      <c r="BF950" s="1106"/>
      <c r="BG950" s="1106"/>
      <c r="BH950" s="1106"/>
      <c r="BI950" s="1106"/>
      <c r="BJ950" s="1106"/>
      <c r="BK950" s="1106"/>
      <c r="BL950" s="1106"/>
      <c r="BM950" s="1106"/>
      <c r="BN950" s="1106"/>
      <c r="BO950" s="1106"/>
      <c r="BP950" s="1106"/>
      <c r="BQ950" s="1106"/>
      <c r="BR950" s="1106"/>
      <c r="BS950" s="1106"/>
      <c r="BT950" s="1106"/>
      <c r="BU950" s="1106"/>
      <c r="BV950" s="1106"/>
      <c r="BW950" s="1106"/>
      <c r="BX950" s="1106"/>
      <c r="BY950" s="1106"/>
      <c r="BZ950" s="1106"/>
      <c r="CA950" s="1106"/>
    </row>
    <row r="951" spans="3:79" ht="9" customHeight="1" x14ac:dyDescent="0.2">
      <c r="C951" s="1106"/>
      <c r="D951" s="1106"/>
      <c r="E951" s="1106"/>
      <c r="F951" s="1106"/>
      <c r="G951" s="1106"/>
      <c r="H951" s="1106"/>
      <c r="I951" s="1106"/>
      <c r="J951" s="1106"/>
      <c r="K951" s="1106"/>
      <c r="L951" s="1106"/>
      <c r="M951" s="1106"/>
      <c r="N951" s="1106"/>
      <c r="O951" s="1106"/>
      <c r="AB951" s="1106"/>
      <c r="AC951" s="1106"/>
      <c r="AD951" s="1106"/>
      <c r="AE951" s="1106"/>
      <c r="AF951" s="1106"/>
      <c r="AG951" s="1106"/>
      <c r="AH951" s="1106"/>
      <c r="AL951" s="1106"/>
      <c r="AZ951" s="1106"/>
      <c r="BA951" s="1106"/>
      <c r="BB951" s="1106"/>
      <c r="BC951" s="1106"/>
      <c r="BD951" s="1106"/>
      <c r="BE951" s="1106"/>
      <c r="BF951" s="1106"/>
      <c r="BG951" s="1106"/>
      <c r="BH951" s="1106"/>
      <c r="BI951" s="1106"/>
      <c r="BJ951" s="1106"/>
      <c r="BK951" s="1106"/>
      <c r="BL951" s="1106"/>
      <c r="BM951" s="1106"/>
      <c r="BN951" s="1106"/>
      <c r="BO951" s="1106"/>
      <c r="BP951" s="1106"/>
      <c r="BQ951" s="1106"/>
      <c r="BR951" s="1106"/>
      <c r="BS951" s="1106"/>
      <c r="BT951" s="1106"/>
      <c r="BU951" s="1106"/>
      <c r="BV951" s="1106"/>
      <c r="BW951" s="1106"/>
      <c r="BX951" s="1106"/>
      <c r="BY951" s="1106"/>
      <c r="BZ951" s="1106"/>
      <c r="CA951" s="1106"/>
    </row>
    <row r="952" spans="3:79" ht="9" customHeight="1" x14ac:dyDescent="0.2">
      <c r="C952" s="1106"/>
      <c r="D952" s="1106"/>
      <c r="E952" s="1106"/>
      <c r="F952" s="1106"/>
      <c r="G952" s="1106"/>
      <c r="H952" s="1106"/>
      <c r="I952" s="1106"/>
      <c r="J952" s="1106"/>
      <c r="K952" s="1106"/>
      <c r="L952" s="1106"/>
      <c r="M952" s="1106"/>
      <c r="N952" s="1106"/>
      <c r="O952" s="1106"/>
      <c r="U952" s="1106"/>
      <c r="AB952" s="1106"/>
      <c r="AC952" s="1106"/>
      <c r="AD952" s="1106"/>
      <c r="AE952" s="1106"/>
      <c r="AF952" s="1106"/>
      <c r="AG952" s="1106"/>
      <c r="AH952" s="1106"/>
      <c r="AL952" s="1106"/>
      <c r="AT952" s="1106"/>
      <c r="AU952" s="1106"/>
      <c r="AV952" s="1106"/>
      <c r="AW952" s="1106"/>
      <c r="AX952" s="1106"/>
      <c r="AY952" s="1106"/>
      <c r="AZ952" s="1106"/>
      <c r="BA952" s="1106"/>
      <c r="BB952" s="1106"/>
      <c r="BC952" s="1106"/>
      <c r="BD952" s="1106"/>
      <c r="BE952" s="1106"/>
      <c r="BF952" s="1106"/>
      <c r="BG952" s="1106"/>
      <c r="BH952" s="1106"/>
      <c r="BI952" s="1106"/>
      <c r="BJ952" s="1106"/>
      <c r="BK952" s="1106"/>
      <c r="BL952" s="1106"/>
      <c r="BM952" s="1106"/>
      <c r="BN952" s="1106"/>
      <c r="BO952" s="1106"/>
      <c r="BP952" s="1106"/>
      <c r="BQ952" s="1106"/>
      <c r="BR952" s="1106"/>
      <c r="BS952" s="1106"/>
      <c r="BT952" s="1106"/>
      <c r="BU952" s="1106"/>
      <c r="BV952" s="1106"/>
      <c r="BW952" s="1106"/>
      <c r="BX952" s="1106"/>
      <c r="BY952" s="1106"/>
      <c r="BZ952" s="1106"/>
      <c r="CA952" s="1106"/>
    </row>
    <row r="953" spans="3:79" ht="9" customHeight="1" x14ac:dyDescent="0.2">
      <c r="C953" s="1106"/>
      <c r="D953" s="1106"/>
      <c r="E953" s="1106"/>
      <c r="F953" s="1106"/>
      <c r="G953" s="1106"/>
      <c r="H953" s="1106"/>
      <c r="I953" s="1106"/>
      <c r="J953" s="1106"/>
      <c r="K953" s="1106"/>
      <c r="L953" s="1106"/>
      <c r="M953" s="1106"/>
      <c r="N953" s="1106"/>
      <c r="O953" s="1106"/>
      <c r="U953" s="1106"/>
      <c r="AB953" s="1106"/>
      <c r="AC953" s="1106"/>
      <c r="AD953" s="1106"/>
      <c r="AE953" s="1106"/>
      <c r="AF953" s="1106"/>
      <c r="AG953" s="1106"/>
      <c r="AH953" s="1106"/>
      <c r="AL953" s="1106"/>
      <c r="AO953" s="1106"/>
      <c r="AP953" s="1106"/>
      <c r="AT953" s="1106"/>
      <c r="AU953" s="1106"/>
      <c r="AV953" s="1106"/>
      <c r="AW953" s="1106"/>
      <c r="AX953" s="1106"/>
      <c r="AY953" s="1106"/>
      <c r="AZ953" s="1106"/>
      <c r="BA953" s="1106"/>
      <c r="BB953" s="1106"/>
      <c r="BC953" s="1106"/>
      <c r="BD953" s="1106"/>
      <c r="BE953" s="1106"/>
      <c r="BF953" s="1106"/>
      <c r="BG953" s="1106"/>
      <c r="BH953" s="1106"/>
      <c r="BI953" s="1106"/>
      <c r="BJ953" s="1106"/>
      <c r="BK953" s="1106"/>
      <c r="BL953" s="1106"/>
      <c r="BM953" s="1106"/>
      <c r="BN953" s="1106"/>
      <c r="BO953" s="1106"/>
      <c r="BP953" s="1106"/>
      <c r="BQ953" s="1106"/>
      <c r="BR953" s="1106"/>
      <c r="BS953" s="1106"/>
      <c r="BT953" s="1106"/>
      <c r="BU953" s="1106"/>
      <c r="BV953" s="1106"/>
      <c r="BW953" s="1106"/>
      <c r="BX953" s="1106"/>
      <c r="BY953" s="1106"/>
      <c r="BZ953" s="1106"/>
      <c r="CA953" s="1106"/>
    </row>
    <row r="954" spans="3:79" ht="9" customHeight="1" x14ac:dyDescent="0.2">
      <c r="C954" s="1106"/>
      <c r="D954" s="1106"/>
      <c r="E954" s="1106"/>
      <c r="F954" s="1106"/>
      <c r="G954" s="1106"/>
      <c r="H954" s="1106"/>
      <c r="I954" s="1106"/>
      <c r="J954" s="1106"/>
      <c r="K954" s="1106"/>
      <c r="L954" s="1106"/>
      <c r="M954" s="1106"/>
      <c r="N954" s="1106"/>
      <c r="O954" s="1106"/>
      <c r="U954" s="1106"/>
      <c r="AB954" s="1106"/>
      <c r="AC954" s="1106"/>
      <c r="AD954" s="1106"/>
      <c r="AE954" s="1106"/>
      <c r="AF954" s="1106"/>
      <c r="AG954" s="1106"/>
      <c r="AH954" s="1106"/>
      <c r="AL954" s="1106"/>
      <c r="AT954" s="1106"/>
      <c r="AU954" s="1106"/>
      <c r="AV954" s="1106"/>
      <c r="AW954" s="1106"/>
      <c r="AX954" s="1106"/>
      <c r="AY954" s="1106"/>
      <c r="AZ954" s="1106"/>
      <c r="BA954" s="1106"/>
      <c r="BB954" s="1106"/>
      <c r="BC954" s="1106"/>
      <c r="BD954" s="1106"/>
      <c r="BE954" s="1106"/>
      <c r="BF954" s="1106"/>
      <c r="BG954" s="1106"/>
      <c r="BH954" s="1106"/>
      <c r="BI954" s="1106"/>
      <c r="BJ954" s="1106"/>
      <c r="BK954" s="1106"/>
      <c r="BL954" s="1106"/>
      <c r="BM954" s="1106"/>
      <c r="BN954" s="1106"/>
      <c r="BO954" s="1106"/>
      <c r="BP954" s="1106"/>
      <c r="BQ954" s="1106"/>
      <c r="BR954" s="1106"/>
      <c r="BS954" s="1106"/>
      <c r="BT954" s="1106"/>
      <c r="BU954" s="1106"/>
      <c r="BV954" s="1106"/>
      <c r="BW954" s="1106"/>
      <c r="BX954" s="1106"/>
      <c r="BY954" s="1106"/>
      <c r="BZ954" s="1106"/>
      <c r="CA954" s="1106"/>
    </row>
    <row r="955" spans="3:79" ht="9" customHeight="1" x14ac:dyDescent="0.2">
      <c r="C955" s="1106"/>
      <c r="D955" s="1106"/>
      <c r="E955" s="1106"/>
      <c r="F955" s="1106"/>
      <c r="G955" s="1106"/>
      <c r="H955" s="1106"/>
      <c r="I955" s="1106"/>
      <c r="J955" s="1106"/>
      <c r="K955" s="1106"/>
      <c r="L955" s="1106"/>
      <c r="M955" s="1106"/>
      <c r="N955" s="1106"/>
      <c r="O955" s="1106"/>
      <c r="AB955" s="1106"/>
      <c r="AC955" s="1106"/>
      <c r="AD955" s="1106"/>
      <c r="AE955" s="1106"/>
      <c r="AF955" s="1106"/>
      <c r="AG955" s="1106"/>
      <c r="AH955" s="1106"/>
      <c r="AL955" s="1106"/>
      <c r="AZ955" s="1106"/>
      <c r="BA955" s="1106"/>
      <c r="BB955" s="1106"/>
      <c r="BC955" s="1106"/>
      <c r="BD955" s="1106"/>
      <c r="BE955" s="1106"/>
      <c r="BF955" s="1106"/>
      <c r="BG955" s="1106"/>
      <c r="BH955" s="1106"/>
      <c r="BI955" s="1106"/>
      <c r="BJ955" s="1106"/>
      <c r="BK955" s="1106"/>
      <c r="BL955" s="1106"/>
      <c r="BM955" s="1106"/>
      <c r="BN955" s="1106"/>
      <c r="BO955" s="1106"/>
      <c r="BP955" s="1106"/>
      <c r="BQ955" s="1106"/>
      <c r="BR955" s="1106"/>
      <c r="BS955" s="1106"/>
      <c r="BT955" s="1106"/>
      <c r="BU955" s="1106"/>
      <c r="BV955" s="1106"/>
      <c r="BW955" s="1106"/>
      <c r="BX955" s="1106"/>
      <c r="BY955" s="1106"/>
      <c r="BZ955" s="1106"/>
      <c r="CA955" s="1106"/>
    </row>
    <row r="956" spans="3:79" ht="9" customHeight="1" x14ac:dyDescent="0.2">
      <c r="C956" s="1106"/>
      <c r="D956" s="1106"/>
      <c r="E956" s="1106"/>
      <c r="F956" s="1106"/>
      <c r="G956" s="1106"/>
      <c r="H956" s="1106"/>
      <c r="I956" s="1106"/>
      <c r="J956" s="1106"/>
      <c r="K956" s="1106"/>
      <c r="L956" s="1106"/>
      <c r="M956" s="1106"/>
      <c r="N956" s="1106"/>
      <c r="O956" s="1106"/>
      <c r="AB956" s="1106"/>
      <c r="AC956" s="1106"/>
      <c r="AD956" s="1106"/>
      <c r="AE956" s="1106"/>
      <c r="AF956" s="1106"/>
      <c r="AG956" s="1106"/>
      <c r="AH956" s="1106"/>
      <c r="AL956" s="1106"/>
      <c r="AZ956" s="1106"/>
      <c r="BA956" s="1106"/>
      <c r="BB956" s="1106"/>
      <c r="BC956" s="1106"/>
      <c r="BD956" s="1106"/>
      <c r="BE956" s="1106"/>
      <c r="BF956" s="1106"/>
      <c r="BG956" s="1106"/>
      <c r="BH956" s="1106"/>
      <c r="BI956" s="1106"/>
      <c r="BJ956" s="1106"/>
      <c r="BK956" s="1106"/>
      <c r="BL956" s="1106"/>
      <c r="BM956" s="1106"/>
      <c r="BN956" s="1106"/>
      <c r="BO956" s="1106"/>
      <c r="BP956" s="1106"/>
      <c r="BQ956" s="1106"/>
      <c r="BR956" s="1106"/>
      <c r="BS956" s="1106"/>
      <c r="BT956" s="1106"/>
      <c r="BU956" s="1106"/>
      <c r="BV956" s="1106"/>
      <c r="BW956" s="1106"/>
      <c r="BX956" s="1106"/>
      <c r="BY956" s="1106"/>
      <c r="BZ956" s="1106"/>
      <c r="CA956" s="1106"/>
    </row>
    <row r="957" spans="3:79" ht="9" customHeight="1" x14ac:dyDescent="0.2">
      <c r="C957" s="1106"/>
      <c r="D957" s="1106"/>
      <c r="E957" s="1106"/>
      <c r="F957" s="1106"/>
      <c r="G957" s="1106"/>
      <c r="H957" s="1106"/>
      <c r="I957" s="1106"/>
      <c r="J957" s="1106"/>
      <c r="K957" s="1106"/>
      <c r="L957" s="1106"/>
      <c r="M957" s="1106"/>
      <c r="N957" s="1106"/>
      <c r="O957" s="1106"/>
      <c r="AB957" s="1106"/>
      <c r="AC957" s="1106"/>
      <c r="AD957" s="1106"/>
      <c r="AE957" s="1106"/>
      <c r="AF957" s="1106"/>
      <c r="AG957" s="1106"/>
      <c r="AH957" s="1106"/>
      <c r="AL957" s="1106"/>
      <c r="AZ957" s="1106"/>
      <c r="BA957" s="1106"/>
      <c r="BB957" s="1106"/>
      <c r="BC957" s="1106"/>
      <c r="BD957" s="1106"/>
      <c r="BE957" s="1106"/>
      <c r="BF957" s="1106"/>
      <c r="BG957" s="1106"/>
      <c r="BH957" s="1106"/>
      <c r="BI957" s="1106"/>
      <c r="BJ957" s="1106"/>
      <c r="BK957" s="1106"/>
      <c r="BL957" s="1106"/>
      <c r="BM957" s="1106"/>
      <c r="BN957" s="1106"/>
      <c r="BO957" s="1106"/>
      <c r="BP957" s="1106"/>
      <c r="BQ957" s="1106"/>
      <c r="BR957" s="1106"/>
      <c r="BS957" s="1106"/>
      <c r="BT957" s="1106"/>
      <c r="BU957" s="1106"/>
      <c r="BV957" s="1106"/>
      <c r="BW957" s="1106"/>
      <c r="BX957" s="1106"/>
      <c r="BY957" s="1106"/>
      <c r="BZ957" s="1106"/>
      <c r="CA957" s="1106"/>
    </row>
    <row r="958" spans="3:79" ht="9" customHeight="1" x14ac:dyDescent="0.2">
      <c r="C958" s="1106"/>
      <c r="D958" s="1106"/>
      <c r="E958" s="1106"/>
      <c r="F958" s="1106"/>
      <c r="G958" s="1106"/>
      <c r="H958" s="1106"/>
      <c r="I958" s="1106"/>
      <c r="J958" s="1106"/>
      <c r="K958" s="1106"/>
      <c r="L958" s="1106"/>
      <c r="M958" s="1106"/>
      <c r="N958" s="1106"/>
      <c r="O958" s="1106"/>
      <c r="U958" s="1106"/>
      <c r="AB958" s="1106"/>
      <c r="AC958" s="1106"/>
      <c r="AD958" s="1106"/>
      <c r="AE958" s="1106"/>
      <c r="AF958" s="1106"/>
      <c r="AG958" s="1106"/>
      <c r="AH958" s="1106"/>
      <c r="AL958" s="1106"/>
      <c r="AT958" s="1106"/>
      <c r="AU958" s="1106"/>
      <c r="AV958" s="1106"/>
      <c r="AW958" s="1106"/>
      <c r="AX958" s="1106"/>
      <c r="AY958" s="1106"/>
      <c r="AZ958" s="1106"/>
      <c r="BA958" s="1106"/>
      <c r="BB958" s="1106"/>
      <c r="BC958" s="1106"/>
      <c r="BD958" s="1106"/>
      <c r="BE958" s="1106"/>
      <c r="BF958" s="1106"/>
      <c r="BG958" s="1106"/>
      <c r="BH958" s="1106"/>
      <c r="BI958" s="1106"/>
      <c r="BJ958" s="1106"/>
      <c r="BK958" s="1106"/>
      <c r="BL958" s="1106"/>
      <c r="BM958" s="1106"/>
      <c r="BN958" s="1106"/>
      <c r="BO958" s="1106"/>
      <c r="BP958" s="1106"/>
      <c r="BQ958" s="1106"/>
      <c r="BR958" s="1106"/>
      <c r="BS958" s="1106"/>
      <c r="BT958" s="1106"/>
      <c r="BU958" s="1106"/>
      <c r="BV958" s="1106"/>
      <c r="BW958" s="1106"/>
      <c r="BX958" s="1106"/>
      <c r="BY958" s="1106"/>
      <c r="BZ958" s="1106"/>
      <c r="CA958" s="1106"/>
    </row>
    <row r="959" spans="3:79" ht="9" customHeight="1" x14ac:dyDescent="0.2">
      <c r="C959" s="1106"/>
      <c r="D959" s="1106"/>
      <c r="E959" s="1106"/>
      <c r="F959" s="1106"/>
      <c r="G959" s="1106"/>
      <c r="H959" s="1106"/>
      <c r="I959" s="1106"/>
      <c r="J959" s="1106"/>
      <c r="K959" s="1106"/>
      <c r="L959" s="1106"/>
      <c r="M959" s="1106"/>
      <c r="N959" s="1106"/>
      <c r="O959" s="1106"/>
      <c r="U959" s="1106"/>
      <c r="AB959" s="1106"/>
      <c r="AC959" s="1106"/>
      <c r="AD959" s="1106"/>
      <c r="AE959" s="1106"/>
      <c r="AF959" s="1106"/>
      <c r="AG959" s="1106"/>
      <c r="AH959" s="1106"/>
      <c r="AL959" s="1106"/>
      <c r="AO959" s="1106"/>
      <c r="AP959" s="1106"/>
      <c r="AT959" s="1106"/>
      <c r="AU959" s="1106"/>
      <c r="AV959" s="1106"/>
      <c r="AW959" s="1106"/>
      <c r="AX959" s="1106"/>
      <c r="AY959" s="1106"/>
      <c r="AZ959" s="1106"/>
      <c r="BA959" s="1106"/>
      <c r="BB959" s="1106"/>
      <c r="BC959" s="1106"/>
      <c r="BD959" s="1106"/>
      <c r="BE959" s="1106"/>
      <c r="BF959" s="1106"/>
      <c r="BG959" s="1106"/>
      <c r="BH959" s="1106"/>
      <c r="BI959" s="1106"/>
      <c r="BJ959" s="1106"/>
      <c r="BK959" s="1106"/>
      <c r="BL959" s="1106"/>
      <c r="BM959" s="1106"/>
      <c r="BN959" s="1106"/>
      <c r="BO959" s="1106"/>
      <c r="BP959" s="1106"/>
      <c r="BQ959" s="1106"/>
      <c r="BR959" s="1106"/>
      <c r="BS959" s="1106"/>
      <c r="BT959" s="1106"/>
      <c r="BU959" s="1106"/>
      <c r="BV959" s="1106"/>
      <c r="BW959" s="1106"/>
      <c r="BX959" s="1106"/>
      <c r="BY959" s="1106"/>
      <c r="BZ959" s="1106"/>
      <c r="CA959" s="1106"/>
    </row>
    <row r="960" spans="3:79" ht="9" customHeight="1" x14ac:dyDescent="0.2">
      <c r="C960" s="1106"/>
      <c r="D960" s="1106"/>
      <c r="E960" s="1106"/>
      <c r="F960" s="1106"/>
      <c r="G960" s="1106"/>
      <c r="H960" s="1106"/>
      <c r="I960" s="1106"/>
      <c r="J960" s="1106"/>
      <c r="K960" s="1106"/>
      <c r="L960" s="1106"/>
      <c r="M960" s="1106"/>
      <c r="N960" s="1106"/>
      <c r="O960" s="1106"/>
      <c r="U960" s="1106"/>
      <c r="AB960" s="1106"/>
      <c r="AC960" s="1106"/>
      <c r="AD960" s="1106"/>
      <c r="AE960" s="1106"/>
      <c r="AF960" s="1106"/>
      <c r="AG960" s="1106"/>
      <c r="AH960" s="1106"/>
      <c r="AL960" s="1106"/>
      <c r="AT960" s="1106"/>
      <c r="AU960" s="1106"/>
      <c r="AV960" s="1106"/>
      <c r="AW960" s="1106"/>
      <c r="AX960" s="1106"/>
      <c r="AY960" s="1106"/>
      <c r="AZ960" s="1106"/>
      <c r="BA960" s="1106"/>
      <c r="BB960" s="1106"/>
      <c r="BC960" s="1106"/>
      <c r="BD960" s="1106"/>
      <c r="BE960" s="1106"/>
      <c r="BF960" s="1106"/>
      <c r="BG960" s="1106"/>
      <c r="BH960" s="1106"/>
      <c r="BI960" s="1106"/>
      <c r="BJ960" s="1106"/>
      <c r="BK960" s="1106"/>
      <c r="BL960" s="1106"/>
      <c r="BM960" s="1106"/>
      <c r="BN960" s="1106"/>
      <c r="BO960" s="1106"/>
      <c r="BP960" s="1106"/>
      <c r="BQ960" s="1106"/>
      <c r="BR960" s="1106"/>
      <c r="BS960" s="1106"/>
      <c r="BT960" s="1106"/>
      <c r="BU960" s="1106"/>
      <c r="BV960" s="1106"/>
      <c r="BW960" s="1106"/>
      <c r="BX960" s="1106"/>
      <c r="BY960" s="1106"/>
      <c r="BZ960" s="1106"/>
      <c r="CA960" s="1106"/>
    </row>
    <row r="961" spans="3:79" ht="9" customHeight="1" x14ac:dyDescent="0.2">
      <c r="C961" s="1106"/>
      <c r="D961" s="1106"/>
      <c r="E961" s="1106"/>
      <c r="F961" s="1106"/>
      <c r="G961" s="1106"/>
      <c r="H961" s="1106"/>
      <c r="I961" s="1106"/>
      <c r="J961" s="1106"/>
      <c r="K961" s="1106"/>
      <c r="L961" s="1106"/>
      <c r="M961" s="1106"/>
      <c r="N961" s="1106"/>
      <c r="O961" s="1106"/>
      <c r="AB961" s="1106"/>
      <c r="AC961" s="1106"/>
      <c r="AD961" s="1106"/>
      <c r="AE961" s="1106"/>
      <c r="AF961" s="1106"/>
      <c r="AG961" s="1106"/>
      <c r="AH961" s="1106"/>
      <c r="AL961" s="1106"/>
      <c r="AZ961" s="1106"/>
      <c r="BA961" s="1106"/>
      <c r="BB961" s="1106"/>
      <c r="BC961" s="1106"/>
      <c r="BD961" s="1106"/>
      <c r="BE961" s="1106"/>
      <c r="BF961" s="1106"/>
      <c r="BG961" s="1106"/>
      <c r="BH961" s="1106"/>
      <c r="BI961" s="1106"/>
      <c r="BJ961" s="1106"/>
      <c r="BK961" s="1106"/>
      <c r="BL961" s="1106"/>
      <c r="BM961" s="1106"/>
      <c r="BN961" s="1106"/>
      <c r="BO961" s="1106"/>
      <c r="BP961" s="1106"/>
      <c r="BQ961" s="1106"/>
      <c r="BR961" s="1106"/>
      <c r="BS961" s="1106"/>
      <c r="BT961" s="1106"/>
      <c r="BU961" s="1106"/>
      <c r="BV961" s="1106"/>
      <c r="BW961" s="1106"/>
      <c r="BX961" s="1106"/>
      <c r="BY961" s="1106"/>
      <c r="BZ961" s="1106"/>
      <c r="CA961" s="1106"/>
    </row>
    <row r="962" spans="3:79" ht="9" customHeight="1" x14ac:dyDescent="0.2">
      <c r="C962" s="1106"/>
      <c r="D962" s="1106"/>
      <c r="E962" s="1106"/>
      <c r="F962" s="1106"/>
      <c r="G962" s="1106"/>
      <c r="H962" s="1106"/>
      <c r="I962" s="1106"/>
      <c r="J962" s="1106"/>
      <c r="K962" s="1106"/>
      <c r="L962" s="1106"/>
      <c r="M962" s="1106"/>
      <c r="N962" s="1106"/>
      <c r="O962" s="1106"/>
      <c r="AB962" s="1106"/>
      <c r="AC962" s="1106"/>
      <c r="AD962" s="1106"/>
      <c r="AE962" s="1106"/>
      <c r="AF962" s="1106"/>
      <c r="AG962" s="1106"/>
      <c r="AH962" s="1106"/>
      <c r="AL962" s="1106"/>
      <c r="AZ962" s="1106"/>
      <c r="BA962" s="1106"/>
      <c r="BB962" s="1106"/>
      <c r="BC962" s="1106"/>
      <c r="BD962" s="1106"/>
      <c r="BE962" s="1106"/>
      <c r="BF962" s="1106"/>
      <c r="BG962" s="1106"/>
      <c r="BH962" s="1106"/>
      <c r="BI962" s="1106"/>
      <c r="BJ962" s="1106"/>
      <c r="BK962" s="1106"/>
      <c r="BL962" s="1106"/>
      <c r="BM962" s="1106"/>
      <c r="BN962" s="1106"/>
      <c r="BO962" s="1106"/>
      <c r="BP962" s="1106"/>
      <c r="BQ962" s="1106"/>
      <c r="BR962" s="1106"/>
      <c r="BS962" s="1106"/>
      <c r="BT962" s="1106"/>
      <c r="BU962" s="1106"/>
      <c r="BV962" s="1106"/>
      <c r="BW962" s="1106"/>
      <c r="BX962" s="1106"/>
      <c r="BY962" s="1106"/>
      <c r="BZ962" s="1106"/>
      <c r="CA962" s="1106"/>
    </row>
    <row r="963" spans="3:79" ht="9" customHeight="1" x14ac:dyDescent="0.2">
      <c r="C963" s="1106"/>
      <c r="D963" s="1106"/>
      <c r="E963" s="1106"/>
      <c r="F963" s="1106"/>
      <c r="G963" s="1106"/>
      <c r="H963" s="1106"/>
      <c r="I963" s="1106"/>
      <c r="J963" s="1106"/>
      <c r="K963" s="1106"/>
      <c r="L963" s="1106"/>
      <c r="M963" s="1106"/>
      <c r="N963" s="1106"/>
      <c r="O963" s="1106"/>
      <c r="AB963" s="1106"/>
      <c r="AC963" s="1106"/>
      <c r="AD963" s="1106"/>
      <c r="AE963" s="1106"/>
      <c r="AF963" s="1106"/>
      <c r="AG963" s="1106"/>
      <c r="AH963" s="1106"/>
      <c r="AL963" s="1106"/>
      <c r="AZ963" s="1106"/>
      <c r="BA963" s="1106"/>
      <c r="BB963" s="1106"/>
      <c r="BC963" s="1106"/>
      <c r="BD963" s="1106"/>
      <c r="BE963" s="1106"/>
      <c r="BF963" s="1106"/>
      <c r="BG963" s="1106"/>
      <c r="BH963" s="1106"/>
      <c r="BI963" s="1106"/>
      <c r="BJ963" s="1106"/>
      <c r="BK963" s="1106"/>
      <c r="BL963" s="1106"/>
      <c r="BM963" s="1106"/>
      <c r="BN963" s="1106"/>
      <c r="BO963" s="1106"/>
      <c r="BP963" s="1106"/>
      <c r="BQ963" s="1106"/>
      <c r="BR963" s="1106"/>
      <c r="BS963" s="1106"/>
      <c r="BT963" s="1106"/>
      <c r="BU963" s="1106"/>
      <c r="BV963" s="1106"/>
      <c r="BW963" s="1106"/>
      <c r="BX963" s="1106"/>
      <c r="BY963" s="1106"/>
      <c r="BZ963" s="1106"/>
      <c r="CA963" s="1106"/>
    </row>
    <row r="964" spans="3:79" ht="9" customHeight="1" x14ac:dyDescent="0.2">
      <c r="C964" s="1106"/>
      <c r="D964" s="1106"/>
      <c r="E964" s="1106"/>
      <c r="F964" s="1106"/>
      <c r="G964" s="1106"/>
      <c r="H964" s="1106"/>
      <c r="I964" s="1106"/>
      <c r="J964" s="1106"/>
      <c r="K964" s="1106"/>
      <c r="L964" s="1106"/>
      <c r="M964" s="1106"/>
      <c r="N964" s="1106"/>
      <c r="O964" s="1106"/>
      <c r="U964" s="1106"/>
      <c r="AB964" s="1106"/>
      <c r="AC964" s="1106"/>
      <c r="AD964" s="1106"/>
      <c r="AE964" s="1106"/>
      <c r="AF964" s="1106"/>
      <c r="AG964" s="1106"/>
      <c r="AH964" s="1106"/>
      <c r="AL964" s="1106"/>
      <c r="AT964" s="1106"/>
      <c r="AU964" s="1106"/>
      <c r="AV964" s="1106"/>
      <c r="AW964" s="1106"/>
      <c r="AX964" s="1106"/>
      <c r="AY964" s="1106"/>
      <c r="AZ964" s="1106"/>
      <c r="BA964" s="1106"/>
      <c r="BB964" s="1106"/>
      <c r="BC964" s="1106"/>
      <c r="BD964" s="1106"/>
      <c r="BE964" s="1106"/>
      <c r="BF964" s="1106"/>
      <c r="BG964" s="1106"/>
      <c r="BH964" s="1106"/>
      <c r="BI964" s="1106"/>
      <c r="BJ964" s="1106"/>
      <c r="BK964" s="1106"/>
      <c r="BL964" s="1106"/>
      <c r="BM964" s="1106"/>
      <c r="BN964" s="1106"/>
      <c r="BO964" s="1106"/>
      <c r="BP964" s="1106"/>
      <c r="BQ964" s="1106"/>
      <c r="BR964" s="1106"/>
      <c r="BS964" s="1106"/>
      <c r="BT964" s="1106"/>
      <c r="BU964" s="1106"/>
      <c r="BV964" s="1106"/>
      <c r="BW964" s="1106"/>
      <c r="BX964" s="1106"/>
      <c r="BY964" s="1106"/>
      <c r="BZ964" s="1106"/>
      <c r="CA964" s="1106"/>
    </row>
    <row r="965" spans="3:79" ht="9" customHeight="1" x14ac:dyDescent="0.2">
      <c r="C965" s="1106"/>
      <c r="D965" s="1106"/>
      <c r="E965" s="1106"/>
      <c r="F965" s="1106"/>
      <c r="G965" s="1106"/>
      <c r="H965" s="1106"/>
      <c r="I965" s="1106"/>
      <c r="J965" s="1106"/>
      <c r="K965" s="1106"/>
      <c r="L965" s="1106"/>
      <c r="M965" s="1106"/>
      <c r="N965" s="1106"/>
      <c r="O965" s="1106"/>
      <c r="U965" s="1106"/>
      <c r="AB965" s="1106"/>
      <c r="AC965" s="1106"/>
      <c r="AD965" s="1106"/>
      <c r="AE965" s="1106"/>
      <c r="AF965" s="1106"/>
      <c r="AG965" s="1106"/>
      <c r="AH965" s="1106"/>
      <c r="AL965" s="1106"/>
      <c r="AO965" s="1106"/>
      <c r="AP965" s="1106"/>
      <c r="AT965" s="1106"/>
      <c r="AU965" s="1106"/>
      <c r="AV965" s="1106"/>
      <c r="AW965" s="1106"/>
      <c r="AX965" s="1106"/>
      <c r="AY965" s="1106"/>
      <c r="AZ965" s="1106"/>
      <c r="BA965" s="1106"/>
      <c r="BB965" s="1106"/>
      <c r="BC965" s="1106"/>
      <c r="BD965" s="1106"/>
      <c r="BE965" s="1106"/>
      <c r="BF965" s="1106"/>
      <c r="BG965" s="1106"/>
      <c r="BH965" s="1106"/>
      <c r="BI965" s="1106"/>
      <c r="BJ965" s="1106"/>
      <c r="BK965" s="1106"/>
      <c r="BL965" s="1106"/>
      <c r="BM965" s="1106"/>
      <c r="BN965" s="1106"/>
      <c r="BO965" s="1106"/>
      <c r="BP965" s="1106"/>
      <c r="BQ965" s="1106"/>
      <c r="BR965" s="1106"/>
      <c r="BS965" s="1106"/>
      <c r="BT965" s="1106"/>
      <c r="BU965" s="1106"/>
      <c r="BV965" s="1106"/>
      <c r="BW965" s="1106"/>
      <c r="BX965" s="1106"/>
      <c r="BY965" s="1106"/>
      <c r="BZ965" s="1106"/>
      <c r="CA965" s="1106"/>
    </row>
    <row r="966" spans="3:79" ht="9" customHeight="1" x14ac:dyDescent="0.2">
      <c r="C966" s="1106"/>
      <c r="D966" s="1106"/>
      <c r="E966" s="1106"/>
      <c r="F966" s="1106"/>
      <c r="G966" s="1106"/>
      <c r="H966" s="1106"/>
      <c r="I966" s="1106"/>
      <c r="J966" s="1106"/>
      <c r="K966" s="1106"/>
      <c r="L966" s="1106"/>
      <c r="M966" s="1106"/>
      <c r="N966" s="1106"/>
      <c r="O966" s="1106"/>
      <c r="U966" s="1106"/>
      <c r="AB966" s="1106"/>
      <c r="AC966" s="1106"/>
      <c r="AD966" s="1106"/>
      <c r="AE966" s="1106"/>
      <c r="AF966" s="1106"/>
      <c r="AG966" s="1106"/>
      <c r="AH966" s="1106"/>
      <c r="AL966" s="1106"/>
      <c r="AT966" s="1106"/>
      <c r="AU966" s="1106"/>
      <c r="AV966" s="1106"/>
      <c r="AW966" s="1106"/>
      <c r="AX966" s="1106"/>
      <c r="AY966" s="1106"/>
      <c r="AZ966" s="1106"/>
      <c r="BA966" s="1106"/>
      <c r="BB966" s="1106"/>
      <c r="BC966" s="1106"/>
      <c r="BD966" s="1106"/>
      <c r="BE966" s="1106"/>
      <c r="BF966" s="1106"/>
      <c r="BG966" s="1106"/>
      <c r="BH966" s="1106"/>
      <c r="BI966" s="1106"/>
      <c r="BJ966" s="1106"/>
      <c r="BK966" s="1106"/>
      <c r="BL966" s="1106"/>
      <c r="BM966" s="1106"/>
      <c r="BN966" s="1106"/>
      <c r="BO966" s="1106"/>
      <c r="BP966" s="1106"/>
      <c r="BQ966" s="1106"/>
      <c r="BR966" s="1106"/>
      <c r="BS966" s="1106"/>
      <c r="BT966" s="1106"/>
      <c r="BU966" s="1106"/>
      <c r="BV966" s="1106"/>
      <c r="BW966" s="1106"/>
      <c r="BX966" s="1106"/>
      <c r="BY966" s="1106"/>
      <c r="BZ966" s="1106"/>
      <c r="CA966" s="1106"/>
    </row>
    <row r="967" spans="3:79" ht="9" customHeight="1" x14ac:dyDescent="0.2">
      <c r="C967" s="1106"/>
      <c r="D967" s="1106"/>
      <c r="E967" s="1106"/>
      <c r="F967" s="1106"/>
      <c r="G967" s="1106"/>
      <c r="H967" s="1106"/>
      <c r="I967" s="1106"/>
      <c r="J967" s="1106"/>
      <c r="K967" s="1106"/>
      <c r="L967" s="1106"/>
      <c r="M967" s="1106"/>
      <c r="N967" s="1106"/>
      <c r="O967" s="1106"/>
      <c r="AB967" s="1106"/>
      <c r="AC967" s="1106"/>
      <c r="AD967" s="1106"/>
      <c r="AE967" s="1106"/>
      <c r="AF967" s="1106"/>
      <c r="AG967" s="1106"/>
      <c r="AH967" s="1106"/>
      <c r="AL967" s="1106"/>
      <c r="AZ967" s="1106"/>
      <c r="BA967" s="1106"/>
      <c r="BB967" s="1106"/>
      <c r="BC967" s="1106"/>
      <c r="BD967" s="1106"/>
      <c r="BE967" s="1106"/>
      <c r="BF967" s="1106"/>
      <c r="BG967" s="1106"/>
      <c r="BH967" s="1106"/>
      <c r="BI967" s="1106"/>
      <c r="BJ967" s="1106"/>
      <c r="BK967" s="1106"/>
      <c r="BL967" s="1106"/>
      <c r="BM967" s="1106"/>
      <c r="BN967" s="1106"/>
      <c r="BO967" s="1106"/>
      <c r="BP967" s="1106"/>
      <c r="BQ967" s="1106"/>
      <c r="BR967" s="1106"/>
      <c r="BS967" s="1106"/>
      <c r="BT967" s="1106"/>
      <c r="BU967" s="1106"/>
      <c r="BV967" s="1106"/>
      <c r="BW967" s="1106"/>
      <c r="BX967" s="1106"/>
      <c r="BY967" s="1106"/>
      <c r="BZ967" s="1106"/>
      <c r="CA967" s="1106"/>
    </row>
    <row r="968" spans="3:79" ht="9" customHeight="1" x14ac:dyDescent="0.2">
      <c r="C968" s="1106"/>
      <c r="D968" s="1106"/>
      <c r="E968" s="1106"/>
      <c r="F968" s="1106"/>
      <c r="G968" s="1106"/>
      <c r="H968" s="1106"/>
      <c r="I968" s="1106"/>
      <c r="J968" s="1106"/>
      <c r="K968" s="1106"/>
      <c r="L968" s="1106"/>
      <c r="M968" s="1106"/>
      <c r="N968" s="1106"/>
      <c r="O968" s="1106"/>
      <c r="AB968" s="1106"/>
      <c r="AC968" s="1106"/>
      <c r="AD968" s="1106"/>
      <c r="AE968" s="1106"/>
      <c r="AF968" s="1106"/>
      <c r="AG968" s="1106"/>
      <c r="AH968" s="1106"/>
      <c r="AL968" s="1106"/>
      <c r="AZ968" s="1106"/>
      <c r="BA968" s="1106"/>
      <c r="BB968" s="1106"/>
      <c r="BC968" s="1106"/>
      <c r="BD968" s="1106"/>
      <c r="BE968" s="1106"/>
      <c r="BF968" s="1106"/>
      <c r="BG968" s="1106"/>
      <c r="BH968" s="1106"/>
      <c r="BI968" s="1106"/>
      <c r="BJ968" s="1106"/>
      <c r="BK968" s="1106"/>
      <c r="BL968" s="1106"/>
      <c r="BM968" s="1106"/>
      <c r="BN968" s="1106"/>
      <c r="BO968" s="1106"/>
      <c r="BP968" s="1106"/>
      <c r="BQ968" s="1106"/>
      <c r="BR968" s="1106"/>
      <c r="BS968" s="1106"/>
      <c r="BT968" s="1106"/>
      <c r="BU968" s="1106"/>
      <c r="BV968" s="1106"/>
      <c r="BW968" s="1106"/>
      <c r="BX968" s="1106"/>
      <c r="BY968" s="1106"/>
      <c r="BZ968" s="1106"/>
      <c r="CA968" s="1106"/>
    </row>
    <row r="969" spans="3:79" ht="9" customHeight="1" x14ac:dyDescent="0.2">
      <c r="C969" s="1106"/>
      <c r="D969" s="1106"/>
      <c r="E969" s="1106"/>
      <c r="F969" s="1106"/>
      <c r="G969" s="1106"/>
      <c r="H969" s="1106"/>
      <c r="I969" s="1106"/>
      <c r="J969" s="1106"/>
      <c r="K969" s="1106"/>
      <c r="L969" s="1106"/>
      <c r="M969" s="1106"/>
      <c r="N969" s="1106"/>
      <c r="O969" s="1106"/>
      <c r="AB969" s="1106"/>
      <c r="AC969" s="1106"/>
      <c r="AD969" s="1106"/>
      <c r="AE969" s="1106"/>
      <c r="AF969" s="1106"/>
      <c r="AG969" s="1106"/>
      <c r="AH969" s="1106"/>
      <c r="AL969" s="1106"/>
      <c r="AZ969" s="1106"/>
      <c r="BA969" s="1106"/>
      <c r="BB969" s="1106"/>
      <c r="BC969" s="1106"/>
      <c r="BD969" s="1106"/>
      <c r="BE969" s="1106"/>
      <c r="BF969" s="1106"/>
      <c r="BG969" s="1106"/>
      <c r="BH969" s="1106"/>
      <c r="BI969" s="1106"/>
      <c r="BJ969" s="1106"/>
      <c r="BK969" s="1106"/>
      <c r="BL969" s="1106"/>
      <c r="BM969" s="1106"/>
      <c r="BN969" s="1106"/>
      <c r="BO969" s="1106"/>
      <c r="BP969" s="1106"/>
      <c r="BQ969" s="1106"/>
      <c r="BR969" s="1106"/>
      <c r="BS969" s="1106"/>
      <c r="BT969" s="1106"/>
      <c r="BU969" s="1106"/>
      <c r="BV969" s="1106"/>
      <c r="BW969" s="1106"/>
      <c r="BX969" s="1106"/>
      <c r="BY969" s="1106"/>
      <c r="BZ969" s="1106"/>
      <c r="CA969" s="1106"/>
    </row>
    <row r="970" spans="3:79" ht="9" customHeight="1" x14ac:dyDescent="0.2">
      <c r="C970" s="1106"/>
      <c r="D970" s="1106"/>
      <c r="E970" s="1106"/>
      <c r="F970" s="1106"/>
      <c r="G970" s="1106"/>
      <c r="H970" s="1106"/>
      <c r="I970" s="1106"/>
      <c r="J970" s="1106"/>
      <c r="K970" s="1106"/>
      <c r="L970" s="1106"/>
      <c r="M970" s="1106"/>
      <c r="N970" s="1106"/>
      <c r="O970" s="1106"/>
      <c r="U970" s="1106"/>
      <c r="AB970" s="1106"/>
      <c r="AC970" s="1106"/>
      <c r="AD970" s="1106"/>
      <c r="AE970" s="1106"/>
      <c r="AF970" s="1106"/>
      <c r="AG970" s="1106"/>
      <c r="AH970" s="1106"/>
      <c r="AL970" s="1106"/>
      <c r="AT970" s="1106"/>
      <c r="AU970" s="1106"/>
      <c r="AV970" s="1106"/>
      <c r="AW970" s="1106"/>
      <c r="AX970" s="1106"/>
      <c r="AY970" s="1106"/>
      <c r="AZ970" s="1106"/>
      <c r="BA970" s="1106"/>
      <c r="BB970" s="1106"/>
      <c r="BC970" s="1106"/>
      <c r="BD970" s="1106"/>
      <c r="BE970" s="1106"/>
      <c r="BF970" s="1106"/>
      <c r="BG970" s="1106"/>
      <c r="BH970" s="1106"/>
      <c r="BI970" s="1106"/>
      <c r="BJ970" s="1106"/>
      <c r="BK970" s="1106"/>
      <c r="BL970" s="1106"/>
      <c r="BM970" s="1106"/>
      <c r="BN970" s="1106"/>
      <c r="BO970" s="1106"/>
      <c r="BP970" s="1106"/>
      <c r="BQ970" s="1106"/>
      <c r="BR970" s="1106"/>
      <c r="BS970" s="1106"/>
      <c r="BT970" s="1106"/>
      <c r="BU970" s="1106"/>
      <c r="BV970" s="1106"/>
      <c r="BW970" s="1106"/>
      <c r="BX970" s="1106"/>
      <c r="BY970" s="1106"/>
      <c r="BZ970" s="1106"/>
      <c r="CA970" s="1106"/>
    </row>
    <row r="971" spans="3:79" ht="9" customHeight="1" x14ac:dyDescent="0.2">
      <c r="C971" s="1106"/>
      <c r="D971" s="1106"/>
      <c r="E971" s="1106"/>
      <c r="F971" s="1106"/>
      <c r="G971" s="1106"/>
      <c r="H971" s="1106"/>
      <c r="I971" s="1106"/>
      <c r="J971" s="1106"/>
      <c r="K971" s="1106"/>
      <c r="L971" s="1106"/>
      <c r="M971" s="1106"/>
      <c r="N971" s="1106"/>
      <c r="O971" s="1106"/>
      <c r="U971" s="1106"/>
      <c r="AB971" s="1106"/>
      <c r="AC971" s="1106"/>
      <c r="AD971" s="1106"/>
      <c r="AE971" s="1106"/>
      <c r="AF971" s="1106"/>
      <c r="AG971" s="1106"/>
      <c r="AH971" s="1106"/>
      <c r="AL971" s="1106"/>
      <c r="AO971" s="1106"/>
      <c r="AP971" s="1106"/>
      <c r="AT971" s="1106"/>
      <c r="AU971" s="1106"/>
      <c r="AV971" s="1106"/>
      <c r="AW971" s="1106"/>
      <c r="AX971" s="1106"/>
      <c r="AY971" s="1106"/>
      <c r="AZ971" s="1106"/>
      <c r="BA971" s="1106"/>
      <c r="BB971" s="1106"/>
      <c r="BC971" s="1106"/>
      <c r="BD971" s="1106"/>
      <c r="BE971" s="1106"/>
      <c r="BF971" s="1106"/>
      <c r="BG971" s="1106"/>
      <c r="BH971" s="1106"/>
      <c r="BI971" s="1106"/>
      <c r="BJ971" s="1106"/>
      <c r="BK971" s="1106"/>
      <c r="BL971" s="1106"/>
      <c r="BM971" s="1106"/>
      <c r="BN971" s="1106"/>
      <c r="BO971" s="1106"/>
      <c r="BP971" s="1106"/>
      <c r="BQ971" s="1106"/>
      <c r="BR971" s="1106"/>
      <c r="BS971" s="1106"/>
      <c r="BT971" s="1106"/>
      <c r="BU971" s="1106"/>
      <c r="BV971" s="1106"/>
      <c r="BW971" s="1106"/>
      <c r="BX971" s="1106"/>
      <c r="BY971" s="1106"/>
      <c r="BZ971" s="1106"/>
      <c r="CA971" s="1106"/>
    </row>
    <row r="972" spans="3:79" ht="9" customHeight="1" x14ac:dyDescent="0.2">
      <c r="C972" s="1106"/>
      <c r="D972" s="1106"/>
      <c r="E972" s="1106"/>
      <c r="F972" s="1106"/>
      <c r="G972" s="1106"/>
      <c r="H972" s="1106"/>
      <c r="I972" s="1106"/>
      <c r="J972" s="1106"/>
      <c r="K972" s="1106"/>
      <c r="L972" s="1106"/>
      <c r="M972" s="1106"/>
      <c r="N972" s="1106"/>
      <c r="O972" s="1106"/>
      <c r="U972" s="1106"/>
      <c r="AB972" s="1106"/>
      <c r="AC972" s="1106"/>
      <c r="AD972" s="1106"/>
      <c r="AE972" s="1106"/>
      <c r="AF972" s="1106"/>
      <c r="AG972" s="1106"/>
      <c r="AH972" s="1106"/>
      <c r="AL972" s="1106"/>
      <c r="AT972" s="1106"/>
      <c r="AU972" s="1106"/>
      <c r="AV972" s="1106"/>
      <c r="AW972" s="1106"/>
      <c r="AX972" s="1106"/>
      <c r="AY972" s="1106"/>
      <c r="AZ972" s="1106"/>
      <c r="BA972" s="1106"/>
      <c r="BB972" s="1106"/>
      <c r="BC972" s="1106"/>
      <c r="BD972" s="1106"/>
      <c r="BE972" s="1106"/>
      <c r="BF972" s="1106"/>
      <c r="BG972" s="1106"/>
      <c r="BH972" s="1106"/>
      <c r="BI972" s="1106"/>
      <c r="BJ972" s="1106"/>
      <c r="BK972" s="1106"/>
      <c r="BL972" s="1106"/>
      <c r="BM972" s="1106"/>
      <c r="BN972" s="1106"/>
      <c r="BO972" s="1106"/>
      <c r="BP972" s="1106"/>
      <c r="BQ972" s="1106"/>
      <c r="BR972" s="1106"/>
      <c r="BS972" s="1106"/>
      <c r="BT972" s="1106"/>
      <c r="BU972" s="1106"/>
      <c r="BV972" s="1106"/>
      <c r="BW972" s="1106"/>
      <c r="BX972" s="1106"/>
      <c r="BY972" s="1106"/>
      <c r="BZ972" s="1106"/>
      <c r="CA972" s="1106"/>
    </row>
    <row r="973" spans="3:79" ht="9" customHeight="1" x14ac:dyDescent="0.2">
      <c r="C973" s="1106"/>
      <c r="D973" s="1106"/>
      <c r="E973" s="1106"/>
      <c r="F973" s="1106"/>
      <c r="G973" s="1106"/>
      <c r="H973" s="1106"/>
      <c r="I973" s="1106"/>
      <c r="J973" s="1106"/>
      <c r="K973" s="1106"/>
      <c r="L973" s="1106"/>
      <c r="M973" s="1106"/>
      <c r="N973" s="1106"/>
      <c r="O973" s="1106"/>
      <c r="AB973" s="1106"/>
      <c r="AC973" s="1106"/>
      <c r="AD973" s="1106"/>
      <c r="AE973" s="1106"/>
      <c r="AF973" s="1106"/>
      <c r="AG973" s="1106"/>
      <c r="AH973" s="1106"/>
      <c r="AL973" s="1106"/>
      <c r="AZ973" s="1106"/>
      <c r="BA973" s="1106"/>
      <c r="BB973" s="1106"/>
      <c r="BC973" s="1106"/>
      <c r="BD973" s="1106"/>
      <c r="BE973" s="1106"/>
      <c r="BF973" s="1106"/>
      <c r="BG973" s="1106"/>
      <c r="BH973" s="1106"/>
      <c r="BI973" s="1106"/>
      <c r="BJ973" s="1106"/>
      <c r="BK973" s="1106"/>
      <c r="BL973" s="1106"/>
      <c r="BM973" s="1106"/>
      <c r="BN973" s="1106"/>
      <c r="BO973" s="1106"/>
      <c r="BP973" s="1106"/>
      <c r="BQ973" s="1106"/>
      <c r="BR973" s="1106"/>
      <c r="BS973" s="1106"/>
      <c r="BT973" s="1106"/>
      <c r="BU973" s="1106"/>
      <c r="BV973" s="1106"/>
      <c r="BW973" s="1106"/>
      <c r="BX973" s="1106"/>
      <c r="BY973" s="1106"/>
      <c r="BZ973" s="1106"/>
      <c r="CA973" s="1106"/>
    </row>
    <row r="974" spans="3:79" ht="9" customHeight="1" x14ac:dyDescent="0.2">
      <c r="C974" s="1106"/>
      <c r="D974" s="1106"/>
      <c r="E974" s="1106"/>
      <c r="F974" s="1106"/>
      <c r="G974" s="1106"/>
      <c r="H974" s="1106"/>
      <c r="I974" s="1106"/>
      <c r="J974" s="1106"/>
      <c r="K974" s="1106"/>
      <c r="L974" s="1106"/>
      <c r="M974" s="1106"/>
      <c r="N974" s="1106"/>
      <c r="O974" s="1106"/>
      <c r="AB974" s="1106"/>
      <c r="AC974" s="1106"/>
      <c r="AD974" s="1106"/>
      <c r="AE974" s="1106"/>
      <c r="AF974" s="1106"/>
      <c r="AG974" s="1106"/>
      <c r="AH974" s="1106"/>
      <c r="AL974" s="1106"/>
      <c r="AZ974" s="1106"/>
      <c r="BA974" s="1106"/>
      <c r="BB974" s="1106"/>
      <c r="BC974" s="1106"/>
      <c r="BD974" s="1106"/>
      <c r="BE974" s="1106"/>
      <c r="BF974" s="1106"/>
      <c r="BG974" s="1106"/>
      <c r="BH974" s="1106"/>
      <c r="BI974" s="1106"/>
      <c r="BJ974" s="1106"/>
      <c r="BK974" s="1106"/>
      <c r="BL974" s="1106"/>
      <c r="BM974" s="1106"/>
      <c r="BN974" s="1106"/>
      <c r="BO974" s="1106"/>
      <c r="BP974" s="1106"/>
      <c r="BQ974" s="1106"/>
      <c r="BR974" s="1106"/>
      <c r="BS974" s="1106"/>
      <c r="BT974" s="1106"/>
      <c r="BU974" s="1106"/>
      <c r="BV974" s="1106"/>
      <c r="BW974" s="1106"/>
      <c r="BX974" s="1106"/>
      <c r="BY974" s="1106"/>
      <c r="BZ974" s="1106"/>
      <c r="CA974" s="1106"/>
    </row>
    <row r="975" spans="3:79" ht="9" customHeight="1" x14ac:dyDescent="0.2">
      <c r="C975" s="1106"/>
      <c r="D975" s="1106"/>
      <c r="E975" s="1106"/>
      <c r="F975" s="1106"/>
      <c r="G975" s="1106"/>
      <c r="H975" s="1106"/>
      <c r="I975" s="1106"/>
      <c r="J975" s="1106"/>
      <c r="K975" s="1106"/>
      <c r="L975" s="1106"/>
      <c r="M975" s="1106"/>
      <c r="N975" s="1106"/>
      <c r="O975" s="1106"/>
      <c r="AB975" s="1106"/>
      <c r="AC975" s="1106"/>
      <c r="AD975" s="1106"/>
      <c r="AE975" s="1106"/>
      <c r="AF975" s="1106"/>
      <c r="AG975" s="1106"/>
      <c r="AH975" s="1106"/>
      <c r="AL975" s="1106"/>
      <c r="AZ975" s="1106"/>
      <c r="BA975" s="1106"/>
      <c r="BB975" s="1106"/>
      <c r="BC975" s="1106"/>
      <c r="BD975" s="1106"/>
      <c r="BE975" s="1106"/>
      <c r="BF975" s="1106"/>
      <c r="BG975" s="1106"/>
      <c r="BH975" s="1106"/>
      <c r="BI975" s="1106"/>
      <c r="BJ975" s="1106"/>
      <c r="BK975" s="1106"/>
      <c r="BL975" s="1106"/>
      <c r="BM975" s="1106"/>
      <c r="BN975" s="1106"/>
      <c r="BO975" s="1106"/>
      <c r="BP975" s="1106"/>
      <c r="BQ975" s="1106"/>
      <c r="BR975" s="1106"/>
      <c r="BS975" s="1106"/>
      <c r="BT975" s="1106"/>
      <c r="BU975" s="1106"/>
      <c r="BV975" s="1106"/>
      <c r="BW975" s="1106"/>
      <c r="BX975" s="1106"/>
      <c r="BY975" s="1106"/>
      <c r="BZ975" s="1106"/>
      <c r="CA975" s="1106"/>
    </row>
    <row r="976" spans="3:79" ht="9" customHeight="1" x14ac:dyDescent="0.2">
      <c r="C976" s="1106"/>
      <c r="D976" s="1106"/>
      <c r="E976" s="1106"/>
      <c r="F976" s="1106"/>
      <c r="G976" s="1106"/>
      <c r="H976" s="1106"/>
      <c r="I976" s="1106"/>
      <c r="J976" s="1106"/>
      <c r="K976" s="1106"/>
      <c r="L976" s="1106"/>
      <c r="M976" s="1106"/>
      <c r="N976" s="1106"/>
      <c r="O976" s="1106"/>
      <c r="U976" s="1106"/>
      <c r="AB976" s="1106"/>
      <c r="AC976" s="1106"/>
      <c r="AD976" s="1106"/>
      <c r="AE976" s="1106"/>
      <c r="AF976" s="1106"/>
      <c r="AG976" s="1106"/>
      <c r="AH976" s="1106"/>
      <c r="AL976" s="1106"/>
      <c r="AT976" s="1106"/>
      <c r="AU976" s="1106"/>
      <c r="AV976" s="1106"/>
      <c r="AW976" s="1106"/>
      <c r="AX976" s="1106"/>
      <c r="AY976" s="1106"/>
      <c r="AZ976" s="1106"/>
      <c r="BA976" s="1106"/>
      <c r="BB976" s="1106"/>
      <c r="BC976" s="1106"/>
      <c r="BD976" s="1106"/>
      <c r="BE976" s="1106"/>
      <c r="BF976" s="1106"/>
      <c r="BG976" s="1106"/>
      <c r="BH976" s="1106"/>
      <c r="BI976" s="1106"/>
      <c r="BJ976" s="1106"/>
      <c r="BK976" s="1106"/>
      <c r="BL976" s="1106"/>
      <c r="BM976" s="1106"/>
      <c r="BN976" s="1106"/>
      <c r="BO976" s="1106"/>
      <c r="BP976" s="1106"/>
      <c r="BQ976" s="1106"/>
      <c r="BR976" s="1106"/>
      <c r="BS976" s="1106"/>
      <c r="BT976" s="1106"/>
      <c r="BU976" s="1106"/>
      <c r="BV976" s="1106"/>
      <c r="BW976" s="1106"/>
      <c r="BX976" s="1106"/>
      <c r="BY976" s="1106"/>
      <c r="BZ976" s="1106"/>
      <c r="CA976" s="1106"/>
    </row>
    <row r="977" spans="3:79" ht="9" customHeight="1" x14ac:dyDescent="0.2">
      <c r="C977" s="1106"/>
      <c r="D977" s="1106"/>
      <c r="E977" s="1106"/>
      <c r="F977" s="1106"/>
      <c r="G977" s="1106"/>
      <c r="H977" s="1106"/>
      <c r="I977" s="1106"/>
      <c r="J977" s="1106"/>
      <c r="K977" s="1106"/>
      <c r="L977" s="1106"/>
      <c r="M977" s="1106"/>
      <c r="N977" s="1106"/>
      <c r="O977" s="1106"/>
      <c r="U977" s="1106"/>
      <c r="AB977" s="1106"/>
      <c r="AC977" s="1106"/>
      <c r="AD977" s="1106"/>
      <c r="AE977" s="1106"/>
      <c r="AF977" s="1106"/>
      <c r="AG977" s="1106"/>
      <c r="AH977" s="1106"/>
      <c r="AL977" s="1106"/>
      <c r="AO977" s="1106"/>
      <c r="AP977" s="1106"/>
      <c r="AT977" s="1106"/>
      <c r="AU977" s="1106"/>
      <c r="AV977" s="1106"/>
      <c r="AW977" s="1106"/>
      <c r="AX977" s="1106"/>
      <c r="AY977" s="1106"/>
      <c r="AZ977" s="1106"/>
      <c r="BA977" s="1106"/>
      <c r="BB977" s="1106"/>
      <c r="BC977" s="1106"/>
      <c r="BD977" s="1106"/>
      <c r="BE977" s="1106"/>
      <c r="BF977" s="1106"/>
      <c r="BG977" s="1106"/>
      <c r="BH977" s="1106"/>
      <c r="BI977" s="1106"/>
      <c r="BJ977" s="1106"/>
      <c r="BK977" s="1106"/>
      <c r="BL977" s="1106"/>
      <c r="BM977" s="1106"/>
      <c r="BN977" s="1106"/>
      <c r="BO977" s="1106"/>
      <c r="BP977" s="1106"/>
      <c r="BQ977" s="1106"/>
      <c r="BR977" s="1106"/>
      <c r="BS977" s="1106"/>
      <c r="BT977" s="1106"/>
      <c r="BU977" s="1106"/>
      <c r="BV977" s="1106"/>
      <c r="BW977" s="1106"/>
      <c r="BX977" s="1106"/>
      <c r="BY977" s="1106"/>
      <c r="BZ977" s="1106"/>
      <c r="CA977" s="1106"/>
    </row>
    <row r="978" spans="3:79" ht="9" customHeight="1" x14ac:dyDescent="0.2">
      <c r="C978" s="1106"/>
      <c r="D978" s="1106"/>
      <c r="E978" s="1106"/>
      <c r="F978" s="1106"/>
      <c r="G978" s="1106"/>
      <c r="H978" s="1106"/>
      <c r="I978" s="1106"/>
      <c r="J978" s="1106"/>
      <c r="K978" s="1106"/>
      <c r="L978" s="1106"/>
      <c r="M978" s="1106"/>
      <c r="N978" s="1106"/>
      <c r="O978" s="1106"/>
      <c r="U978" s="1106"/>
      <c r="AB978" s="1106"/>
      <c r="AC978" s="1106"/>
      <c r="AD978" s="1106"/>
      <c r="AE978" s="1106"/>
      <c r="AF978" s="1106"/>
      <c r="AG978" s="1106"/>
      <c r="AH978" s="1106"/>
      <c r="AL978" s="1106"/>
      <c r="AT978" s="1106"/>
      <c r="AU978" s="1106"/>
      <c r="AV978" s="1106"/>
      <c r="AW978" s="1106"/>
      <c r="AX978" s="1106"/>
      <c r="AY978" s="1106"/>
      <c r="AZ978" s="1106"/>
      <c r="BA978" s="1106"/>
      <c r="BB978" s="1106"/>
      <c r="BC978" s="1106"/>
      <c r="BD978" s="1106"/>
      <c r="BE978" s="1106"/>
      <c r="BF978" s="1106"/>
      <c r="BG978" s="1106"/>
      <c r="BH978" s="1106"/>
      <c r="BI978" s="1106"/>
      <c r="BJ978" s="1106"/>
      <c r="BK978" s="1106"/>
      <c r="BL978" s="1106"/>
      <c r="BM978" s="1106"/>
      <c r="BN978" s="1106"/>
      <c r="BO978" s="1106"/>
      <c r="BP978" s="1106"/>
      <c r="BQ978" s="1106"/>
      <c r="BR978" s="1106"/>
      <c r="BS978" s="1106"/>
      <c r="BT978" s="1106"/>
      <c r="BU978" s="1106"/>
      <c r="BV978" s="1106"/>
      <c r="BW978" s="1106"/>
      <c r="BX978" s="1106"/>
      <c r="BY978" s="1106"/>
      <c r="BZ978" s="1106"/>
      <c r="CA978" s="1106"/>
    </row>
    <row r="979" spans="3:79" ht="9" customHeight="1" x14ac:dyDescent="0.2">
      <c r="C979" s="1106"/>
      <c r="D979" s="1106"/>
      <c r="E979" s="1106"/>
      <c r="F979" s="1106"/>
      <c r="G979" s="1106"/>
      <c r="H979" s="1106"/>
      <c r="I979" s="1106"/>
      <c r="J979" s="1106"/>
      <c r="K979" s="1106"/>
      <c r="L979" s="1106"/>
      <c r="M979" s="1106"/>
      <c r="N979" s="1106"/>
      <c r="O979" s="1106"/>
      <c r="AB979" s="1106"/>
      <c r="AC979" s="1106"/>
      <c r="AD979" s="1106"/>
      <c r="AE979" s="1106"/>
      <c r="AF979" s="1106"/>
      <c r="AG979" s="1106"/>
      <c r="AH979" s="1106"/>
      <c r="AL979" s="1106"/>
      <c r="AZ979" s="1106"/>
      <c r="BA979" s="1106"/>
      <c r="BB979" s="1106"/>
      <c r="BC979" s="1106"/>
      <c r="BD979" s="1106"/>
      <c r="BE979" s="1106"/>
      <c r="BF979" s="1106"/>
      <c r="BG979" s="1106"/>
      <c r="BH979" s="1106"/>
      <c r="BI979" s="1106"/>
      <c r="BJ979" s="1106"/>
      <c r="BK979" s="1106"/>
      <c r="BL979" s="1106"/>
      <c r="BM979" s="1106"/>
      <c r="BN979" s="1106"/>
      <c r="BO979" s="1106"/>
      <c r="BP979" s="1106"/>
      <c r="BQ979" s="1106"/>
      <c r="BR979" s="1106"/>
      <c r="BS979" s="1106"/>
      <c r="BT979" s="1106"/>
      <c r="BU979" s="1106"/>
      <c r="BV979" s="1106"/>
      <c r="BW979" s="1106"/>
      <c r="BX979" s="1106"/>
      <c r="BY979" s="1106"/>
      <c r="BZ979" s="1106"/>
      <c r="CA979" s="1106"/>
    </row>
    <row r="980" spans="3:79" ht="9" customHeight="1" x14ac:dyDescent="0.2">
      <c r="C980" s="1106"/>
      <c r="D980" s="1106"/>
      <c r="E980" s="1106"/>
      <c r="F980" s="1106"/>
      <c r="G980" s="1106"/>
      <c r="H980" s="1106"/>
      <c r="I980" s="1106"/>
      <c r="J980" s="1106"/>
      <c r="K980" s="1106"/>
      <c r="L980" s="1106"/>
      <c r="M980" s="1106"/>
      <c r="N980" s="1106"/>
      <c r="O980" s="1106"/>
      <c r="AB980" s="1106"/>
      <c r="AC980" s="1106"/>
      <c r="AD980" s="1106"/>
      <c r="AE980" s="1106"/>
      <c r="AF980" s="1106"/>
      <c r="AG980" s="1106"/>
      <c r="AH980" s="1106"/>
      <c r="AL980" s="1106"/>
      <c r="AZ980" s="1106"/>
      <c r="BA980" s="1106"/>
      <c r="BB980" s="1106"/>
      <c r="BC980" s="1106"/>
      <c r="BD980" s="1106"/>
      <c r="BE980" s="1106"/>
      <c r="BF980" s="1106"/>
      <c r="BG980" s="1106"/>
      <c r="BH980" s="1106"/>
      <c r="BI980" s="1106"/>
      <c r="BJ980" s="1106"/>
      <c r="BK980" s="1106"/>
      <c r="BL980" s="1106"/>
      <c r="BM980" s="1106"/>
      <c r="BN980" s="1106"/>
      <c r="BO980" s="1106"/>
      <c r="BP980" s="1106"/>
      <c r="BQ980" s="1106"/>
      <c r="BR980" s="1106"/>
      <c r="BS980" s="1106"/>
      <c r="BT980" s="1106"/>
      <c r="BU980" s="1106"/>
      <c r="BV980" s="1106"/>
      <c r="BW980" s="1106"/>
      <c r="BX980" s="1106"/>
      <c r="BY980" s="1106"/>
      <c r="BZ980" s="1106"/>
      <c r="CA980" s="1106"/>
    </row>
    <row r="981" spans="3:79" ht="9" customHeight="1" x14ac:dyDescent="0.2">
      <c r="C981" s="1106"/>
      <c r="D981" s="1106"/>
      <c r="E981" s="1106"/>
      <c r="F981" s="1106"/>
      <c r="G981" s="1106"/>
      <c r="H981" s="1106"/>
      <c r="I981" s="1106"/>
      <c r="J981" s="1106"/>
      <c r="K981" s="1106"/>
      <c r="L981" s="1106"/>
      <c r="M981" s="1106"/>
      <c r="N981" s="1106"/>
      <c r="O981" s="1106"/>
      <c r="AB981" s="1106"/>
      <c r="AC981" s="1106"/>
      <c r="AD981" s="1106"/>
      <c r="AE981" s="1106"/>
      <c r="AF981" s="1106"/>
      <c r="AG981" s="1106"/>
      <c r="AH981" s="1106"/>
      <c r="AL981" s="1106"/>
      <c r="AZ981" s="1106"/>
      <c r="BA981" s="1106"/>
      <c r="BB981" s="1106"/>
      <c r="BC981" s="1106"/>
      <c r="BD981" s="1106"/>
      <c r="BE981" s="1106"/>
      <c r="BF981" s="1106"/>
      <c r="BG981" s="1106"/>
      <c r="BH981" s="1106"/>
      <c r="BI981" s="1106"/>
      <c r="BJ981" s="1106"/>
      <c r="BK981" s="1106"/>
      <c r="BL981" s="1106"/>
      <c r="BM981" s="1106"/>
      <c r="BN981" s="1106"/>
      <c r="BO981" s="1106"/>
      <c r="BP981" s="1106"/>
      <c r="BQ981" s="1106"/>
      <c r="BR981" s="1106"/>
      <c r="BS981" s="1106"/>
      <c r="BT981" s="1106"/>
      <c r="BU981" s="1106"/>
      <c r="BV981" s="1106"/>
      <c r="BW981" s="1106"/>
      <c r="BX981" s="1106"/>
      <c r="BY981" s="1106"/>
      <c r="BZ981" s="1106"/>
      <c r="CA981" s="1106"/>
    </row>
    <row r="982" spans="3:79" ht="9" customHeight="1" x14ac:dyDescent="0.2">
      <c r="C982" s="1106"/>
      <c r="D982" s="1106"/>
      <c r="E982" s="1106"/>
      <c r="F982" s="1106"/>
      <c r="G982" s="1106"/>
      <c r="H982" s="1106"/>
      <c r="I982" s="1106"/>
      <c r="J982" s="1106"/>
      <c r="K982" s="1106"/>
      <c r="L982" s="1106"/>
      <c r="M982" s="1106"/>
      <c r="N982" s="1106"/>
      <c r="O982" s="1106"/>
      <c r="U982" s="1106"/>
      <c r="AB982" s="1106"/>
      <c r="AC982" s="1106"/>
      <c r="AD982" s="1106"/>
      <c r="AE982" s="1106"/>
      <c r="AF982" s="1106"/>
      <c r="AG982" s="1106"/>
      <c r="AH982" s="1106"/>
      <c r="AL982" s="1106"/>
      <c r="AT982" s="1106"/>
      <c r="AU982" s="1106"/>
      <c r="AV982" s="1106"/>
      <c r="AW982" s="1106"/>
      <c r="AX982" s="1106"/>
      <c r="AY982" s="1106"/>
      <c r="AZ982" s="1106"/>
      <c r="BA982" s="1106"/>
      <c r="BB982" s="1106"/>
      <c r="BC982" s="1106"/>
      <c r="BD982" s="1106"/>
      <c r="BE982" s="1106"/>
      <c r="BF982" s="1106"/>
      <c r="BG982" s="1106"/>
      <c r="BH982" s="1106"/>
      <c r="BI982" s="1106"/>
      <c r="BJ982" s="1106"/>
      <c r="BK982" s="1106"/>
      <c r="BL982" s="1106"/>
      <c r="BM982" s="1106"/>
      <c r="BN982" s="1106"/>
      <c r="BO982" s="1106"/>
      <c r="BP982" s="1106"/>
      <c r="BQ982" s="1106"/>
      <c r="BR982" s="1106"/>
      <c r="BS982" s="1106"/>
      <c r="BT982" s="1106"/>
      <c r="BU982" s="1106"/>
      <c r="BV982" s="1106"/>
      <c r="BW982" s="1106"/>
      <c r="BX982" s="1106"/>
      <c r="BY982" s="1106"/>
      <c r="BZ982" s="1106"/>
      <c r="CA982" s="1106"/>
    </row>
    <row r="983" spans="3:79" ht="9" customHeight="1" x14ac:dyDescent="0.2">
      <c r="C983" s="1106"/>
      <c r="D983" s="1106"/>
      <c r="E983" s="1106"/>
      <c r="F983" s="1106"/>
      <c r="G983" s="1106"/>
      <c r="H983" s="1106"/>
      <c r="I983" s="1106"/>
      <c r="J983" s="1106"/>
      <c r="K983" s="1106"/>
      <c r="L983" s="1106"/>
      <c r="M983" s="1106"/>
      <c r="N983" s="1106"/>
      <c r="O983" s="1106"/>
      <c r="U983" s="1106"/>
      <c r="AB983" s="1106"/>
      <c r="AC983" s="1106"/>
      <c r="AD983" s="1106"/>
      <c r="AE983" s="1106"/>
      <c r="AF983" s="1106"/>
      <c r="AG983" s="1106"/>
      <c r="AH983" s="1106"/>
      <c r="AL983" s="1106"/>
      <c r="AO983" s="1106"/>
      <c r="AP983" s="1106"/>
      <c r="AT983" s="1106"/>
      <c r="AU983" s="1106"/>
      <c r="AV983" s="1106"/>
      <c r="AW983" s="1106"/>
      <c r="AX983" s="1106"/>
      <c r="AY983" s="1106"/>
      <c r="AZ983" s="1106"/>
      <c r="BA983" s="1106"/>
      <c r="BB983" s="1106"/>
      <c r="BC983" s="1106"/>
      <c r="BD983" s="1106"/>
      <c r="BE983" s="1106"/>
      <c r="BF983" s="1106"/>
      <c r="BG983" s="1106"/>
      <c r="BH983" s="1106"/>
      <c r="BI983" s="1106"/>
      <c r="BJ983" s="1106"/>
      <c r="BK983" s="1106"/>
      <c r="BL983" s="1106"/>
      <c r="BM983" s="1106"/>
      <c r="BN983" s="1106"/>
      <c r="BO983" s="1106"/>
      <c r="BP983" s="1106"/>
      <c r="BQ983" s="1106"/>
      <c r="BR983" s="1106"/>
      <c r="BS983" s="1106"/>
      <c r="BT983" s="1106"/>
      <c r="BU983" s="1106"/>
      <c r="BV983" s="1106"/>
      <c r="BW983" s="1106"/>
      <c r="BX983" s="1106"/>
      <c r="BY983" s="1106"/>
      <c r="BZ983" s="1106"/>
      <c r="CA983" s="1106"/>
    </row>
    <row r="984" spans="3:79" ht="9" customHeight="1" x14ac:dyDescent="0.2">
      <c r="C984" s="1106"/>
      <c r="D984" s="1106"/>
      <c r="E984" s="1106"/>
      <c r="F984" s="1106"/>
      <c r="G984" s="1106"/>
      <c r="H984" s="1106"/>
      <c r="I984" s="1106"/>
      <c r="J984" s="1106"/>
      <c r="K984" s="1106"/>
      <c r="L984" s="1106"/>
      <c r="M984" s="1106"/>
      <c r="N984" s="1106"/>
      <c r="O984" s="1106"/>
      <c r="U984" s="1106"/>
      <c r="AB984" s="1106"/>
      <c r="AC984" s="1106"/>
      <c r="AD984" s="1106"/>
      <c r="AE984" s="1106"/>
      <c r="AF984" s="1106"/>
      <c r="AG984" s="1106"/>
      <c r="AH984" s="1106"/>
      <c r="AL984" s="1106"/>
      <c r="AT984" s="1106"/>
      <c r="AU984" s="1106"/>
      <c r="AV984" s="1106"/>
      <c r="AW984" s="1106"/>
      <c r="AX984" s="1106"/>
      <c r="AY984" s="1106"/>
      <c r="AZ984" s="1106"/>
      <c r="BA984" s="1106"/>
      <c r="BB984" s="1106"/>
      <c r="BC984" s="1106"/>
      <c r="BD984" s="1106"/>
      <c r="BE984" s="1106"/>
      <c r="BF984" s="1106"/>
      <c r="BG984" s="1106"/>
      <c r="BH984" s="1106"/>
      <c r="BI984" s="1106"/>
      <c r="BJ984" s="1106"/>
      <c r="BK984" s="1106"/>
      <c r="BL984" s="1106"/>
      <c r="BM984" s="1106"/>
      <c r="BN984" s="1106"/>
      <c r="BO984" s="1106"/>
      <c r="BP984" s="1106"/>
      <c r="BQ984" s="1106"/>
      <c r="BR984" s="1106"/>
      <c r="BS984" s="1106"/>
      <c r="BT984" s="1106"/>
      <c r="BU984" s="1106"/>
      <c r="BV984" s="1106"/>
      <c r="BW984" s="1106"/>
      <c r="BX984" s="1106"/>
      <c r="BY984" s="1106"/>
      <c r="BZ984" s="1106"/>
      <c r="CA984" s="1106"/>
    </row>
    <row r="985" spans="3:79" ht="9" customHeight="1" x14ac:dyDescent="0.2">
      <c r="C985" s="1106"/>
      <c r="D985" s="1106"/>
      <c r="E985" s="1106"/>
      <c r="F985" s="1106"/>
      <c r="G985" s="1106"/>
      <c r="H985" s="1106"/>
      <c r="I985" s="1106"/>
      <c r="J985" s="1106"/>
      <c r="K985" s="1106"/>
      <c r="L985" s="1106"/>
      <c r="M985" s="1106"/>
      <c r="N985" s="1106"/>
      <c r="O985" s="1106"/>
      <c r="AB985" s="1106"/>
      <c r="AC985" s="1106"/>
      <c r="AD985" s="1106"/>
      <c r="AE985" s="1106"/>
      <c r="AF985" s="1106"/>
      <c r="AG985" s="1106"/>
      <c r="AH985" s="1106"/>
      <c r="AL985" s="1106"/>
      <c r="AZ985" s="1106"/>
      <c r="BA985" s="1106"/>
      <c r="BB985" s="1106"/>
      <c r="BC985" s="1106"/>
      <c r="BD985" s="1106"/>
      <c r="BE985" s="1106"/>
      <c r="BF985" s="1106"/>
      <c r="BG985" s="1106"/>
      <c r="BH985" s="1106"/>
      <c r="BI985" s="1106"/>
      <c r="BJ985" s="1106"/>
      <c r="BK985" s="1106"/>
      <c r="BL985" s="1106"/>
      <c r="BM985" s="1106"/>
      <c r="BN985" s="1106"/>
      <c r="BO985" s="1106"/>
      <c r="BP985" s="1106"/>
      <c r="BQ985" s="1106"/>
      <c r="BR985" s="1106"/>
      <c r="BS985" s="1106"/>
      <c r="BT985" s="1106"/>
      <c r="BU985" s="1106"/>
      <c r="BV985" s="1106"/>
      <c r="BW985" s="1106"/>
      <c r="BX985" s="1106"/>
      <c r="BY985" s="1106"/>
      <c r="BZ985" s="1106"/>
      <c r="CA985" s="1106"/>
    </row>
    <row r="986" spans="3:79" ht="9" customHeight="1" x14ac:dyDescent="0.2">
      <c r="C986" s="1106"/>
      <c r="D986" s="1106"/>
      <c r="E986" s="1106"/>
      <c r="F986" s="1106"/>
      <c r="G986" s="1106"/>
      <c r="H986" s="1106"/>
      <c r="I986" s="1106"/>
      <c r="J986" s="1106"/>
      <c r="K986" s="1106"/>
      <c r="L986" s="1106"/>
      <c r="M986" s="1106"/>
      <c r="N986" s="1106"/>
      <c r="O986" s="1106"/>
      <c r="AB986" s="1106"/>
      <c r="AC986" s="1106"/>
      <c r="AD986" s="1106"/>
      <c r="AE986" s="1106"/>
      <c r="AF986" s="1106"/>
      <c r="AG986" s="1106"/>
      <c r="AH986" s="1106"/>
      <c r="AL986" s="1106"/>
      <c r="AZ986" s="1106"/>
      <c r="BA986" s="1106"/>
      <c r="BB986" s="1106"/>
      <c r="BC986" s="1106"/>
      <c r="BD986" s="1106"/>
      <c r="BE986" s="1106"/>
      <c r="BF986" s="1106"/>
      <c r="BG986" s="1106"/>
      <c r="BH986" s="1106"/>
      <c r="BI986" s="1106"/>
      <c r="BJ986" s="1106"/>
      <c r="BK986" s="1106"/>
      <c r="BL986" s="1106"/>
      <c r="BM986" s="1106"/>
      <c r="BN986" s="1106"/>
      <c r="BO986" s="1106"/>
      <c r="BP986" s="1106"/>
      <c r="BQ986" s="1106"/>
      <c r="BR986" s="1106"/>
      <c r="BS986" s="1106"/>
      <c r="BT986" s="1106"/>
      <c r="BU986" s="1106"/>
      <c r="BV986" s="1106"/>
      <c r="BW986" s="1106"/>
      <c r="BX986" s="1106"/>
      <c r="BY986" s="1106"/>
      <c r="BZ986" s="1106"/>
      <c r="CA986" s="1106"/>
    </row>
    <row r="987" spans="3:79" ht="9" customHeight="1" x14ac:dyDescent="0.2">
      <c r="C987" s="1106"/>
      <c r="D987" s="1106"/>
      <c r="E987" s="1106"/>
      <c r="F987" s="1106"/>
      <c r="G987" s="1106"/>
      <c r="H987" s="1106"/>
      <c r="I987" s="1106"/>
      <c r="J987" s="1106"/>
      <c r="K987" s="1106"/>
      <c r="L987" s="1106"/>
      <c r="M987" s="1106"/>
      <c r="N987" s="1106"/>
      <c r="O987" s="1106"/>
      <c r="AB987" s="1106"/>
      <c r="AC987" s="1106"/>
      <c r="AD987" s="1106"/>
      <c r="AE987" s="1106"/>
      <c r="AF987" s="1106"/>
      <c r="AG987" s="1106"/>
      <c r="AH987" s="1106"/>
      <c r="AL987" s="1106"/>
      <c r="AZ987" s="1106"/>
      <c r="BA987" s="1106"/>
      <c r="BB987" s="1106"/>
      <c r="BC987" s="1106"/>
      <c r="BD987" s="1106"/>
      <c r="BE987" s="1106"/>
      <c r="BF987" s="1106"/>
      <c r="BG987" s="1106"/>
      <c r="BH987" s="1106"/>
      <c r="BI987" s="1106"/>
      <c r="BJ987" s="1106"/>
      <c r="BK987" s="1106"/>
      <c r="BL987" s="1106"/>
      <c r="BM987" s="1106"/>
      <c r="BN987" s="1106"/>
      <c r="BO987" s="1106"/>
      <c r="BP987" s="1106"/>
      <c r="BQ987" s="1106"/>
      <c r="BR987" s="1106"/>
      <c r="BS987" s="1106"/>
      <c r="BT987" s="1106"/>
      <c r="BU987" s="1106"/>
      <c r="BV987" s="1106"/>
      <c r="BW987" s="1106"/>
      <c r="BX987" s="1106"/>
      <c r="BY987" s="1106"/>
      <c r="BZ987" s="1106"/>
      <c r="CA987" s="1106"/>
    </row>
    <row r="988" spans="3:79" ht="9" customHeight="1" x14ac:dyDescent="0.2">
      <c r="C988" s="1106"/>
      <c r="D988" s="1106"/>
      <c r="E988" s="1106"/>
      <c r="F988" s="1106"/>
      <c r="G988" s="1106"/>
      <c r="H988" s="1106"/>
      <c r="I988" s="1106"/>
      <c r="J988" s="1106"/>
      <c r="K988" s="1106"/>
      <c r="L988" s="1106"/>
      <c r="M988" s="1106"/>
      <c r="N988" s="1106"/>
      <c r="O988" s="1106"/>
      <c r="U988" s="1106"/>
      <c r="AB988" s="1106"/>
      <c r="AC988" s="1106"/>
      <c r="AD988" s="1106"/>
      <c r="AE988" s="1106"/>
      <c r="AF988" s="1106"/>
      <c r="AG988" s="1106"/>
      <c r="AH988" s="1106"/>
      <c r="AL988" s="1106"/>
      <c r="AT988" s="1106"/>
      <c r="AU988" s="1106"/>
      <c r="AV988" s="1106"/>
      <c r="AW988" s="1106"/>
      <c r="AX988" s="1106"/>
      <c r="AY988" s="1106"/>
      <c r="AZ988" s="1106"/>
      <c r="BA988" s="1106"/>
      <c r="BB988" s="1106"/>
      <c r="BC988" s="1106"/>
      <c r="BD988" s="1106"/>
      <c r="BE988" s="1106"/>
      <c r="BF988" s="1106"/>
      <c r="BG988" s="1106"/>
      <c r="BH988" s="1106"/>
      <c r="BI988" s="1106"/>
      <c r="BJ988" s="1106"/>
      <c r="BK988" s="1106"/>
      <c r="BL988" s="1106"/>
      <c r="BM988" s="1106"/>
      <c r="BN988" s="1106"/>
      <c r="BO988" s="1106"/>
      <c r="BP988" s="1106"/>
      <c r="BQ988" s="1106"/>
      <c r="BR988" s="1106"/>
      <c r="BS988" s="1106"/>
      <c r="BT988" s="1106"/>
      <c r="BU988" s="1106"/>
      <c r="BV988" s="1106"/>
      <c r="BW988" s="1106"/>
      <c r="BX988" s="1106"/>
      <c r="BY988" s="1106"/>
      <c r="BZ988" s="1106"/>
      <c r="CA988" s="1106"/>
    </row>
    <row r="989" spans="3:79" ht="9" customHeight="1" x14ac:dyDescent="0.2">
      <c r="C989" s="1106"/>
      <c r="D989" s="1106"/>
      <c r="E989" s="1106"/>
      <c r="F989" s="1106"/>
      <c r="G989" s="1106"/>
      <c r="H989" s="1106"/>
      <c r="I989" s="1106"/>
      <c r="J989" s="1106"/>
      <c r="K989" s="1106"/>
      <c r="L989" s="1106"/>
      <c r="M989" s="1106"/>
      <c r="N989" s="1106"/>
      <c r="O989" s="1106"/>
      <c r="U989" s="1106"/>
      <c r="AB989" s="1106"/>
      <c r="AC989" s="1106"/>
      <c r="AD989" s="1106"/>
      <c r="AE989" s="1106"/>
      <c r="AF989" s="1106"/>
      <c r="AG989" s="1106"/>
      <c r="AH989" s="1106"/>
      <c r="AL989" s="1106"/>
      <c r="AO989" s="1106"/>
      <c r="AP989" s="1106"/>
      <c r="AT989" s="1106"/>
      <c r="AU989" s="1106"/>
      <c r="AV989" s="1106"/>
      <c r="AW989" s="1106"/>
      <c r="AX989" s="1106"/>
      <c r="AY989" s="1106"/>
      <c r="AZ989" s="1106"/>
      <c r="BA989" s="1106"/>
      <c r="BB989" s="1106"/>
      <c r="BC989" s="1106"/>
      <c r="BD989" s="1106"/>
      <c r="BE989" s="1106"/>
      <c r="BF989" s="1106"/>
      <c r="BG989" s="1106"/>
      <c r="BH989" s="1106"/>
      <c r="BI989" s="1106"/>
      <c r="BJ989" s="1106"/>
      <c r="BK989" s="1106"/>
      <c r="BL989" s="1106"/>
      <c r="BM989" s="1106"/>
      <c r="BN989" s="1106"/>
      <c r="BO989" s="1106"/>
      <c r="BP989" s="1106"/>
      <c r="BQ989" s="1106"/>
      <c r="BR989" s="1106"/>
      <c r="BS989" s="1106"/>
      <c r="BT989" s="1106"/>
      <c r="BU989" s="1106"/>
      <c r="BV989" s="1106"/>
      <c r="BW989" s="1106"/>
      <c r="BX989" s="1106"/>
      <c r="BY989" s="1106"/>
      <c r="BZ989" s="1106"/>
      <c r="CA989" s="1106"/>
    </row>
    <row r="990" spans="3:79" ht="9" customHeight="1" x14ac:dyDescent="0.2">
      <c r="C990" s="1106"/>
      <c r="D990" s="1106"/>
      <c r="E990" s="1106"/>
      <c r="F990" s="1106"/>
      <c r="G990" s="1106"/>
      <c r="H990" s="1106"/>
      <c r="I990" s="1106"/>
      <c r="J990" s="1106"/>
      <c r="K990" s="1106"/>
      <c r="L990" s="1106"/>
      <c r="M990" s="1106"/>
      <c r="N990" s="1106"/>
      <c r="O990" s="1106"/>
      <c r="U990" s="1106"/>
      <c r="AB990" s="1106"/>
      <c r="AC990" s="1106"/>
      <c r="AD990" s="1106"/>
      <c r="AE990" s="1106"/>
      <c r="AF990" s="1106"/>
      <c r="AG990" s="1106"/>
      <c r="AH990" s="1106"/>
      <c r="AL990" s="1106"/>
      <c r="AT990" s="1106"/>
      <c r="AU990" s="1106"/>
      <c r="AV990" s="1106"/>
      <c r="AW990" s="1106"/>
      <c r="AX990" s="1106"/>
      <c r="AY990" s="1106"/>
      <c r="AZ990" s="1106"/>
      <c r="BA990" s="1106"/>
      <c r="BB990" s="1106"/>
      <c r="BC990" s="1106"/>
      <c r="BD990" s="1106"/>
      <c r="BE990" s="1106"/>
      <c r="BF990" s="1106"/>
      <c r="BG990" s="1106"/>
      <c r="BH990" s="1106"/>
      <c r="BI990" s="1106"/>
      <c r="BJ990" s="1106"/>
      <c r="BK990" s="1106"/>
      <c r="BL990" s="1106"/>
      <c r="BM990" s="1106"/>
      <c r="BN990" s="1106"/>
      <c r="BO990" s="1106"/>
      <c r="BP990" s="1106"/>
      <c r="BQ990" s="1106"/>
      <c r="BR990" s="1106"/>
      <c r="BS990" s="1106"/>
      <c r="BT990" s="1106"/>
      <c r="BU990" s="1106"/>
      <c r="BV990" s="1106"/>
      <c r="BW990" s="1106"/>
      <c r="BX990" s="1106"/>
      <c r="BY990" s="1106"/>
      <c r="BZ990" s="1106"/>
      <c r="CA990" s="1106"/>
    </row>
    <row r="991" spans="3:79" ht="9" customHeight="1" x14ac:dyDescent="0.2">
      <c r="C991" s="1106"/>
      <c r="D991" s="1106"/>
      <c r="E991" s="1106"/>
      <c r="F991" s="1106"/>
      <c r="G991" s="1106"/>
      <c r="H991" s="1106"/>
      <c r="I991" s="1106"/>
      <c r="J991" s="1106"/>
      <c r="K991" s="1106"/>
      <c r="L991" s="1106"/>
      <c r="M991" s="1106"/>
      <c r="N991" s="1106"/>
      <c r="O991" s="1106"/>
      <c r="AB991" s="1106"/>
      <c r="AC991" s="1106"/>
      <c r="AD991" s="1106"/>
      <c r="AE991" s="1106"/>
      <c r="AF991" s="1106"/>
      <c r="AG991" s="1106"/>
      <c r="AH991" s="1106"/>
      <c r="AL991" s="1106"/>
      <c r="AZ991" s="1106"/>
      <c r="BA991" s="1106"/>
      <c r="BB991" s="1106"/>
      <c r="BC991" s="1106"/>
      <c r="BD991" s="1106"/>
      <c r="BE991" s="1106"/>
      <c r="BF991" s="1106"/>
      <c r="BG991" s="1106"/>
      <c r="BH991" s="1106"/>
      <c r="BI991" s="1106"/>
      <c r="BJ991" s="1106"/>
      <c r="BK991" s="1106"/>
      <c r="BL991" s="1106"/>
      <c r="BM991" s="1106"/>
      <c r="BN991" s="1106"/>
      <c r="BO991" s="1106"/>
      <c r="BP991" s="1106"/>
      <c r="BQ991" s="1106"/>
      <c r="BR991" s="1106"/>
      <c r="BS991" s="1106"/>
      <c r="BT991" s="1106"/>
      <c r="BU991" s="1106"/>
      <c r="BV991" s="1106"/>
      <c r="BW991" s="1106"/>
      <c r="BX991" s="1106"/>
      <c r="BY991" s="1106"/>
      <c r="BZ991" s="1106"/>
      <c r="CA991" s="1106"/>
    </row>
    <row r="992" spans="3:79" ht="9" customHeight="1" x14ac:dyDescent="0.2">
      <c r="C992" s="1106"/>
      <c r="D992" s="1106"/>
      <c r="E992" s="1106"/>
      <c r="F992" s="1106"/>
      <c r="G992" s="1106"/>
      <c r="H992" s="1106"/>
      <c r="I992" s="1106"/>
      <c r="J992" s="1106"/>
      <c r="K992" s="1106"/>
      <c r="L992" s="1106"/>
      <c r="M992" s="1106"/>
      <c r="N992" s="1106"/>
      <c r="O992" s="1106"/>
      <c r="AB992" s="1106"/>
      <c r="AC992" s="1106"/>
      <c r="AD992" s="1106"/>
      <c r="AE992" s="1106"/>
      <c r="AF992" s="1106"/>
      <c r="AG992" s="1106"/>
      <c r="AH992" s="1106"/>
      <c r="AL992" s="1106"/>
      <c r="AZ992" s="1106"/>
      <c r="BA992" s="1106"/>
      <c r="BB992" s="1106"/>
      <c r="BC992" s="1106"/>
      <c r="BD992" s="1106"/>
      <c r="BE992" s="1106"/>
      <c r="BF992" s="1106"/>
      <c r="BG992" s="1106"/>
      <c r="BH992" s="1106"/>
      <c r="BI992" s="1106"/>
      <c r="BJ992" s="1106"/>
      <c r="BK992" s="1106"/>
      <c r="BL992" s="1106"/>
      <c r="BM992" s="1106"/>
      <c r="BN992" s="1106"/>
      <c r="BO992" s="1106"/>
      <c r="BP992" s="1106"/>
      <c r="BQ992" s="1106"/>
      <c r="BR992" s="1106"/>
      <c r="BS992" s="1106"/>
      <c r="BT992" s="1106"/>
      <c r="BU992" s="1106"/>
      <c r="BV992" s="1106"/>
      <c r="BW992" s="1106"/>
      <c r="BX992" s="1106"/>
      <c r="BY992" s="1106"/>
      <c r="BZ992" s="1106"/>
      <c r="CA992" s="1106"/>
    </row>
    <row r="993" spans="3:79" ht="9" customHeight="1" x14ac:dyDescent="0.2">
      <c r="C993" s="1106"/>
      <c r="D993" s="1106"/>
      <c r="E993" s="1106"/>
      <c r="F993" s="1106"/>
      <c r="G993" s="1106"/>
      <c r="H993" s="1106"/>
      <c r="I993" s="1106"/>
      <c r="J993" s="1106"/>
      <c r="K993" s="1106"/>
      <c r="L993" s="1106"/>
      <c r="M993" s="1106"/>
      <c r="N993" s="1106"/>
      <c r="O993" s="1106"/>
      <c r="AB993" s="1106"/>
      <c r="AC993" s="1106"/>
      <c r="AD993" s="1106"/>
      <c r="AE993" s="1106"/>
      <c r="AF993" s="1106"/>
      <c r="AG993" s="1106"/>
      <c r="AH993" s="1106"/>
      <c r="AL993" s="1106"/>
      <c r="AZ993" s="1106"/>
      <c r="BA993" s="1106"/>
      <c r="BB993" s="1106"/>
      <c r="BC993" s="1106"/>
      <c r="BD993" s="1106"/>
      <c r="BE993" s="1106"/>
      <c r="BF993" s="1106"/>
      <c r="BG993" s="1106"/>
      <c r="BH993" s="1106"/>
      <c r="BI993" s="1106"/>
      <c r="BJ993" s="1106"/>
      <c r="BK993" s="1106"/>
      <c r="BL993" s="1106"/>
      <c r="BM993" s="1106"/>
      <c r="BN993" s="1106"/>
      <c r="BO993" s="1106"/>
      <c r="BP993" s="1106"/>
      <c r="BQ993" s="1106"/>
      <c r="BR993" s="1106"/>
      <c r="BS993" s="1106"/>
      <c r="BT993" s="1106"/>
      <c r="BU993" s="1106"/>
      <c r="BV993" s="1106"/>
      <c r="BW993" s="1106"/>
      <c r="BX993" s="1106"/>
      <c r="BY993" s="1106"/>
      <c r="BZ993" s="1106"/>
      <c r="CA993" s="1106"/>
    </row>
    <row r="994" spans="3:79" ht="9" customHeight="1" x14ac:dyDescent="0.2">
      <c r="C994" s="1106"/>
      <c r="D994" s="1106"/>
      <c r="E994" s="1106"/>
      <c r="F994" s="1106"/>
      <c r="G994" s="1106"/>
      <c r="H994" s="1106"/>
      <c r="I994" s="1106"/>
      <c r="J994" s="1106"/>
      <c r="K994" s="1106"/>
      <c r="L994" s="1106"/>
      <c r="M994" s="1106"/>
      <c r="N994" s="1106"/>
      <c r="O994" s="1106"/>
      <c r="U994" s="1106"/>
      <c r="AB994" s="1106"/>
      <c r="AC994" s="1106"/>
      <c r="AD994" s="1106"/>
      <c r="AE994" s="1106"/>
      <c r="AF994" s="1106"/>
      <c r="AG994" s="1106"/>
      <c r="AH994" s="1106"/>
      <c r="AL994" s="1106"/>
      <c r="AT994" s="1106"/>
      <c r="AU994" s="1106"/>
      <c r="AV994" s="1106"/>
      <c r="AW994" s="1106"/>
      <c r="AX994" s="1106"/>
      <c r="AY994" s="1106"/>
      <c r="AZ994" s="1106"/>
      <c r="BA994" s="1106"/>
      <c r="BB994" s="1106"/>
      <c r="BC994" s="1106"/>
      <c r="BD994" s="1106"/>
      <c r="BE994" s="1106"/>
      <c r="BF994" s="1106"/>
      <c r="BG994" s="1106"/>
      <c r="BH994" s="1106"/>
      <c r="BI994" s="1106"/>
      <c r="BJ994" s="1106"/>
      <c r="BK994" s="1106"/>
      <c r="BL994" s="1106"/>
      <c r="BM994" s="1106"/>
      <c r="BN994" s="1106"/>
      <c r="BO994" s="1106"/>
      <c r="BP994" s="1106"/>
      <c r="BQ994" s="1106"/>
      <c r="BR994" s="1106"/>
      <c r="BS994" s="1106"/>
      <c r="BT994" s="1106"/>
      <c r="BU994" s="1106"/>
      <c r="BV994" s="1106"/>
      <c r="BW994" s="1106"/>
      <c r="BX994" s="1106"/>
      <c r="BY994" s="1106"/>
      <c r="BZ994" s="1106"/>
      <c r="CA994" s="1106"/>
    </row>
    <row r="995" spans="3:79" ht="9" customHeight="1" x14ac:dyDescent="0.2">
      <c r="C995" s="1106"/>
      <c r="D995" s="1106"/>
      <c r="E995" s="1106"/>
      <c r="F995" s="1106"/>
      <c r="G995" s="1106"/>
      <c r="H995" s="1106"/>
      <c r="I995" s="1106"/>
      <c r="J995" s="1106"/>
      <c r="K995" s="1106"/>
      <c r="L995" s="1106"/>
      <c r="M995" s="1106"/>
      <c r="N995" s="1106"/>
      <c r="O995" s="1106"/>
      <c r="U995" s="1106"/>
      <c r="AB995" s="1106"/>
      <c r="AC995" s="1106"/>
      <c r="AD995" s="1106"/>
      <c r="AE995" s="1106"/>
      <c r="AF995" s="1106"/>
      <c r="AG995" s="1106"/>
      <c r="AH995" s="1106"/>
      <c r="AL995" s="1106"/>
      <c r="AO995" s="1106"/>
      <c r="AP995" s="1106"/>
      <c r="AT995" s="1106"/>
      <c r="AU995" s="1106"/>
      <c r="AV995" s="1106"/>
      <c r="AW995" s="1106"/>
      <c r="AX995" s="1106"/>
      <c r="AY995" s="1106"/>
      <c r="AZ995" s="1106"/>
      <c r="BA995" s="1106"/>
      <c r="BB995" s="1106"/>
      <c r="BC995" s="1106"/>
      <c r="BD995" s="1106"/>
      <c r="BE995" s="1106"/>
      <c r="BF995" s="1106"/>
      <c r="BG995" s="1106"/>
      <c r="BH995" s="1106"/>
      <c r="BI995" s="1106"/>
      <c r="BJ995" s="1106"/>
      <c r="BK995" s="1106"/>
      <c r="BL995" s="1106"/>
      <c r="BM995" s="1106"/>
      <c r="BN995" s="1106"/>
      <c r="BO995" s="1106"/>
      <c r="BP995" s="1106"/>
      <c r="BQ995" s="1106"/>
      <c r="BR995" s="1106"/>
      <c r="BS995" s="1106"/>
      <c r="BT995" s="1106"/>
      <c r="BU995" s="1106"/>
      <c r="BV995" s="1106"/>
      <c r="BW995" s="1106"/>
      <c r="BX995" s="1106"/>
      <c r="BY995" s="1106"/>
      <c r="BZ995" s="1106"/>
      <c r="CA995" s="1106"/>
    </row>
    <row r="996" spans="3:79" ht="9" customHeight="1" x14ac:dyDescent="0.2">
      <c r="C996" s="1106"/>
      <c r="D996" s="1106"/>
      <c r="E996" s="1106"/>
      <c r="F996" s="1106"/>
      <c r="G996" s="1106"/>
      <c r="H996" s="1106"/>
      <c r="I996" s="1106"/>
      <c r="J996" s="1106"/>
      <c r="K996" s="1106"/>
      <c r="L996" s="1106"/>
      <c r="M996" s="1106"/>
      <c r="N996" s="1106"/>
      <c r="O996" s="1106"/>
      <c r="U996" s="1106"/>
      <c r="AB996" s="1106"/>
      <c r="AC996" s="1106"/>
      <c r="AD996" s="1106"/>
      <c r="AE996" s="1106"/>
      <c r="AF996" s="1106"/>
      <c r="AG996" s="1106"/>
      <c r="AH996" s="1106"/>
      <c r="AL996" s="1106"/>
      <c r="AT996" s="1106"/>
      <c r="AU996" s="1106"/>
      <c r="AV996" s="1106"/>
      <c r="AW996" s="1106"/>
      <c r="AX996" s="1106"/>
      <c r="AY996" s="1106"/>
      <c r="AZ996" s="1106"/>
      <c r="BA996" s="1106"/>
      <c r="BB996" s="1106"/>
      <c r="BC996" s="1106"/>
      <c r="BD996" s="1106"/>
      <c r="BE996" s="1106"/>
      <c r="BF996" s="1106"/>
      <c r="BG996" s="1106"/>
      <c r="BH996" s="1106"/>
      <c r="BI996" s="1106"/>
      <c r="BJ996" s="1106"/>
      <c r="BK996" s="1106"/>
      <c r="BL996" s="1106"/>
      <c r="BM996" s="1106"/>
      <c r="BN996" s="1106"/>
      <c r="BO996" s="1106"/>
      <c r="BP996" s="1106"/>
      <c r="BQ996" s="1106"/>
      <c r="BR996" s="1106"/>
      <c r="BS996" s="1106"/>
      <c r="BT996" s="1106"/>
      <c r="BU996" s="1106"/>
      <c r="BV996" s="1106"/>
      <c r="BW996" s="1106"/>
      <c r="BX996" s="1106"/>
      <c r="BY996" s="1106"/>
      <c r="BZ996" s="1106"/>
      <c r="CA996" s="1106"/>
    </row>
    <row r="997" spans="3:79" ht="9" customHeight="1" x14ac:dyDescent="0.2">
      <c r="C997" s="1106"/>
      <c r="D997" s="1106"/>
      <c r="E997" s="1106"/>
      <c r="F997" s="1106"/>
      <c r="G997" s="1106"/>
      <c r="H997" s="1106"/>
      <c r="I997" s="1106"/>
      <c r="J997" s="1106"/>
      <c r="K997" s="1106"/>
      <c r="L997" s="1106"/>
      <c r="M997" s="1106"/>
      <c r="N997" s="1106"/>
      <c r="O997" s="1106"/>
      <c r="AB997" s="1106"/>
      <c r="AC997" s="1106"/>
      <c r="AD997" s="1106"/>
      <c r="AE997" s="1106"/>
      <c r="AF997" s="1106"/>
      <c r="AG997" s="1106"/>
      <c r="AH997" s="1106"/>
      <c r="AL997" s="1106"/>
      <c r="AZ997" s="1106"/>
      <c r="BA997" s="1106"/>
      <c r="BB997" s="1106"/>
      <c r="BC997" s="1106"/>
      <c r="BD997" s="1106"/>
      <c r="BE997" s="1106"/>
      <c r="BF997" s="1106"/>
      <c r="BG997" s="1106"/>
      <c r="BH997" s="1106"/>
      <c r="BI997" s="1106"/>
      <c r="BJ997" s="1106"/>
      <c r="BK997" s="1106"/>
      <c r="BL997" s="1106"/>
      <c r="BM997" s="1106"/>
      <c r="BN997" s="1106"/>
      <c r="BO997" s="1106"/>
      <c r="BP997" s="1106"/>
      <c r="BQ997" s="1106"/>
      <c r="BR997" s="1106"/>
      <c r="BS997" s="1106"/>
      <c r="BT997" s="1106"/>
      <c r="BU997" s="1106"/>
      <c r="BV997" s="1106"/>
      <c r="BW997" s="1106"/>
      <c r="BX997" s="1106"/>
      <c r="BY997" s="1106"/>
      <c r="BZ997" s="1106"/>
      <c r="CA997" s="1106"/>
    </row>
    <row r="998" spans="3:79" ht="9" customHeight="1" x14ac:dyDescent="0.2">
      <c r="C998" s="1106"/>
      <c r="D998" s="1106"/>
      <c r="E998" s="1106"/>
      <c r="F998" s="1106"/>
      <c r="G998" s="1106"/>
      <c r="H998" s="1106"/>
      <c r="I998" s="1106"/>
      <c r="J998" s="1106"/>
      <c r="K998" s="1106"/>
      <c r="L998" s="1106"/>
      <c r="M998" s="1106"/>
      <c r="N998" s="1106"/>
      <c r="O998" s="1106"/>
      <c r="AB998" s="1106"/>
      <c r="AC998" s="1106"/>
      <c r="AD998" s="1106"/>
      <c r="AE998" s="1106"/>
      <c r="AF998" s="1106"/>
      <c r="AG998" s="1106"/>
      <c r="AH998" s="1106"/>
      <c r="AL998" s="1106"/>
      <c r="AZ998" s="1106"/>
      <c r="BA998" s="1106"/>
      <c r="BB998" s="1106"/>
      <c r="BC998" s="1106"/>
      <c r="BD998" s="1106"/>
      <c r="BE998" s="1106"/>
      <c r="BF998" s="1106"/>
      <c r="BG998" s="1106"/>
      <c r="BH998" s="1106"/>
      <c r="BI998" s="1106"/>
      <c r="BJ998" s="1106"/>
      <c r="BK998" s="1106"/>
      <c r="BL998" s="1106"/>
      <c r="BM998" s="1106"/>
      <c r="BN998" s="1106"/>
      <c r="BO998" s="1106"/>
      <c r="BP998" s="1106"/>
      <c r="BQ998" s="1106"/>
      <c r="BR998" s="1106"/>
      <c r="BS998" s="1106"/>
      <c r="BT998" s="1106"/>
      <c r="BU998" s="1106"/>
      <c r="BV998" s="1106"/>
      <c r="BW998" s="1106"/>
      <c r="BX998" s="1106"/>
      <c r="BY998" s="1106"/>
      <c r="BZ998" s="1106"/>
      <c r="CA998" s="1106"/>
    </row>
    <row r="999" spans="3:79" ht="9" customHeight="1" x14ac:dyDescent="0.2">
      <c r="C999" s="1106"/>
      <c r="D999" s="1106"/>
      <c r="E999" s="1106"/>
      <c r="F999" s="1106"/>
      <c r="G999" s="1106"/>
      <c r="H999" s="1106"/>
      <c r="I999" s="1106"/>
      <c r="J999" s="1106"/>
      <c r="K999" s="1106"/>
      <c r="L999" s="1106"/>
      <c r="M999" s="1106"/>
      <c r="N999" s="1106"/>
      <c r="O999" s="1106"/>
      <c r="AB999" s="1106"/>
      <c r="AC999" s="1106"/>
      <c r="AD999" s="1106"/>
      <c r="AE999" s="1106"/>
      <c r="AF999" s="1106"/>
      <c r="AG999" s="1106"/>
      <c r="AH999" s="1106"/>
      <c r="AL999" s="1106"/>
      <c r="AZ999" s="1106"/>
      <c r="BA999" s="1106"/>
      <c r="BB999" s="1106"/>
      <c r="BC999" s="1106"/>
      <c r="BD999" s="1106"/>
      <c r="BE999" s="1106"/>
      <c r="BF999" s="1106"/>
      <c r="BG999" s="1106"/>
      <c r="BH999" s="1106"/>
      <c r="BI999" s="1106"/>
      <c r="BJ999" s="1106"/>
      <c r="BK999" s="1106"/>
      <c r="BL999" s="1106"/>
      <c r="BM999" s="1106"/>
      <c r="BN999" s="1106"/>
      <c r="BO999" s="1106"/>
      <c r="BP999" s="1106"/>
      <c r="BQ999" s="1106"/>
      <c r="BR999" s="1106"/>
      <c r="BS999" s="1106"/>
      <c r="BT999" s="1106"/>
      <c r="BU999" s="1106"/>
      <c r="BV999" s="1106"/>
      <c r="BW999" s="1106"/>
      <c r="BX999" s="1106"/>
      <c r="BY999" s="1106"/>
      <c r="BZ999" s="1106"/>
      <c r="CA999" s="1106"/>
    </row>
    <row r="1000" spans="3:79" ht="9" customHeight="1" x14ac:dyDescent="0.2">
      <c r="C1000" s="1106"/>
      <c r="D1000" s="1106"/>
      <c r="E1000" s="1106"/>
      <c r="F1000" s="1106"/>
      <c r="G1000" s="1106"/>
      <c r="H1000" s="1106"/>
      <c r="I1000" s="1106"/>
      <c r="J1000" s="1106"/>
      <c r="K1000" s="1106"/>
      <c r="L1000" s="1106"/>
      <c r="M1000" s="1106"/>
      <c r="N1000" s="1106"/>
      <c r="O1000" s="1106"/>
      <c r="U1000" s="1106"/>
      <c r="AB1000" s="1106"/>
      <c r="AC1000" s="1106"/>
      <c r="AD1000" s="1106"/>
      <c r="AE1000" s="1106"/>
      <c r="AF1000" s="1106"/>
      <c r="AG1000" s="1106"/>
      <c r="AH1000" s="1106"/>
      <c r="AL1000" s="1106"/>
      <c r="AT1000" s="1106"/>
      <c r="AU1000" s="1106"/>
      <c r="AV1000" s="1106"/>
      <c r="AW1000" s="1106"/>
      <c r="AX1000" s="1106"/>
      <c r="AY1000" s="1106"/>
      <c r="AZ1000" s="1106"/>
      <c r="BA1000" s="1106"/>
      <c r="BB1000" s="1106"/>
      <c r="BC1000" s="1106"/>
      <c r="BD1000" s="1106"/>
      <c r="BE1000" s="1106"/>
      <c r="BF1000" s="1106"/>
      <c r="BG1000" s="1106"/>
      <c r="BH1000" s="1106"/>
      <c r="BI1000" s="1106"/>
      <c r="BJ1000" s="1106"/>
      <c r="BK1000" s="1106"/>
      <c r="BL1000" s="1106"/>
      <c r="BM1000" s="1106"/>
      <c r="BN1000" s="1106"/>
      <c r="BO1000" s="1106"/>
      <c r="BP1000" s="1106"/>
      <c r="BQ1000" s="1106"/>
      <c r="BR1000" s="1106"/>
      <c r="BS1000" s="1106"/>
      <c r="BT1000" s="1106"/>
      <c r="BU1000" s="1106"/>
      <c r="BV1000" s="1106"/>
      <c r="BW1000" s="1106"/>
      <c r="BX1000" s="1106"/>
      <c r="BY1000" s="1106"/>
      <c r="BZ1000" s="1106"/>
      <c r="CA1000" s="1106"/>
    </row>
    <row r="1001" spans="3:79" ht="9" customHeight="1" x14ac:dyDescent="0.2">
      <c r="C1001" s="1106"/>
      <c r="D1001" s="1106"/>
      <c r="E1001" s="1106"/>
      <c r="F1001" s="1106"/>
      <c r="G1001" s="1106"/>
      <c r="H1001" s="1106"/>
      <c r="I1001" s="1106"/>
      <c r="J1001" s="1106"/>
      <c r="K1001" s="1106"/>
      <c r="L1001" s="1106"/>
      <c r="M1001" s="1106"/>
      <c r="N1001" s="1106"/>
      <c r="O1001" s="1106"/>
      <c r="U1001" s="1106"/>
      <c r="AB1001" s="1106"/>
      <c r="AC1001" s="1106"/>
      <c r="AD1001" s="1106"/>
      <c r="AE1001" s="1106"/>
      <c r="AF1001" s="1106"/>
      <c r="AG1001" s="1106"/>
      <c r="AH1001" s="1106"/>
      <c r="AL1001" s="1106"/>
      <c r="AO1001" s="1106"/>
      <c r="AP1001" s="1106"/>
      <c r="AT1001" s="1106"/>
      <c r="AU1001" s="1106"/>
      <c r="AV1001" s="1106"/>
      <c r="AW1001" s="1106"/>
      <c r="AX1001" s="1106"/>
      <c r="AY1001" s="1106"/>
      <c r="AZ1001" s="1106"/>
      <c r="BA1001" s="1106"/>
      <c r="BB1001" s="1106"/>
      <c r="BC1001" s="1106"/>
      <c r="BD1001" s="1106"/>
      <c r="BE1001" s="1106"/>
      <c r="BF1001" s="1106"/>
      <c r="BG1001" s="1106"/>
      <c r="BH1001" s="1106"/>
      <c r="BI1001" s="1106"/>
      <c r="BJ1001" s="1106"/>
      <c r="BK1001" s="1106"/>
      <c r="BL1001" s="1106"/>
      <c r="BM1001" s="1106"/>
      <c r="BN1001" s="1106"/>
      <c r="BO1001" s="1106"/>
      <c r="BP1001" s="1106"/>
      <c r="BQ1001" s="1106"/>
      <c r="BR1001" s="1106"/>
      <c r="BS1001" s="1106"/>
      <c r="BT1001" s="1106"/>
      <c r="BU1001" s="1106"/>
      <c r="BV1001" s="1106"/>
      <c r="BW1001" s="1106"/>
      <c r="BX1001" s="1106"/>
      <c r="BY1001" s="1106"/>
      <c r="BZ1001" s="1106"/>
      <c r="CA1001" s="1106"/>
    </row>
    <row r="1002" spans="3:79" ht="9" customHeight="1" x14ac:dyDescent="0.2">
      <c r="C1002" s="1106"/>
      <c r="D1002" s="1106"/>
      <c r="E1002" s="1106"/>
      <c r="F1002" s="1106"/>
      <c r="G1002" s="1106"/>
      <c r="H1002" s="1106"/>
      <c r="I1002" s="1106"/>
      <c r="J1002" s="1106"/>
      <c r="K1002" s="1106"/>
      <c r="L1002" s="1106"/>
      <c r="M1002" s="1106"/>
      <c r="N1002" s="1106"/>
      <c r="O1002" s="1106"/>
      <c r="U1002" s="1106"/>
      <c r="AB1002" s="1106"/>
      <c r="AC1002" s="1106"/>
      <c r="AD1002" s="1106"/>
      <c r="AE1002" s="1106"/>
      <c r="AF1002" s="1106"/>
      <c r="AG1002" s="1106"/>
      <c r="AH1002" s="1106"/>
      <c r="AL1002" s="1106"/>
      <c r="AT1002" s="1106"/>
      <c r="AU1002" s="1106"/>
      <c r="AV1002" s="1106"/>
      <c r="AW1002" s="1106"/>
      <c r="AX1002" s="1106"/>
      <c r="AY1002" s="1106"/>
      <c r="AZ1002" s="1106"/>
      <c r="BA1002" s="1106"/>
      <c r="BB1002" s="1106"/>
      <c r="BC1002" s="1106"/>
      <c r="BD1002" s="1106"/>
      <c r="BE1002" s="1106"/>
      <c r="BF1002" s="1106"/>
      <c r="BG1002" s="1106"/>
      <c r="BH1002" s="1106"/>
      <c r="BI1002" s="1106"/>
      <c r="BJ1002" s="1106"/>
      <c r="BK1002" s="1106"/>
      <c r="BL1002" s="1106"/>
      <c r="BM1002" s="1106"/>
      <c r="BN1002" s="1106"/>
      <c r="BO1002" s="1106"/>
      <c r="BP1002" s="1106"/>
      <c r="BQ1002" s="1106"/>
      <c r="BR1002" s="1106"/>
      <c r="BS1002" s="1106"/>
      <c r="BT1002" s="1106"/>
      <c r="BU1002" s="1106"/>
      <c r="BV1002" s="1106"/>
      <c r="BW1002" s="1106"/>
      <c r="BX1002" s="1106"/>
      <c r="BY1002" s="1106"/>
      <c r="BZ1002" s="1106"/>
      <c r="CA1002" s="1106"/>
    </row>
    <row r="1003" spans="3:79" ht="9" customHeight="1" x14ac:dyDescent="0.2">
      <c r="C1003" s="1106"/>
      <c r="D1003" s="1106"/>
      <c r="E1003" s="1106"/>
      <c r="F1003" s="1106"/>
      <c r="G1003" s="1106"/>
      <c r="H1003" s="1106"/>
      <c r="I1003" s="1106"/>
      <c r="J1003" s="1106"/>
      <c r="K1003" s="1106"/>
      <c r="L1003" s="1106"/>
      <c r="M1003" s="1106"/>
      <c r="N1003" s="1106"/>
      <c r="O1003" s="1106"/>
      <c r="AB1003" s="1106"/>
      <c r="AC1003" s="1106"/>
      <c r="AD1003" s="1106"/>
      <c r="AE1003" s="1106"/>
      <c r="AF1003" s="1106"/>
      <c r="AG1003" s="1106"/>
      <c r="AH1003" s="1106"/>
      <c r="AL1003" s="1106"/>
      <c r="AZ1003" s="1106"/>
      <c r="BA1003" s="1106"/>
      <c r="BB1003" s="1106"/>
      <c r="BC1003" s="1106"/>
      <c r="BD1003" s="1106"/>
      <c r="BE1003" s="1106"/>
      <c r="BF1003" s="1106"/>
      <c r="BG1003" s="1106"/>
      <c r="BH1003" s="1106"/>
      <c r="BI1003" s="1106"/>
      <c r="BJ1003" s="1106"/>
      <c r="BK1003" s="1106"/>
      <c r="BL1003" s="1106"/>
      <c r="BM1003" s="1106"/>
      <c r="BN1003" s="1106"/>
      <c r="BO1003" s="1106"/>
      <c r="BP1003" s="1106"/>
      <c r="BQ1003" s="1106"/>
      <c r="BR1003" s="1106"/>
      <c r="BS1003" s="1106"/>
      <c r="BT1003" s="1106"/>
      <c r="BU1003" s="1106"/>
      <c r="BV1003" s="1106"/>
      <c r="BW1003" s="1106"/>
      <c r="BX1003" s="1106"/>
      <c r="BY1003" s="1106"/>
      <c r="BZ1003" s="1106"/>
      <c r="CA1003" s="1106"/>
    </row>
    <row r="1004" spans="3:79" ht="9" customHeight="1" x14ac:dyDescent="0.2">
      <c r="C1004" s="1106"/>
      <c r="D1004" s="1106"/>
      <c r="E1004" s="1106"/>
      <c r="F1004" s="1106"/>
      <c r="G1004" s="1106"/>
      <c r="H1004" s="1106"/>
      <c r="I1004" s="1106"/>
      <c r="J1004" s="1106"/>
      <c r="K1004" s="1106"/>
      <c r="L1004" s="1106"/>
      <c r="M1004" s="1106"/>
      <c r="N1004" s="1106"/>
      <c r="O1004" s="1106"/>
      <c r="AB1004" s="1106"/>
      <c r="AC1004" s="1106"/>
      <c r="AD1004" s="1106"/>
      <c r="AE1004" s="1106"/>
      <c r="AF1004" s="1106"/>
      <c r="AG1004" s="1106"/>
      <c r="AH1004" s="1106"/>
      <c r="AL1004" s="1106"/>
      <c r="AZ1004" s="1106"/>
      <c r="BA1004" s="1106"/>
      <c r="BB1004" s="1106"/>
      <c r="BC1004" s="1106"/>
      <c r="BD1004" s="1106"/>
      <c r="BE1004" s="1106"/>
      <c r="BF1004" s="1106"/>
      <c r="BG1004" s="1106"/>
      <c r="BH1004" s="1106"/>
      <c r="BI1004" s="1106"/>
      <c r="BJ1004" s="1106"/>
      <c r="BK1004" s="1106"/>
      <c r="BL1004" s="1106"/>
      <c r="BM1004" s="1106"/>
      <c r="BN1004" s="1106"/>
      <c r="BO1004" s="1106"/>
      <c r="BP1004" s="1106"/>
      <c r="BQ1004" s="1106"/>
      <c r="BR1004" s="1106"/>
      <c r="BS1004" s="1106"/>
      <c r="BT1004" s="1106"/>
      <c r="BU1004" s="1106"/>
      <c r="BV1004" s="1106"/>
      <c r="BW1004" s="1106"/>
      <c r="BX1004" s="1106"/>
      <c r="BY1004" s="1106"/>
      <c r="BZ1004" s="1106"/>
      <c r="CA1004" s="1106"/>
    </row>
    <row r="1005" spans="3:79" ht="9" customHeight="1" x14ac:dyDescent="0.2">
      <c r="C1005" s="1106"/>
      <c r="D1005" s="1106"/>
      <c r="E1005" s="1106"/>
      <c r="F1005" s="1106"/>
      <c r="G1005" s="1106"/>
      <c r="H1005" s="1106"/>
      <c r="I1005" s="1106"/>
      <c r="J1005" s="1106"/>
      <c r="K1005" s="1106"/>
      <c r="L1005" s="1106"/>
      <c r="M1005" s="1106"/>
      <c r="N1005" s="1106"/>
      <c r="O1005" s="1106"/>
      <c r="AB1005" s="1106"/>
      <c r="AC1005" s="1106"/>
      <c r="AD1005" s="1106"/>
      <c r="AE1005" s="1106"/>
      <c r="AF1005" s="1106"/>
      <c r="AG1005" s="1106"/>
      <c r="AH1005" s="1106"/>
      <c r="AL1005" s="1106"/>
      <c r="AZ1005" s="1106"/>
      <c r="BA1005" s="1106"/>
      <c r="BB1005" s="1106"/>
      <c r="BC1005" s="1106"/>
      <c r="BD1005" s="1106"/>
      <c r="BE1005" s="1106"/>
      <c r="BF1005" s="1106"/>
      <c r="BG1005" s="1106"/>
      <c r="BH1005" s="1106"/>
      <c r="BI1005" s="1106"/>
      <c r="BJ1005" s="1106"/>
      <c r="BK1005" s="1106"/>
      <c r="BL1005" s="1106"/>
      <c r="BM1005" s="1106"/>
      <c r="BN1005" s="1106"/>
      <c r="BO1005" s="1106"/>
      <c r="BP1005" s="1106"/>
      <c r="BQ1005" s="1106"/>
      <c r="BR1005" s="1106"/>
      <c r="BS1005" s="1106"/>
      <c r="BT1005" s="1106"/>
      <c r="BU1005" s="1106"/>
      <c r="BV1005" s="1106"/>
      <c r="BW1005" s="1106"/>
      <c r="BX1005" s="1106"/>
      <c r="BY1005" s="1106"/>
      <c r="BZ1005" s="1106"/>
      <c r="CA1005" s="1106"/>
    </row>
    <row r="1006" spans="3:79" ht="9" customHeight="1" x14ac:dyDescent="0.2">
      <c r="C1006" s="1106"/>
      <c r="D1006" s="1106"/>
      <c r="E1006" s="1106"/>
      <c r="F1006" s="1106"/>
      <c r="G1006" s="1106"/>
      <c r="H1006" s="1106"/>
      <c r="I1006" s="1106"/>
      <c r="J1006" s="1106"/>
      <c r="K1006" s="1106"/>
      <c r="L1006" s="1106"/>
      <c r="M1006" s="1106"/>
      <c r="N1006" s="1106"/>
      <c r="O1006" s="1106"/>
      <c r="U1006" s="1106"/>
      <c r="AB1006" s="1106"/>
      <c r="AC1006" s="1106"/>
      <c r="AD1006" s="1106"/>
      <c r="AE1006" s="1106"/>
      <c r="AF1006" s="1106"/>
      <c r="AG1006" s="1106"/>
      <c r="AH1006" s="1106"/>
      <c r="AL1006" s="1106"/>
      <c r="AT1006" s="1106"/>
      <c r="AU1006" s="1106"/>
      <c r="AV1006" s="1106"/>
      <c r="AW1006" s="1106"/>
      <c r="AX1006" s="1106"/>
      <c r="AY1006" s="1106"/>
      <c r="AZ1006" s="1106"/>
      <c r="BA1006" s="1106"/>
      <c r="BB1006" s="1106"/>
      <c r="BC1006" s="1106"/>
      <c r="BD1006" s="1106"/>
      <c r="BE1006" s="1106"/>
      <c r="BF1006" s="1106"/>
      <c r="BG1006" s="1106"/>
      <c r="BH1006" s="1106"/>
      <c r="BI1006" s="1106"/>
      <c r="BJ1006" s="1106"/>
      <c r="BK1006" s="1106"/>
      <c r="BL1006" s="1106"/>
      <c r="BM1006" s="1106"/>
      <c r="BN1006" s="1106"/>
      <c r="BO1006" s="1106"/>
      <c r="BP1006" s="1106"/>
      <c r="BQ1006" s="1106"/>
      <c r="BR1006" s="1106"/>
      <c r="BS1006" s="1106"/>
      <c r="BT1006" s="1106"/>
      <c r="BU1006" s="1106"/>
      <c r="BV1006" s="1106"/>
      <c r="BW1006" s="1106"/>
      <c r="BX1006" s="1106"/>
      <c r="BY1006" s="1106"/>
      <c r="BZ1006" s="1106"/>
      <c r="CA1006" s="1106"/>
    </row>
    <row r="1007" spans="3:79" ht="9" customHeight="1" x14ac:dyDescent="0.2">
      <c r="C1007" s="1106"/>
      <c r="D1007" s="1106"/>
      <c r="E1007" s="1106"/>
      <c r="F1007" s="1106"/>
      <c r="G1007" s="1106"/>
      <c r="H1007" s="1106"/>
      <c r="I1007" s="1106"/>
      <c r="J1007" s="1106"/>
      <c r="K1007" s="1106"/>
      <c r="L1007" s="1106"/>
      <c r="M1007" s="1106"/>
      <c r="N1007" s="1106"/>
      <c r="O1007" s="1106"/>
      <c r="U1007" s="1106"/>
      <c r="AB1007" s="1106"/>
      <c r="AC1007" s="1106"/>
      <c r="AD1007" s="1106"/>
      <c r="AE1007" s="1106"/>
      <c r="AF1007" s="1106"/>
      <c r="AG1007" s="1106"/>
      <c r="AH1007" s="1106"/>
      <c r="AL1007" s="1106"/>
      <c r="AO1007" s="1106"/>
      <c r="AP1007" s="1106"/>
      <c r="AT1007" s="1106"/>
      <c r="AU1007" s="1106"/>
      <c r="AV1007" s="1106"/>
      <c r="AW1007" s="1106"/>
      <c r="AX1007" s="1106"/>
      <c r="AY1007" s="1106"/>
      <c r="AZ1007" s="1106"/>
      <c r="BA1007" s="1106"/>
      <c r="BB1007" s="1106"/>
      <c r="BC1007" s="1106"/>
      <c r="BD1007" s="1106"/>
      <c r="BE1007" s="1106"/>
      <c r="BF1007" s="1106"/>
      <c r="BG1007" s="1106"/>
      <c r="BH1007" s="1106"/>
      <c r="BI1007" s="1106"/>
      <c r="BJ1007" s="1106"/>
      <c r="BK1007" s="1106"/>
      <c r="BL1007" s="1106"/>
      <c r="BM1007" s="1106"/>
      <c r="BN1007" s="1106"/>
      <c r="BO1007" s="1106"/>
      <c r="BP1007" s="1106"/>
      <c r="BQ1007" s="1106"/>
      <c r="BR1007" s="1106"/>
      <c r="BS1007" s="1106"/>
      <c r="BT1007" s="1106"/>
      <c r="BU1007" s="1106"/>
      <c r="BV1007" s="1106"/>
      <c r="BW1007" s="1106"/>
      <c r="BX1007" s="1106"/>
      <c r="BY1007" s="1106"/>
      <c r="BZ1007" s="1106"/>
      <c r="CA1007" s="1106"/>
    </row>
    <row r="1008" spans="3:79" ht="9" customHeight="1" x14ac:dyDescent="0.2">
      <c r="C1008" s="1106"/>
      <c r="D1008" s="1106"/>
      <c r="E1008" s="1106"/>
      <c r="F1008" s="1106"/>
      <c r="G1008" s="1106"/>
      <c r="H1008" s="1106"/>
      <c r="I1008" s="1106"/>
      <c r="J1008" s="1106"/>
      <c r="K1008" s="1106"/>
      <c r="L1008" s="1106"/>
      <c r="M1008" s="1106"/>
      <c r="N1008" s="1106"/>
      <c r="O1008" s="1106"/>
      <c r="U1008" s="1106"/>
      <c r="AB1008" s="1106"/>
      <c r="AC1008" s="1106"/>
      <c r="AD1008" s="1106"/>
      <c r="AE1008" s="1106"/>
      <c r="AF1008" s="1106"/>
      <c r="AG1008" s="1106"/>
      <c r="AH1008" s="1106"/>
      <c r="AL1008" s="1106"/>
      <c r="AT1008" s="1106"/>
      <c r="AU1008" s="1106"/>
      <c r="AV1008" s="1106"/>
      <c r="AW1008" s="1106"/>
      <c r="AX1008" s="1106"/>
      <c r="AY1008" s="1106"/>
      <c r="AZ1008" s="1106"/>
      <c r="BA1008" s="1106"/>
      <c r="BB1008" s="1106"/>
      <c r="BC1008" s="1106"/>
      <c r="BD1008" s="1106"/>
      <c r="BE1008" s="1106"/>
      <c r="BF1008" s="1106"/>
      <c r="BG1008" s="1106"/>
      <c r="BH1008" s="1106"/>
      <c r="BI1008" s="1106"/>
      <c r="BJ1008" s="1106"/>
      <c r="BK1008" s="1106"/>
      <c r="BL1008" s="1106"/>
      <c r="BM1008" s="1106"/>
      <c r="BN1008" s="1106"/>
      <c r="BO1008" s="1106"/>
      <c r="BP1008" s="1106"/>
      <c r="BQ1008" s="1106"/>
      <c r="BR1008" s="1106"/>
      <c r="BS1008" s="1106"/>
      <c r="BT1008" s="1106"/>
      <c r="BU1008" s="1106"/>
      <c r="BV1008" s="1106"/>
      <c r="BW1008" s="1106"/>
      <c r="BX1008" s="1106"/>
      <c r="BY1008" s="1106"/>
      <c r="BZ1008" s="1106"/>
      <c r="CA1008" s="1106"/>
    </row>
    <row r="1009" spans="3:79" ht="9" customHeight="1" x14ac:dyDescent="0.2">
      <c r="C1009" s="1106"/>
      <c r="D1009" s="1106"/>
      <c r="E1009" s="1106"/>
      <c r="F1009" s="1106"/>
      <c r="G1009" s="1106"/>
      <c r="H1009" s="1106"/>
      <c r="I1009" s="1106"/>
      <c r="J1009" s="1106"/>
      <c r="K1009" s="1106"/>
      <c r="L1009" s="1106"/>
      <c r="M1009" s="1106"/>
      <c r="N1009" s="1106"/>
      <c r="O1009" s="1106"/>
      <c r="AB1009" s="1106"/>
      <c r="AC1009" s="1106"/>
      <c r="AD1009" s="1106"/>
      <c r="AE1009" s="1106"/>
      <c r="AF1009" s="1106"/>
      <c r="AG1009" s="1106"/>
      <c r="AH1009" s="1106"/>
      <c r="AL1009" s="1106"/>
      <c r="AZ1009" s="1106"/>
      <c r="BA1009" s="1106"/>
      <c r="BB1009" s="1106"/>
      <c r="BC1009" s="1106"/>
      <c r="BD1009" s="1106"/>
      <c r="BE1009" s="1106"/>
      <c r="BF1009" s="1106"/>
      <c r="BG1009" s="1106"/>
      <c r="BH1009" s="1106"/>
      <c r="BI1009" s="1106"/>
      <c r="BJ1009" s="1106"/>
      <c r="BK1009" s="1106"/>
      <c r="BL1009" s="1106"/>
      <c r="BM1009" s="1106"/>
      <c r="BN1009" s="1106"/>
      <c r="BO1009" s="1106"/>
      <c r="BP1009" s="1106"/>
      <c r="BQ1009" s="1106"/>
      <c r="BR1009" s="1106"/>
      <c r="BS1009" s="1106"/>
      <c r="BT1009" s="1106"/>
      <c r="BU1009" s="1106"/>
      <c r="BV1009" s="1106"/>
      <c r="BW1009" s="1106"/>
      <c r="BX1009" s="1106"/>
      <c r="BY1009" s="1106"/>
      <c r="BZ1009" s="1106"/>
      <c r="CA1009" s="1106"/>
    </row>
    <row r="1010" spans="3:79" ht="9" customHeight="1" x14ac:dyDescent="0.2">
      <c r="C1010" s="1106"/>
      <c r="D1010" s="1106"/>
      <c r="E1010" s="1106"/>
      <c r="F1010" s="1106"/>
      <c r="G1010" s="1106"/>
      <c r="H1010" s="1106"/>
      <c r="I1010" s="1106"/>
      <c r="J1010" s="1106"/>
      <c r="K1010" s="1106"/>
      <c r="L1010" s="1106"/>
      <c r="M1010" s="1106"/>
      <c r="N1010" s="1106"/>
      <c r="O1010" s="1106"/>
      <c r="AB1010" s="1106"/>
      <c r="AC1010" s="1106"/>
      <c r="AD1010" s="1106"/>
      <c r="AE1010" s="1106"/>
      <c r="AF1010" s="1106"/>
      <c r="AG1010" s="1106"/>
      <c r="AH1010" s="1106"/>
      <c r="AL1010" s="1106"/>
      <c r="AZ1010" s="1106"/>
      <c r="BA1010" s="1106"/>
      <c r="BB1010" s="1106"/>
      <c r="BC1010" s="1106"/>
      <c r="BD1010" s="1106"/>
      <c r="BE1010" s="1106"/>
      <c r="BF1010" s="1106"/>
      <c r="BG1010" s="1106"/>
      <c r="BH1010" s="1106"/>
      <c r="BI1010" s="1106"/>
      <c r="BJ1010" s="1106"/>
      <c r="BK1010" s="1106"/>
      <c r="BL1010" s="1106"/>
      <c r="BM1010" s="1106"/>
      <c r="BN1010" s="1106"/>
      <c r="BO1010" s="1106"/>
      <c r="BP1010" s="1106"/>
      <c r="BQ1010" s="1106"/>
      <c r="BR1010" s="1106"/>
      <c r="BS1010" s="1106"/>
      <c r="BT1010" s="1106"/>
      <c r="BU1010" s="1106"/>
      <c r="BV1010" s="1106"/>
      <c r="BW1010" s="1106"/>
      <c r="BX1010" s="1106"/>
      <c r="BY1010" s="1106"/>
      <c r="BZ1010" s="1106"/>
      <c r="CA1010" s="1106"/>
    </row>
    <row r="1011" spans="3:79" ht="9" customHeight="1" x14ac:dyDescent="0.2">
      <c r="C1011" s="1106"/>
      <c r="D1011" s="1106"/>
      <c r="E1011" s="1106"/>
      <c r="F1011" s="1106"/>
      <c r="G1011" s="1106"/>
      <c r="H1011" s="1106"/>
      <c r="I1011" s="1106"/>
      <c r="J1011" s="1106"/>
      <c r="K1011" s="1106"/>
      <c r="L1011" s="1106"/>
      <c r="M1011" s="1106"/>
      <c r="N1011" s="1106"/>
      <c r="O1011" s="1106"/>
      <c r="AB1011" s="1106"/>
      <c r="AC1011" s="1106"/>
      <c r="AD1011" s="1106"/>
      <c r="AE1011" s="1106"/>
      <c r="AF1011" s="1106"/>
      <c r="AG1011" s="1106"/>
      <c r="AH1011" s="1106"/>
      <c r="AL1011" s="1106"/>
      <c r="AZ1011" s="1106"/>
      <c r="BA1011" s="1106"/>
      <c r="BB1011" s="1106"/>
      <c r="BC1011" s="1106"/>
      <c r="BD1011" s="1106"/>
      <c r="BE1011" s="1106"/>
      <c r="BF1011" s="1106"/>
      <c r="BG1011" s="1106"/>
      <c r="BH1011" s="1106"/>
      <c r="BI1011" s="1106"/>
      <c r="BJ1011" s="1106"/>
      <c r="BK1011" s="1106"/>
      <c r="BL1011" s="1106"/>
      <c r="BM1011" s="1106"/>
      <c r="BN1011" s="1106"/>
      <c r="BO1011" s="1106"/>
      <c r="BP1011" s="1106"/>
      <c r="BQ1011" s="1106"/>
      <c r="BR1011" s="1106"/>
      <c r="BS1011" s="1106"/>
      <c r="BT1011" s="1106"/>
      <c r="BU1011" s="1106"/>
      <c r="BV1011" s="1106"/>
      <c r="BW1011" s="1106"/>
      <c r="BX1011" s="1106"/>
      <c r="BY1011" s="1106"/>
      <c r="BZ1011" s="1106"/>
      <c r="CA1011" s="1106"/>
    </row>
    <row r="1012" spans="3:79" ht="9" customHeight="1" x14ac:dyDescent="0.2">
      <c r="C1012" s="1106"/>
      <c r="D1012" s="1106"/>
      <c r="E1012" s="1106"/>
      <c r="F1012" s="1106"/>
      <c r="G1012" s="1106"/>
      <c r="H1012" s="1106"/>
      <c r="I1012" s="1106"/>
      <c r="J1012" s="1106"/>
      <c r="K1012" s="1106"/>
      <c r="L1012" s="1106"/>
      <c r="M1012" s="1106"/>
      <c r="N1012" s="1106"/>
      <c r="O1012" s="1106"/>
      <c r="U1012" s="1106"/>
      <c r="AB1012" s="1106"/>
      <c r="AC1012" s="1106"/>
      <c r="AD1012" s="1106"/>
      <c r="AE1012" s="1106"/>
      <c r="AF1012" s="1106"/>
      <c r="AG1012" s="1106"/>
      <c r="AH1012" s="1106"/>
      <c r="AL1012" s="1106"/>
      <c r="AT1012" s="1106"/>
      <c r="AU1012" s="1106"/>
      <c r="AV1012" s="1106"/>
      <c r="AW1012" s="1106"/>
      <c r="AX1012" s="1106"/>
      <c r="AY1012" s="1106"/>
      <c r="AZ1012" s="1106"/>
      <c r="BA1012" s="1106"/>
      <c r="BB1012" s="1106"/>
      <c r="BC1012" s="1106"/>
      <c r="BD1012" s="1106"/>
      <c r="BE1012" s="1106"/>
      <c r="BF1012" s="1106"/>
      <c r="BG1012" s="1106"/>
      <c r="BH1012" s="1106"/>
      <c r="BI1012" s="1106"/>
      <c r="BJ1012" s="1106"/>
      <c r="BK1012" s="1106"/>
      <c r="BL1012" s="1106"/>
      <c r="BM1012" s="1106"/>
      <c r="BN1012" s="1106"/>
      <c r="BO1012" s="1106"/>
      <c r="BP1012" s="1106"/>
      <c r="BQ1012" s="1106"/>
      <c r="BR1012" s="1106"/>
      <c r="BS1012" s="1106"/>
      <c r="BT1012" s="1106"/>
      <c r="BU1012" s="1106"/>
      <c r="BV1012" s="1106"/>
      <c r="BW1012" s="1106"/>
      <c r="BX1012" s="1106"/>
      <c r="BY1012" s="1106"/>
      <c r="BZ1012" s="1106"/>
      <c r="CA1012" s="1106"/>
    </row>
    <row r="1013" spans="3:79" ht="9" customHeight="1" x14ac:dyDescent="0.2">
      <c r="C1013" s="1106"/>
      <c r="D1013" s="1106"/>
      <c r="E1013" s="1106"/>
      <c r="F1013" s="1106"/>
      <c r="G1013" s="1106"/>
      <c r="H1013" s="1106"/>
      <c r="I1013" s="1106"/>
      <c r="J1013" s="1106"/>
      <c r="K1013" s="1106"/>
      <c r="L1013" s="1106"/>
      <c r="M1013" s="1106"/>
      <c r="N1013" s="1106"/>
      <c r="O1013" s="1106"/>
      <c r="U1013" s="1106"/>
      <c r="AB1013" s="1106"/>
      <c r="AC1013" s="1106"/>
      <c r="AD1013" s="1106"/>
      <c r="AE1013" s="1106"/>
      <c r="AF1013" s="1106"/>
      <c r="AG1013" s="1106"/>
      <c r="AH1013" s="1106"/>
      <c r="AL1013" s="1106"/>
      <c r="AO1013" s="1106"/>
      <c r="AP1013" s="1106"/>
      <c r="AT1013" s="1106"/>
      <c r="AU1013" s="1106"/>
      <c r="AV1013" s="1106"/>
      <c r="AW1013" s="1106"/>
      <c r="AX1013" s="1106"/>
      <c r="AY1013" s="1106"/>
      <c r="AZ1013" s="1106"/>
      <c r="BA1013" s="1106"/>
      <c r="BB1013" s="1106"/>
      <c r="BC1013" s="1106"/>
      <c r="BD1013" s="1106"/>
      <c r="BE1013" s="1106"/>
      <c r="BF1013" s="1106"/>
      <c r="BG1013" s="1106"/>
      <c r="BH1013" s="1106"/>
      <c r="BI1013" s="1106"/>
      <c r="BJ1013" s="1106"/>
      <c r="BK1013" s="1106"/>
      <c r="BL1013" s="1106"/>
      <c r="BM1013" s="1106"/>
      <c r="BN1013" s="1106"/>
      <c r="BO1013" s="1106"/>
      <c r="BP1013" s="1106"/>
      <c r="BQ1013" s="1106"/>
      <c r="BR1013" s="1106"/>
      <c r="BS1013" s="1106"/>
      <c r="BT1013" s="1106"/>
      <c r="BU1013" s="1106"/>
      <c r="BV1013" s="1106"/>
      <c r="BW1013" s="1106"/>
      <c r="BX1013" s="1106"/>
      <c r="BY1013" s="1106"/>
      <c r="BZ1013" s="1106"/>
      <c r="CA1013" s="1106"/>
    </row>
    <row r="1014" spans="3:79" ht="9" customHeight="1" x14ac:dyDescent="0.2">
      <c r="C1014" s="1106"/>
      <c r="D1014" s="1106"/>
      <c r="E1014" s="1106"/>
      <c r="F1014" s="1106"/>
      <c r="G1014" s="1106"/>
      <c r="H1014" s="1106"/>
      <c r="I1014" s="1106"/>
      <c r="J1014" s="1106"/>
      <c r="K1014" s="1106"/>
      <c r="L1014" s="1106"/>
      <c r="M1014" s="1106"/>
      <c r="N1014" s="1106"/>
      <c r="O1014" s="1106"/>
      <c r="U1014" s="1106"/>
      <c r="AB1014" s="1106"/>
      <c r="AC1014" s="1106"/>
      <c r="AD1014" s="1106"/>
      <c r="AE1014" s="1106"/>
      <c r="AF1014" s="1106"/>
      <c r="AG1014" s="1106"/>
      <c r="AH1014" s="1106"/>
      <c r="AL1014" s="1106"/>
      <c r="AT1014" s="1106"/>
      <c r="AU1014" s="1106"/>
      <c r="AV1014" s="1106"/>
      <c r="AW1014" s="1106"/>
      <c r="AX1014" s="1106"/>
      <c r="AY1014" s="1106"/>
      <c r="AZ1014" s="1106"/>
      <c r="BA1014" s="1106"/>
      <c r="BB1014" s="1106"/>
      <c r="BC1014" s="1106"/>
      <c r="BD1014" s="1106"/>
      <c r="BE1014" s="1106"/>
      <c r="BF1014" s="1106"/>
      <c r="BG1014" s="1106"/>
      <c r="BH1014" s="1106"/>
      <c r="BI1014" s="1106"/>
      <c r="BJ1014" s="1106"/>
      <c r="BK1014" s="1106"/>
      <c r="BL1014" s="1106"/>
      <c r="BM1014" s="1106"/>
      <c r="BN1014" s="1106"/>
      <c r="BO1014" s="1106"/>
      <c r="BP1014" s="1106"/>
      <c r="BQ1014" s="1106"/>
      <c r="BR1014" s="1106"/>
      <c r="BS1014" s="1106"/>
      <c r="BT1014" s="1106"/>
      <c r="BU1014" s="1106"/>
      <c r="BV1014" s="1106"/>
      <c r="BW1014" s="1106"/>
      <c r="BX1014" s="1106"/>
      <c r="BY1014" s="1106"/>
      <c r="BZ1014" s="1106"/>
      <c r="CA1014" s="1106"/>
    </row>
    <row r="1015" spans="3:79" ht="9" customHeight="1" x14ac:dyDescent="0.2">
      <c r="C1015" s="1106"/>
      <c r="D1015" s="1106"/>
      <c r="E1015" s="1106"/>
      <c r="F1015" s="1106"/>
      <c r="G1015" s="1106"/>
      <c r="H1015" s="1106"/>
      <c r="I1015" s="1106"/>
      <c r="J1015" s="1106"/>
      <c r="K1015" s="1106"/>
      <c r="L1015" s="1106"/>
      <c r="M1015" s="1106"/>
      <c r="N1015" s="1106"/>
      <c r="O1015" s="1106"/>
      <c r="AB1015" s="1106"/>
      <c r="AC1015" s="1106"/>
      <c r="AD1015" s="1106"/>
      <c r="AE1015" s="1106"/>
      <c r="AF1015" s="1106"/>
      <c r="AG1015" s="1106"/>
      <c r="AH1015" s="1106"/>
      <c r="AL1015" s="1106"/>
      <c r="AZ1015" s="1106"/>
      <c r="BA1015" s="1106"/>
      <c r="BB1015" s="1106"/>
      <c r="BC1015" s="1106"/>
      <c r="BD1015" s="1106"/>
      <c r="BE1015" s="1106"/>
      <c r="BF1015" s="1106"/>
      <c r="BG1015" s="1106"/>
      <c r="BH1015" s="1106"/>
      <c r="BI1015" s="1106"/>
      <c r="BJ1015" s="1106"/>
      <c r="BK1015" s="1106"/>
      <c r="BL1015" s="1106"/>
      <c r="BM1015" s="1106"/>
      <c r="BN1015" s="1106"/>
      <c r="BO1015" s="1106"/>
      <c r="BP1015" s="1106"/>
      <c r="BQ1015" s="1106"/>
      <c r="BR1015" s="1106"/>
      <c r="BS1015" s="1106"/>
      <c r="BT1015" s="1106"/>
      <c r="BU1015" s="1106"/>
      <c r="BV1015" s="1106"/>
      <c r="BW1015" s="1106"/>
      <c r="BX1015" s="1106"/>
      <c r="BY1015" s="1106"/>
      <c r="BZ1015" s="1106"/>
      <c r="CA1015" s="1106"/>
    </row>
    <row r="1016" spans="3:79" ht="9" customHeight="1" x14ac:dyDescent="0.2">
      <c r="C1016" s="1106"/>
      <c r="D1016" s="1106"/>
      <c r="E1016" s="1106"/>
      <c r="F1016" s="1106"/>
      <c r="G1016" s="1106"/>
      <c r="H1016" s="1106"/>
      <c r="I1016" s="1106"/>
      <c r="J1016" s="1106"/>
      <c r="K1016" s="1106"/>
      <c r="L1016" s="1106"/>
      <c r="M1016" s="1106"/>
      <c r="N1016" s="1106"/>
      <c r="O1016" s="1106"/>
      <c r="AB1016" s="1106"/>
      <c r="AC1016" s="1106"/>
      <c r="AD1016" s="1106"/>
      <c r="AE1016" s="1106"/>
      <c r="AF1016" s="1106"/>
      <c r="AG1016" s="1106"/>
      <c r="AH1016" s="1106"/>
      <c r="AL1016" s="1106"/>
      <c r="AZ1016" s="1106"/>
      <c r="BA1016" s="1106"/>
      <c r="BB1016" s="1106"/>
      <c r="BC1016" s="1106"/>
      <c r="BD1016" s="1106"/>
      <c r="BE1016" s="1106"/>
      <c r="BF1016" s="1106"/>
      <c r="BG1016" s="1106"/>
      <c r="BH1016" s="1106"/>
      <c r="BI1016" s="1106"/>
      <c r="BJ1016" s="1106"/>
      <c r="BK1016" s="1106"/>
      <c r="BL1016" s="1106"/>
      <c r="BM1016" s="1106"/>
      <c r="BN1016" s="1106"/>
      <c r="BO1016" s="1106"/>
      <c r="BP1016" s="1106"/>
      <c r="BQ1016" s="1106"/>
      <c r="BR1016" s="1106"/>
      <c r="BS1016" s="1106"/>
      <c r="BT1016" s="1106"/>
      <c r="BU1016" s="1106"/>
      <c r="BV1016" s="1106"/>
      <c r="BW1016" s="1106"/>
      <c r="BX1016" s="1106"/>
      <c r="BY1016" s="1106"/>
      <c r="BZ1016" s="1106"/>
      <c r="CA1016" s="1106"/>
    </row>
    <row r="1017" spans="3:79" ht="9" customHeight="1" x14ac:dyDescent="0.2">
      <c r="C1017" s="1106"/>
      <c r="D1017" s="1106"/>
      <c r="E1017" s="1106"/>
      <c r="F1017" s="1106"/>
      <c r="G1017" s="1106"/>
      <c r="H1017" s="1106"/>
      <c r="I1017" s="1106"/>
      <c r="J1017" s="1106"/>
      <c r="K1017" s="1106"/>
      <c r="L1017" s="1106"/>
      <c r="M1017" s="1106"/>
      <c r="N1017" s="1106"/>
      <c r="O1017" s="1106"/>
      <c r="AB1017" s="1106"/>
      <c r="AC1017" s="1106"/>
      <c r="AD1017" s="1106"/>
      <c r="AE1017" s="1106"/>
      <c r="AF1017" s="1106"/>
      <c r="AG1017" s="1106"/>
      <c r="AH1017" s="1106"/>
      <c r="AL1017" s="1106"/>
      <c r="AZ1017" s="1106"/>
      <c r="BA1017" s="1106"/>
      <c r="BB1017" s="1106"/>
      <c r="BC1017" s="1106"/>
      <c r="BD1017" s="1106"/>
      <c r="BE1017" s="1106"/>
      <c r="BF1017" s="1106"/>
      <c r="BG1017" s="1106"/>
      <c r="BH1017" s="1106"/>
      <c r="BI1017" s="1106"/>
      <c r="BJ1017" s="1106"/>
      <c r="BK1017" s="1106"/>
      <c r="BL1017" s="1106"/>
      <c r="BM1017" s="1106"/>
      <c r="BN1017" s="1106"/>
      <c r="BO1017" s="1106"/>
      <c r="BP1017" s="1106"/>
      <c r="BQ1017" s="1106"/>
      <c r="BR1017" s="1106"/>
      <c r="BS1017" s="1106"/>
      <c r="BT1017" s="1106"/>
      <c r="BU1017" s="1106"/>
      <c r="BV1017" s="1106"/>
      <c r="BW1017" s="1106"/>
      <c r="BX1017" s="1106"/>
      <c r="BY1017" s="1106"/>
      <c r="BZ1017" s="1106"/>
      <c r="CA1017" s="1106"/>
    </row>
    <row r="1018" spans="3:79" ht="9" customHeight="1" x14ac:dyDescent="0.2">
      <c r="C1018" s="1106"/>
      <c r="D1018" s="1106"/>
      <c r="E1018" s="1106"/>
      <c r="F1018" s="1106"/>
      <c r="G1018" s="1106"/>
      <c r="H1018" s="1106"/>
      <c r="I1018" s="1106"/>
      <c r="J1018" s="1106"/>
      <c r="K1018" s="1106"/>
      <c r="L1018" s="1106"/>
      <c r="M1018" s="1106"/>
      <c r="N1018" s="1106"/>
      <c r="O1018" s="1106"/>
      <c r="U1018" s="1106"/>
      <c r="AB1018" s="1106"/>
      <c r="AC1018" s="1106"/>
      <c r="AD1018" s="1106"/>
      <c r="AE1018" s="1106"/>
      <c r="AF1018" s="1106"/>
      <c r="AG1018" s="1106"/>
      <c r="AH1018" s="1106"/>
      <c r="AL1018" s="1106"/>
      <c r="AT1018" s="1106"/>
      <c r="AU1018" s="1106"/>
      <c r="AV1018" s="1106"/>
      <c r="AW1018" s="1106"/>
      <c r="AX1018" s="1106"/>
      <c r="AY1018" s="1106"/>
      <c r="AZ1018" s="1106"/>
      <c r="BA1018" s="1106"/>
      <c r="BB1018" s="1106"/>
      <c r="BC1018" s="1106"/>
      <c r="BD1018" s="1106"/>
      <c r="BE1018" s="1106"/>
      <c r="BF1018" s="1106"/>
      <c r="BG1018" s="1106"/>
      <c r="BH1018" s="1106"/>
      <c r="BI1018" s="1106"/>
      <c r="BJ1018" s="1106"/>
      <c r="BK1018" s="1106"/>
      <c r="BL1018" s="1106"/>
      <c r="BM1018" s="1106"/>
      <c r="BN1018" s="1106"/>
      <c r="BO1018" s="1106"/>
      <c r="BP1018" s="1106"/>
      <c r="BQ1018" s="1106"/>
      <c r="BR1018" s="1106"/>
      <c r="BS1018" s="1106"/>
      <c r="BT1018" s="1106"/>
      <c r="BU1018" s="1106"/>
      <c r="BV1018" s="1106"/>
      <c r="BW1018" s="1106"/>
      <c r="BX1018" s="1106"/>
      <c r="BY1018" s="1106"/>
      <c r="BZ1018" s="1106"/>
      <c r="CA1018" s="1106"/>
    </row>
    <row r="1019" spans="3:79" ht="9" customHeight="1" x14ac:dyDescent="0.2">
      <c r="C1019" s="1106"/>
      <c r="D1019" s="1106"/>
      <c r="E1019" s="1106"/>
      <c r="F1019" s="1106"/>
      <c r="G1019" s="1106"/>
      <c r="H1019" s="1106"/>
      <c r="I1019" s="1106"/>
      <c r="J1019" s="1106"/>
      <c r="K1019" s="1106"/>
      <c r="L1019" s="1106"/>
      <c r="M1019" s="1106"/>
      <c r="N1019" s="1106"/>
      <c r="O1019" s="1106"/>
      <c r="U1019" s="1106"/>
      <c r="AB1019" s="1106"/>
      <c r="AC1019" s="1106"/>
      <c r="AD1019" s="1106"/>
      <c r="AE1019" s="1106"/>
      <c r="AF1019" s="1106"/>
      <c r="AG1019" s="1106"/>
      <c r="AH1019" s="1106"/>
      <c r="AL1019" s="1106"/>
      <c r="AO1019" s="1106"/>
      <c r="AP1019" s="1106"/>
      <c r="AT1019" s="1106"/>
      <c r="AU1019" s="1106"/>
      <c r="AV1019" s="1106"/>
      <c r="AW1019" s="1106"/>
      <c r="AX1019" s="1106"/>
      <c r="AY1019" s="1106"/>
      <c r="AZ1019" s="1106"/>
      <c r="BA1019" s="1106"/>
      <c r="BB1019" s="1106"/>
      <c r="BC1019" s="1106"/>
      <c r="BD1019" s="1106"/>
      <c r="BE1019" s="1106"/>
      <c r="BF1019" s="1106"/>
      <c r="BG1019" s="1106"/>
      <c r="BH1019" s="1106"/>
      <c r="BI1019" s="1106"/>
      <c r="BJ1019" s="1106"/>
      <c r="BK1019" s="1106"/>
      <c r="BL1019" s="1106"/>
      <c r="BM1019" s="1106"/>
      <c r="BN1019" s="1106"/>
      <c r="BO1019" s="1106"/>
      <c r="BP1019" s="1106"/>
      <c r="BQ1019" s="1106"/>
      <c r="BR1019" s="1106"/>
      <c r="BS1019" s="1106"/>
      <c r="BT1019" s="1106"/>
      <c r="BU1019" s="1106"/>
      <c r="BV1019" s="1106"/>
      <c r="BW1019" s="1106"/>
      <c r="BX1019" s="1106"/>
      <c r="BY1019" s="1106"/>
      <c r="BZ1019" s="1106"/>
      <c r="CA1019" s="1106"/>
    </row>
    <row r="1020" spans="3:79" ht="9" customHeight="1" x14ac:dyDescent="0.2">
      <c r="C1020" s="1106"/>
      <c r="D1020" s="1106"/>
      <c r="E1020" s="1106"/>
      <c r="F1020" s="1106"/>
      <c r="G1020" s="1106"/>
      <c r="H1020" s="1106"/>
      <c r="I1020" s="1106"/>
      <c r="J1020" s="1106"/>
      <c r="K1020" s="1106"/>
      <c r="L1020" s="1106"/>
      <c r="M1020" s="1106"/>
      <c r="N1020" s="1106"/>
      <c r="O1020" s="1106"/>
      <c r="U1020" s="1106"/>
      <c r="AB1020" s="1106"/>
      <c r="AC1020" s="1106"/>
      <c r="AD1020" s="1106"/>
      <c r="AE1020" s="1106"/>
      <c r="AF1020" s="1106"/>
      <c r="AG1020" s="1106"/>
      <c r="AH1020" s="1106"/>
      <c r="AL1020" s="1106"/>
      <c r="AT1020" s="1106"/>
      <c r="AU1020" s="1106"/>
      <c r="AV1020" s="1106"/>
      <c r="AW1020" s="1106"/>
      <c r="AX1020" s="1106"/>
      <c r="AY1020" s="1106"/>
      <c r="AZ1020" s="1106"/>
      <c r="BA1020" s="1106"/>
      <c r="BB1020" s="1106"/>
      <c r="BC1020" s="1106"/>
      <c r="BD1020" s="1106"/>
      <c r="BE1020" s="1106"/>
      <c r="BF1020" s="1106"/>
      <c r="BG1020" s="1106"/>
      <c r="BH1020" s="1106"/>
      <c r="BI1020" s="1106"/>
      <c r="BJ1020" s="1106"/>
      <c r="BK1020" s="1106"/>
      <c r="BL1020" s="1106"/>
      <c r="BM1020" s="1106"/>
      <c r="BN1020" s="1106"/>
      <c r="BO1020" s="1106"/>
      <c r="BP1020" s="1106"/>
      <c r="BQ1020" s="1106"/>
      <c r="BR1020" s="1106"/>
      <c r="BS1020" s="1106"/>
      <c r="BT1020" s="1106"/>
      <c r="BU1020" s="1106"/>
      <c r="BV1020" s="1106"/>
      <c r="BW1020" s="1106"/>
      <c r="BX1020" s="1106"/>
      <c r="BY1020" s="1106"/>
      <c r="BZ1020" s="1106"/>
      <c r="CA1020" s="1106"/>
    </row>
    <row r="1021" spans="3:79" ht="9" customHeight="1" x14ac:dyDescent="0.2">
      <c r="C1021" s="1106"/>
      <c r="D1021" s="1106"/>
      <c r="E1021" s="1106"/>
      <c r="F1021" s="1106"/>
      <c r="G1021" s="1106"/>
      <c r="H1021" s="1106"/>
      <c r="I1021" s="1106"/>
      <c r="J1021" s="1106"/>
      <c r="K1021" s="1106"/>
      <c r="L1021" s="1106"/>
      <c r="M1021" s="1106"/>
      <c r="N1021" s="1106"/>
      <c r="O1021" s="1106"/>
      <c r="AB1021" s="1106"/>
      <c r="AC1021" s="1106"/>
      <c r="AD1021" s="1106"/>
      <c r="AE1021" s="1106"/>
      <c r="AF1021" s="1106"/>
      <c r="AG1021" s="1106"/>
      <c r="AH1021" s="1106"/>
      <c r="AL1021" s="1106"/>
      <c r="AZ1021" s="1106"/>
      <c r="BA1021" s="1106"/>
      <c r="BB1021" s="1106"/>
      <c r="BC1021" s="1106"/>
      <c r="BD1021" s="1106"/>
      <c r="BE1021" s="1106"/>
      <c r="BF1021" s="1106"/>
      <c r="BG1021" s="1106"/>
      <c r="BH1021" s="1106"/>
      <c r="BI1021" s="1106"/>
      <c r="BJ1021" s="1106"/>
      <c r="BK1021" s="1106"/>
      <c r="BL1021" s="1106"/>
      <c r="BM1021" s="1106"/>
      <c r="BN1021" s="1106"/>
      <c r="BO1021" s="1106"/>
      <c r="BP1021" s="1106"/>
      <c r="BQ1021" s="1106"/>
      <c r="BR1021" s="1106"/>
      <c r="BS1021" s="1106"/>
      <c r="BT1021" s="1106"/>
      <c r="BU1021" s="1106"/>
      <c r="BV1021" s="1106"/>
      <c r="BW1021" s="1106"/>
      <c r="BX1021" s="1106"/>
      <c r="BY1021" s="1106"/>
      <c r="BZ1021" s="1106"/>
      <c r="CA1021" s="1106"/>
    </row>
    <row r="1022" spans="3:79" ht="9" customHeight="1" x14ac:dyDescent="0.2">
      <c r="C1022" s="1106"/>
      <c r="D1022" s="1106"/>
      <c r="E1022" s="1106"/>
      <c r="F1022" s="1106"/>
      <c r="G1022" s="1106"/>
      <c r="H1022" s="1106"/>
      <c r="I1022" s="1106"/>
      <c r="J1022" s="1106"/>
      <c r="K1022" s="1106"/>
      <c r="L1022" s="1106"/>
      <c r="M1022" s="1106"/>
      <c r="N1022" s="1106"/>
      <c r="O1022" s="1106"/>
      <c r="AB1022" s="1106"/>
      <c r="AC1022" s="1106"/>
      <c r="AD1022" s="1106"/>
      <c r="AE1022" s="1106"/>
      <c r="AF1022" s="1106"/>
      <c r="AG1022" s="1106"/>
      <c r="AH1022" s="1106"/>
      <c r="AL1022" s="1106"/>
      <c r="AZ1022" s="1106"/>
      <c r="BA1022" s="1106"/>
      <c r="BB1022" s="1106"/>
      <c r="BC1022" s="1106"/>
      <c r="BD1022" s="1106"/>
      <c r="BE1022" s="1106"/>
      <c r="BF1022" s="1106"/>
      <c r="BG1022" s="1106"/>
      <c r="BH1022" s="1106"/>
      <c r="BI1022" s="1106"/>
      <c r="BJ1022" s="1106"/>
      <c r="BK1022" s="1106"/>
      <c r="BL1022" s="1106"/>
      <c r="BM1022" s="1106"/>
      <c r="BN1022" s="1106"/>
      <c r="BO1022" s="1106"/>
      <c r="BP1022" s="1106"/>
      <c r="BQ1022" s="1106"/>
      <c r="BR1022" s="1106"/>
      <c r="BS1022" s="1106"/>
      <c r="BT1022" s="1106"/>
      <c r="BU1022" s="1106"/>
      <c r="BV1022" s="1106"/>
      <c r="BW1022" s="1106"/>
      <c r="BX1022" s="1106"/>
      <c r="BY1022" s="1106"/>
      <c r="BZ1022" s="1106"/>
      <c r="CA1022" s="1106"/>
    </row>
    <row r="1023" spans="3:79" ht="9" customHeight="1" x14ac:dyDescent="0.2">
      <c r="C1023" s="1106"/>
      <c r="D1023" s="1106"/>
      <c r="E1023" s="1106"/>
      <c r="F1023" s="1106"/>
      <c r="G1023" s="1106"/>
      <c r="H1023" s="1106"/>
      <c r="I1023" s="1106"/>
      <c r="J1023" s="1106"/>
      <c r="K1023" s="1106"/>
      <c r="L1023" s="1106"/>
      <c r="M1023" s="1106"/>
      <c r="N1023" s="1106"/>
      <c r="O1023" s="1106"/>
      <c r="AB1023" s="1106"/>
      <c r="AC1023" s="1106"/>
      <c r="AD1023" s="1106"/>
      <c r="AE1023" s="1106"/>
      <c r="AF1023" s="1106"/>
      <c r="AG1023" s="1106"/>
      <c r="AH1023" s="1106"/>
      <c r="AL1023" s="1106"/>
      <c r="AZ1023" s="1106"/>
      <c r="BA1023" s="1106"/>
      <c r="BB1023" s="1106"/>
      <c r="BC1023" s="1106"/>
      <c r="BD1023" s="1106"/>
      <c r="BE1023" s="1106"/>
      <c r="BF1023" s="1106"/>
      <c r="BG1023" s="1106"/>
      <c r="BH1023" s="1106"/>
      <c r="BI1023" s="1106"/>
      <c r="BJ1023" s="1106"/>
      <c r="BK1023" s="1106"/>
      <c r="BL1023" s="1106"/>
      <c r="BM1023" s="1106"/>
      <c r="BN1023" s="1106"/>
      <c r="BO1023" s="1106"/>
      <c r="BP1023" s="1106"/>
      <c r="BQ1023" s="1106"/>
      <c r="BR1023" s="1106"/>
      <c r="BS1023" s="1106"/>
      <c r="BT1023" s="1106"/>
      <c r="BU1023" s="1106"/>
      <c r="BV1023" s="1106"/>
      <c r="BW1023" s="1106"/>
      <c r="BX1023" s="1106"/>
      <c r="BY1023" s="1106"/>
      <c r="BZ1023" s="1106"/>
      <c r="CA1023" s="1106"/>
    </row>
    <row r="1024" spans="3:79" ht="9" customHeight="1" x14ac:dyDescent="0.2">
      <c r="C1024" s="1106"/>
      <c r="D1024" s="1106"/>
      <c r="E1024" s="1106"/>
      <c r="F1024" s="1106"/>
      <c r="G1024" s="1106"/>
      <c r="H1024" s="1106"/>
      <c r="I1024" s="1106"/>
      <c r="J1024" s="1106"/>
      <c r="K1024" s="1106"/>
      <c r="L1024" s="1106"/>
      <c r="M1024" s="1106"/>
      <c r="N1024" s="1106"/>
      <c r="O1024" s="1106"/>
      <c r="U1024" s="1106"/>
      <c r="AB1024" s="1106"/>
      <c r="AC1024" s="1106"/>
      <c r="AD1024" s="1106"/>
      <c r="AE1024" s="1106"/>
      <c r="AF1024" s="1106"/>
      <c r="AG1024" s="1106"/>
      <c r="AH1024" s="1106"/>
      <c r="AL1024" s="1106"/>
      <c r="AT1024" s="1106"/>
      <c r="AU1024" s="1106"/>
      <c r="AV1024" s="1106"/>
      <c r="AW1024" s="1106"/>
      <c r="AX1024" s="1106"/>
      <c r="AY1024" s="1106"/>
      <c r="AZ1024" s="1106"/>
      <c r="BA1024" s="1106"/>
      <c r="BB1024" s="1106"/>
      <c r="BC1024" s="1106"/>
      <c r="BD1024" s="1106"/>
      <c r="BE1024" s="1106"/>
      <c r="BF1024" s="1106"/>
      <c r="BG1024" s="1106"/>
      <c r="BH1024" s="1106"/>
      <c r="BI1024" s="1106"/>
      <c r="BJ1024" s="1106"/>
      <c r="BK1024" s="1106"/>
      <c r="BL1024" s="1106"/>
      <c r="BM1024" s="1106"/>
      <c r="BN1024" s="1106"/>
      <c r="BO1024" s="1106"/>
      <c r="BP1024" s="1106"/>
      <c r="BQ1024" s="1106"/>
      <c r="BR1024" s="1106"/>
      <c r="BS1024" s="1106"/>
      <c r="BT1024" s="1106"/>
      <c r="BU1024" s="1106"/>
      <c r="BV1024" s="1106"/>
      <c r="BW1024" s="1106"/>
      <c r="BX1024" s="1106"/>
      <c r="BY1024" s="1106"/>
      <c r="BZ1024" s="1106"/>
      <c r="CA1024" s="1106"/>
    </row>
    <row r="1025" spans="3:79" ht="9" customHeight="1" x14ac:dyDescent="0.2">
      <c r="C1025" s="1106"/>
      <c r="D1025" s="1106"/>
      <c r="E1025" s="1106"/>
      <c r="F1025" s="1106"/>
      <c r="G1025" s="1106"/>
      <c r="H1025" s="1106"/>
      <c r="I1025" s="1106"/>
      <c r="J1025" s="1106"/>
      <c r="K1025" s="1106"/>
      <c r="L1025" s="1106"/>
      <c r="M1025" s="1106"/>
      <c r="N1025" s="1106"/>
      <c r="O1025" s="1106"/>
      <c r="U1025" s="1106"/>
      <c r="AB1025" s="1106"/>
      <c r="AC1025" s="1106"/>
      <c r="AD1025" s="1106"/>
      <c r="AE1025" s="1106"/>
      <c r="AF1025" s="1106"/>
      <c r="AG1025" s="1106"/>
      <c r="AH1025" s="1106"/>
      <c r="AL1025" s="1106"/>
      <c r="AO1025" s="1106"/>
      <c r="AP1025" s="1106"/>
      <c r="AT1025" s="1106"/>
      <c r="AU1025" s="1106"/>
      <c r="AV1025" s="1106"/>
      <c r="AW1025" s="1106"/>
      <c r="AX1025" s="1106"/>
      <c r="AY1025" s="1106"/>
      <c r="AZ1025" s="1106"/>
      <c r="BA1025" s="1106"/>
      <c r="BB1025" s="1106"/>
      <c r="BC1025" s="1106"/>
      <c r="BD1025" s="1106"/>
      <c r="BE1025" s="1106"/>
      <c r="BF1025" s="1106"/>
      <c r="BG1025" s="1106"/>
      <c r="BH1025" s="1106"/>
      <c r="BI1025" s="1106"/>
      <c r="BJ1025" s="1106"/>
      <c r="BK1025" s="1106"/>
      <c r="BL1025" s="1106"/>
      <c r="BM1025" s="1106"/>
      <c r="BN1025" s="1106"/>
      <c r="BO1025" s="1106"/>
      <c r="BP1025" s="1106"/>
      <c r="BQ1025" s="1106"/>
      <c r="BR1025" s="1106"/>
      <c r="BS1025" s="1106"/>
      <c r="BT1025" s="1106"/>
      <c r="BU1025" s="1106"/>
      <c r="BV1025" s="1106"/>
      <c r="BW1025" s="1106"/>
      <c r="BX1025" s="1106"/>
      <c r="BY1025" s="1106"/>
      <c r="BZ1025" s="1106"/>
      <c r="CA1025" s="1106"/>
    </row>
    <row r="1026" spans="3:79" ht="9" customHeight="1" x14ac:dyDescent="0.2">
      <c r="C1026" s="1106"/>
      <c r="D1026" s="1106"/>
      <c r="E1026" s="1106"/>
      <c r="F1026" s="1106"/>
      <c r="G1026" s="1106"/>
      <c r="H1026" s="1106"/>
      <c r="I1026" s="1106"/>
      <c r="J1026" s="1106"/>
      <c r="K1026" s="1106"/>
      <c r="L1026" s="1106"/>
      <c r="M1026" s="1106"/>
      <c r="N1026" s="1106"/>
      <c r="O1026" s="1106"/>
      <c r="U1026" s="1106"/>
      <c r="AB1026" s="1106"/>
      <c r="AC1026" s="1106"/>
      <c r="AD1026" s="1106"/>
      <c r="AE1026" s="1106"/>
      <c r="AF1026" s="1106"/>
      <c r="AG1026" s="1106"/>
      <c r="AH1026" s="1106"/>
      <c r="AL1026" s="1106"/>
      <c r="AT1026" s="1106"/>
      <c r="AU1026" s="1106"/>
      <c r="AV1026" s="1106"/>
      <c r="AW1026" s="1106"/>
      <c r="AX1026" s="1106"/>
      <c r="AY1026" s="1106"/>
      <c r="AZ1026" s="1106"/>
      <c r="BA1026" s="1106"/>
      <c r="BB1026" s="1106"/>
      <c r="BC1026" s="1106"/>
      <c r="BD1026" s="1106"/>
      <c r="BE1026" s="1106"/>
      <c r="BF1026" s="1106"/>
      <c r="BG1026" s="1106"/>
      <c r="BH1026" s="1106"/>
      <c r="BI1026" s="1106"/>
      <c r="BJ1026" s="1106"/>
      <c r="BK1026" s="1106"/>
      <c r="BL1026" s="1106"/>
      <c r="BM1026" s="1106"/>
      <c r="BN1026" s="1106"/>
      <c r="BO1026" s="1106"/>
      <c r="BP1026" s="1106"/>
      <c r="BQ1026" s="1106"/>
      <c r="BR1026" s="1106"/>
      <c r="BS1026" s="1106"/>
      <c r="BT1026" s="1106"/>
      <c r="BU1026" s="1106"/>
      <c r="BV1026" s="1106"/>
      <c r="BW1026" s="1106"/>
      <c r="BX1026" s="1106"/>
      <c r="BY1026" s="1106"/>
      <c r="BZ1026" s="1106"/>
      <c r="CA1026" s="1106"/>
    </row>
    <row r="1027" spans="3:79" ht="9" customHeight="1" x14ac:dyDescent="0.2">
      <c r="C1027" s="1106"/>
      <c r="D1027" s="1106"/>
      <c r="E1027" s="1106"/>
      <c r="F1027" s="1106"/>
      <c r="G1027" s="1106"/>
      <c r="H1027" s="1106"/>
      <c r="I1027" s="1106"/>
      <c r="J1027" s="1106"/>
      <c r="K1027" s="1106"/>
      <c r="L1027" s="1106"/>
      <c r="M1027" s="1106"/>
      <c r="N1027" s="1106"/>
      <c r="O1027" s="1106"/>
      <c r="AB1027" s="1106"/>
      <c r="AC1027" s="1106"/>
      <c r="AD1027" s="1106"/>
      <c r="AE1027" s="1106"/>
      <c r="AF1027" s="1106"/>
      <c r="AG1027" s="1106"/>
      <c r="AH1027" s="1106"/>
      <c r="AL1027" s="1106"/>
      <c r="AZ1027" s="1106"/>
      <c r="BA1027" s="1106"/>
      <c r="BB1027" s="1106"/>
      <c r="BC1027" s="1106"/>
      <c r="BD1027" s="1106"/>
      <c r="BE1027" s="1106"/>
      <c r="BF1027" s="1106"/>
      <c r="BG1027" s="1106"/>
      <c r="BH1027" s="1106"/>
      <c r="BI1027" s="1106"/>
      <c r="BJ1027" s="1106"/>
      <c r="BK1027" s="1106"/>
      <c r="BL1027" s="1106"/>
      <c r="BM1027" s="1106"/>
      <c r="BN1027" s="1106"/>
      <c r="BO1027" s="1106"/>
      <c r="BP1027" s="1106"/>
      <c r="BQ1027" s="1106"/>
      <c r="BR1027" s="1106"/>
      <c r="BS1027" s="1106"/>
      <c r="BT1027" s="1106"/>
      <c r="BU1027" s="1106"/>
      <c r="BV1027" s="1106"/>
      <c r="BW1027" s="1106"/>
      <c r="BX1027" s="1106"/>
      <c r="BY1027" s="1106"/>
      <c r="BZ1027" s="1106"/>
      <c r="CA1027" s="1106"/>
    </row>
    <row r="1028" spans="3:79" ht="9" customHeight="1" x14ac:dyDescent="0.2">
      <c r="C1028" s="1106"/>
      <c r="D1028" s="1106"/>
      <c r="E1028" s="1106"/>
      <c r="F1028" s="1106"/>
      <c r="G1028" s="1106"/>
      <c r="H1028" s="1106"/>
      <c r="I1028" s="1106"/>
      <c r="J1028" s="1106"/>
      <c r="K1028" s="1106"/>
      <c r="L1028" s="1106"/>
      <c r="M1028" s="1106"/>
      <c r="N1028" s="1106"/>
      <c r="O1028" s="1106"/>
      <c r="AB1028" s="1106"/>
      <c r="AC1028" s="1106"/>
      <c r="AD1028" s="1106"/>
      <c r="AE1028" s="1106"/>
      <c r="AF1028" s="1106"/>
      <c r="AG1028" s="1106"/>
      <c r="AH1028" s="1106"/>
      <c r="AL1028" s="1106"/>
      <c r="AZ1028" s="1106"/>
      <c r="BA1028" s="1106"/>
      <c r="BB1028" s="1106"/>
      <c r="BC1028" s="1106"/>
      <c r="BD1028" s="1106"/>
      <c r="BE1028" s="1106"/>
      <c r="BF1028" s="1106"/>
      <c r="BG1028" s="1106"/>
      <c r="BH1028" s="1106"/>
      <c r="BI1028" s="1106"/>
      <c r="BJ1028" s="1106"/>
      <c r="BK1028" s="1106"/>
      <c r="BL1028" s="1106"/>
      <c r="BM1028" s="1106"/>
      <c r="BN1028" s="1106"/>
      <c r="BO1028" s="1106"/>
      <c r="BP1028" s="1106"/>
      <c r="BQ1028" s="1106"/>
      <c r="BR1028" s="1106"/>
      <c r="BS1028" s="1106"/>
      <c r="BT1028" s="1106"/>
      <c r="BU1028" s="1106"/>
      <c r="BV1028" s="1106"/>
      <c r="BW1028" s="1106"/>
      <c r="BX1028" s="1106"/>
      <c r="BY1028" s="1106"/>
      <c r="BZ1028" s="1106"/>
      <c r="CA1028" s="1106"/>
    </row>
    <row r="1029" spans="3:79" ht="9" customHeight="1" x14ac:dyDescent="0.2">
      <c r="C1029" s="1106"/>
      <c r="D1029" s="1106"/>
      <c r="E1029" s="1106"/>
      <c r="F1029" s="1106"/>
      <c r="G1029" s="1106"/>
      <c r="H1029" s="1106"/>
      <c r="I1029" s="1106"/>
      <c r="J1029" s="1106"/>
      <c r="K1029" s="1106"/>
      <c r="L1029" s="1106"/>
      <c r="M1029" s="1106"/>
      <c r="N1029" s="1106"/>
      <c r="O1029" s="1106"/>
      <c r="AB1029" s="1106"/>
      <c r="AC1029" s="1106"/>
      <c r="AD1029" s="1106"/>
      <c r="AE1029" s="1106"/>
      <c r="AF1029" s="1106"/>
      <c r="AG1029" s="1106"/>
      <c r="AH1029" s="1106"/>
      <c r="AL1029" s="1106"/>
      <c r="AZ1029" s="1106"/>
      <c r="BA1029" s="1106"/>
      <c r="BB1029" s="1106"/>
      <c r="BC1029" s="1106"/>
      <c r="BD1029" s="1106"/>
      <c r="BE1029" s="1106"/>
      <c r="BF1029" s="1106"/>
      <c r="BG1029" s="1106"/>
      <c r="BH1029" s="1106"/>
      <c r="BI1029" s="1106"/>
      <c r="BJ1029" s="1106"/>
      <c r="BK1029" s="1106"/>
      <c r="BL1029" s="1106"/>
      <c r="BM1029" s="1106"/>
      <c r="BN1029" s="1106"/>
      <c r="BO1029" s="1106"/>
      <c r="BP1029" s="1106"/>
      <c r="BQ1029" s="1106"/>
      <c r="BR1029" s="1106"/>
      <c r="BS1029" s="1106"/>
      <c r="BT1029" s="1106"/>
      <c r="BU1029" s="1106"/>
      <c r="BV1029" s="1106"/>
      <c r="BW1029" s="1106"/>
      <c r="BX1029" s="1106"/>
      <c r="BY1029" s="1106"/>
      <c r="BZ1029" s="1106"/>
      <c r="CA1029" s="1106"/>
    </row>
    <row r="1030" spans="3:79" ht="9" customHeight="1" x14ac:dyDescent="0.2">
      <c r="C1030" s="1106"/>
      <c r="D1030" s="1106"/>
      <c r="E1030" s="1106"/>
      <c r="F1030" s="1106"/>
      <c r="G1030" s="1106"/>
      <c r="H1030" s="1106"/>
      <c r="I1030" s="1106"/>
      <c r="J1030" s="1106"/>
      <c r="K1030" s="1106"/>
      <c r="L1030" s="1106"/>
      <c r="M1030" s="1106"/>
      <c r="N1030" s="1106"/>
      <c r="O1030" s="1106"/>
      <c r="U1030" s="1106"/>
      <c r="AB1030" s="1106"/>
      <c r="AC1030" s="1106"/>
      <c r="AD1030" s="1106"/>
      <c r="AE1030" s="1106"/>
      <c r="AF1030" s="1106"/>
      <c r="AG1030" s="1106"/>
      <c r="AH1030" s="1106"/>
      <c r="AL1030" s="1106"/>
      <c r="AT1030" s="1106"/>
      <c r="AU1030" s="1106"/>
      <c r="AV1030" s="1106"/>
      <c r="AW1030" s="1106"/>
      <c r="AX1030" s="1106"/>
      <c r="AY1030" s="1106"/>
      <c r="AZ1030" s="1106"/>
      <c r="BA1030" s="1106"/>
      <c r="BB1030" s="1106"/>
      <c r="BC1030" s="1106"/>
      <c r="BD1030" s="1106"/>
      <c r="BE1030" s="1106"/>
      <c r="BF1030" s="1106"/>
      <c r="BG1030" s="1106"/>
      <c r="BH1030" s="1106"/>
      <c r="BI1030" s="1106"/>
      <c r="BJ1030" s="1106"/>
      <c r="BK1030" s="1106"/>
      <c r="BL1030" s="1106"/>
      <c r="BM1030" s="1106"/>
      <c r="BN1030" s="1106"/>
      <c r="BO1030" s="1106"/>
      <c r="BP1030" s="1106"/>
      <c r="BQ1030" s="1106"/>
      <c r="BR1030" s="1106"/>
      <c r="BS1030" s="1106"/>
      <c r="BT1030" s="1106"/>
      <c r="BU1030" s="1106"/>
      <c r="BV1030" s="1106"/>
      <c r="BW1030" s="1106"/>
      <c r="BX1030" s="1106"/>
      <c r="BY1030" s="1106"/>
      <c r="BZ1030" s="1106"/>
      <c r="CA1030" s="1106"/>
    </row>
    <row r="1031" spans="3:79" ht="9" customHeight="1" x14ac:dyDescent="0.2">
      <c r="C1031" s="1106"/>
      <c r="D1031" s="1106"/>
      <c r="E1031" s="1106"/>
      <c r="F1031" s="1106"/>
      <c r="G1031" s="1106"/>
      <c r="H1031" s="1106"/>
      <c r="I1031" s="1106"/>
      <c r="J1031" s="1106"/>
      <c r="K1031" s="1106"/>
      <c r="L1031" s="1106"/>
      <c r="M1031" s="1106"/>
      <c r="N1031" s="1106"/>
      <c r="O1031" s="1106"/>
      <c r="U1031" s="1106"/>
      <c r="AB1031" s="1106"/>
      <c r="AC1031" s="1106"/>
      <c r="AD1031" s="1106"/>
      <c r="AE1031" s="1106"/>
      <c r="AF1031" s="1106"/>
      <c r="AG1031" s="1106"/>
      <c r="AH1031" s="1106"/>
      <c r="AL1031" s="1106"/>
      <c r="AO1031" s="1106"/>
      <c r="AP1031" s="1106"/>
      <c r="AT1031" s="1106"/>
      <c r="AU1031" s="1106"/>
      <c r="AV1031" s="1106"/>
      <c r="AW1031" s="1106"/>
      <c r="AX1031" s="1106"/>
      <c r="AY1031" s="1106"/>
      <c r="AZ1031" s="1106"/>
      <c r="BA1031" s="1106"/>
      <c r="BB1031" s="1106"/>
      <c r="BC1031" s="1106"/>
      <c r="BD1031" s="1106"/>
      <c r="BE1031" s="1106"/>
      <c r="BF1031" s="1106"/>
      <c r="BG1031" s="1106"/>
      <c r="BH1031" s="1106"/>
      <c r="BI1031" s="1106"/>
      <c r="BJ1031" s="1106"/>
      <c r="BK1031" s="1106"/>
      <c r="BL1031" s="1106"/>
      <c r="BM1031" s="1106"/>
      <c r="BN1031" s="1106"/>
      <c r="BO1031" s="1106"/>
      <c r="BP1031" s="1106"/>
      <c r="BQ1031" s="1106"/>
      <c r="BR1031" s="1106"/>
      <c r="BS1031" s="1106"/>
      <c r="BT1031" s="1106"/>
      <c r="BU1031" s="1106"/>
      <c r="BV1031" s="1106"/>
      <c r="BW1031" s="1106"/>
      <c r="BX1031" s="1106"/>
      <c r="BY1031" s="1106"/>
      <c r="BZ1031" s="1106"/>
      <c r="CA1031" s="1106"/>
    </row>
    <row r="1032" spans="3:79" ht="9" customHeight="1" x14ac:dyDescent="0.2">
      <c r="C1032" s="1106"/>
      <c r="D1032" s="1106"/>
      <c r="E1032" s="1106"/>
      <c r="F1032" s="1106"/>
      <c r="G1032" s="1106"/>
      <c r="H1032" s="1106"/>
      <c r="I1032" s="1106"/>
      <c r="J1032" s="1106"/>
      <c r="K1032" s="1106"/>
      <c r="L1032" s="1106"/>
      <c r="M1032" s="1106"/>
      <c r="N1032" s="1106"/>
      <c r="O1032" s="1106"/>
      <c r="U1032" s="1106"/>
      <c r="AB1032" s="1106"/>
      <c r="AC1032" s="1106"/>
      <c r="AD1032" s="1106"/>
      <c r="AE1032" s="1106"/>
      <c r="AF1032" s="1106"/>
      <c r="AG1032" s="1106"/>
      <c r="AH1032" s="1106"/>
      <c r="AL1032" s="1106"/>
      <c r="AT1032" s="1106"/>
      <c r="AU1032" s="1106"/>
      <c r="AV1032" s="1106"/>
      <c r="AW1032" s="1106"/>
      <c r="AX1032" s="1106"/>
      <c r="AY1032" s="1106"/>
      <c r="AZ1032" s="1106"/>
      <c r="BA1032" s="1106"/>
      <c r="BB1032" s="1106"/>
      <c r="BC1032" s="1106"/>
      <c r="BD1032" s="1106"/>
      <c r="BE1032" s="1106"/>
      <c r="BF1032" s="1106"/>
      <c r="BG1032" s="1106"/>
      <c r="BH1032" s="1106"/>
      <c r="BI1032" s="1106"/>
      <c r="BJ1032" s="1106"/>
      <c r="BK1032" s="1106"/>
      <c r="BL1032" s="1106"/>
      <c r="BM1032" s="1106"/>
      <c r="BN1032" s="1106"/>
      <c r="BO1032" s="1106"/>
      <c r="BP1032" s="1106"/>
      <c r="BQ1032" s="1106"/>
      <c r="BR1032" s="1106"/>
      <c r="BS1032" s="1106"/>
      <c r="BT1032" s="1106"/>
      <c r="BU1032" s="1106"/>
      <c r="BV1032" s="1106"/>
      <c r="BW1032" s="1106"/>
      <c r="BX1032" s="1106"/>
      <c r="BY1032" s="1106"/>
      <c r="BZ1032" s="1106"/>
      <c r="CA1032" s="1106"/>
    </row>
    <row r="1033" spans="3:79" ht="9" customHeight="1" x14ac:dyDescent="0.2">
      <c r="C1033" s="1106"/>
      <c r="D1033" s="1106"/>
      <c r="E1033" s="1106"/>
      <c r="F1033" s="1106"/>
      <c r="G1033" s="1106"/>
      <c r="H1033" s="1106"/>
      <c r="I1033" s="1106"/>
      <c r="J1033" s="1106"/>
      <c r="K1033" s="1106"/>
      <c r="L1033" s="1106"/>
      <c r="M1033" s="1106"/>
      <c r="N1033" s="1106"/>
      <c r="O1033" s="1106"/>
      <c r="AB1033" s="1106"/>
      <c r="AC1033" s="1106"/>
      <c r="AD1033" s="1106"/>
      <c r="AE1033" s="1106"/>
      <c r="AF1033" s="1106"/>
      <c r="AG1033" s="1106"/>
      <c r="AH1033" s="1106"/>
      <c r="AL1033" s="1106"/>
      <c r="AZ1033" s="1106"/>
      <c r="BA1033" s="1106"/>
      <c r="BB1033" s="1106"/>
      <c r="BC1033" s="1106"/>
      <c r="BD1033" s="1106"/>
      <c r="BE1033" s="1106"/>
      <c r="BF1033" s="1106"/>
      <c r="BG1033" s="1106"/>
      <c r="BH1033" s="1106"/>
      <c r="BI1033" s="1106"/>
      <c r="BJ1033" s="1106"/>
      <c r="BK1033" s="1106"/>
      <c r="BL1033" s="1106"/>
      <c r="BM1033" s="1106"/>
      <c r="BN1033" s="1106"/>
      <c r="BO1033" s="1106"/>
      <c r="BP1033" s="1106"/>
      <c r="BQ1033" s="1106"/>
      <c r="BR1033" s="1106"/>
      <c r="BS1033" s="1106"/>
      <c r="BT1033" s="1106"/>
      <c r="BU1033" s="1106"/>
      <c r="BV1033" s="1106"/>
      <c r="BW1033" s="1106"/>
      <c r="BX1033" s="1106"/>
      <c r="BY1033" s="1106"/>
      <c r="BZ1033" s="1106"/>
      <c r="CA1033" s="1106"/>
    </row>
    <row r="1034" spans="3:79" ht="9" customHeight="1" x14ac:dyDescent="0.2">
      <c r="C1034" s="1106"/>
      <c r="D1034" s="1106"/>
      <c r="E1034" s="1106"/>
      <c r="F1034" s="1106"/>
      <c r="G1034" s="1106"/>
      <c r="H1034" s="1106"/>
      <c r="I1034" s="1106"/>
      <c r="J1034" s="1106"/>
      <c r="K1034" s="1106"/>
      <c r="L1034" s="1106"/>
      <c r="M1034" s="1106"/>
      <c r="N1034" s="1106"/>
      <c r="O1034" s="1106"/>
      <c r="AB1034" s="1106"/>
      <c r="AC1034" s="1106"/>
      <c r="AD1034" s="1106"/>
      <c r="AE1034" s="1106"/>
      <c r="AF1034" s="1106"/>
      <c r="AG1034" s="1106"/>
      <c r="AH1034" s="1106"/>
      <c r="AL1034" s="1106"/>
      <c r="AZ1034" s="1106"/>
      <c r="BA1034" s="1106"/>
      <c r="BB1034" s="1106"/>
      <c r="BC1034" s="1106"/>
      <c r="BD1034" s="1106"/>
      <c r="BE1034" s="1106"/>
      <c r="BF1034" s="1106"/>
      <c r="BG1034" s="1106"/>
      <c r="BH1034" s="1106"/>
      <c r="BI1034" s="1106"/>
      <c r="BJ1034" s="1106"/>
      <c r="BK1034" s="1106"/>
      <c r="BL1034" s="1106"/>
      <c r="BM1034" s="1106"/>
      <c r="BN1034" s="1106"/>
      <c r="BO1034" s="1106"/>
      <c r="BP1034" s="1106"/>
      <c r="BQ1034" s="1106"/>
      <c r="BR1034" s="1106"/>
      <c r="BS1034" s="1106"/>
      <c r="BT1034" s="1106"/>
      <c r="BU1034" s="1106"/>
      <c r="BV1034" s="1106"/>
      <c r="BW1034" s="1106"/>
      <c r="BX1034" s="1106"/>
      <c r="BY1034" s="1106"/>
      <c r="BZ1034" s="1106"/>
      <c r="CA1034" s="1106"/>
    </row>
    <row r="1035" spans="3:79" ht="9" customHeight="1" x14ac:dyDescent="0.2">
      <c r="C1035" s="1106"/>
      <c r="D1035" s="1106"/>
      <c r="E1035" s="1106"/>
      <c r="F1035" s="1106"/>
      <c r="G1035" s="1106"/>
      <c r="H1035" s="1106"/>
      <c r="I1035" s="1106"/>
      <c r="J1035" s="1106"/>
      <c r="K1035" s="1106"/>
      <c r="L1035" s="1106"/>
      <c r="M1035" s="1106"/>
      <c r="N1035" s="1106"/>
      <c r="O1035" s="1106"/>
      <c r="AB1035" s="1106"/>
      <c r="AC1035" s="1106"/>
      <c r="AD1035" s="1106"/>
      <c r="AE1035" s="1106"/>
      <c r="AF1035" s="1106"/>
      <c r="AG1035" s="1106"/>
      <c r="AH1035" s="1106"/>
      <c r="AL1035" s="1106"/>
      <c r="AZ1035" s="1106"/>
      <c r="BA1035" s="1106"/>
      <c r="BB1035" s="1106"/>
      <c r="BC1035" s="1106"/>
      <c r="BD1035" s="1106"/>
      <c r="BE1035" s="1106"/>
      <c r="BF1035" s="1106"/>
      <c r="BG1035" s="1106"/>
      <c r="BH1035" s="1106"/>
      <c r="BI1035" s="1106"/>
      <c r="BJ1035" s="1106"/>
      <c r="BK1035" s="1106"/>
      <c r="BL1035" s="1106"/>
      <c r="BM1035" s="1106"/>
      <c r="BN1035" s="1106"/>
      <c r="BO1035" s="1106"/>
      <c r="BP1035" s="1106"/>
      <c r="BQ1035" s="1106"/>
      <c r="BR1035" s="1106"/>
      <c r="BS1035" s="1106"/>
      <c r="BT1035" s="1106"/>
      <c r="BU1035" s="1106"/>
      <c r="BV1035" s="1106"/>
      <c r="BW1035" s="1106"/>
      <c r="BX1035" s="1106"/>
      <c r="BY1035" s="1106"/>
      <c r="BZ1035" s="1106"/>
      <c r="CA1035" s="1106"/>
    </row>
    <row r="1036" spans="3:79" ht="9" customHeight="1" x14ac:dyDescent="0.2">
      <c r="C1036" s="1106"/>
      <c r="D1036" s="1106"/>
      <c r="E1036" s="1106"/>
      <c r="F1036" s="1106"/>
      <c r="G1036" s="1106"/>
      <c r="H1036" s="1106"/>
      <c r="I1036" s="1106"/>
      <c r="J1036" s="1106"/>
      <c r="K1036" s="1106"/>
      <c r="L1036" s="1106"/>
      <c r="M1036" s="1106"/>
      <c r="N1036" s="1106"/>
      <c r="O1036" s="1106"/>
      <c r="U1036" s="1106"/>
      <c r="AB1036" s="1106"/>
      <c r="AC1036" s="1106"/>
      <c r="AD1036" s="1106"/>
      <c r="AE1036" s="1106"/>
      <c r="AF1036" s="1106"/>
      <c r="AG1036" s="1106"/>
      <c r="AH1036" s="1106"/>
      <c r="AL1036" s="1106"/>
      <c r="AT1036" s="1106"/>
      <c r="AU1036" s="1106"/>
      <c r="AV1036" s="1106"/>
      <c r="AW1036" s="1106"/>
      <c r="AX1036" s="1106"/>
      <c r="AY1036" s="1106"/>
      <c r="AZ1036" s="1106"/>
      <c r="BA1036" s="1106"/>
      <c r="BB1036" s="1106"/>
      <c r="BC1036" s="1106"/>
      <c r="BD1036" s="1106"/>
      <c r="BE1036" s="1106"/>
      <c r="BF1036" s="1106"/>
      <c r="BG1036" s="1106"/>
      <c r="BH1036" s="1106"/>
      <c r="BI1036" s="1106"/>
      <c r="BJ1036" s="1106"/>
      <c r="BK1036" s="1106"/>
      <c r="BL1036" s="1106"/>
      <c r="BM1036" s="1106"/>
      <c r="BN1036" s="1106"/>
      <c r="BO1036" s="1106"/>
      <c r="BP1036" s="1106"/>
      <c r="BQ1036" s="1106"/>
      <c r="BR1036" s="1106"/>
      <c r="BS1036" s="1106"/>
      <c r="BT1036" s="1106"/>
      <c r="BU1036" s="1106"/>
      <c r="BV1036" s="1106"/>
      <c r="BW1036" s="1106"/>
      <c r="BX1036" s="1106"/>
      <c r="BY1036" s="1106"/>
      <c r="BZ1036" s="1106"/>
      <c r="CA1036" s="1106"/>
    </row>
    <row r="1037" spans="3:79" ht="9" customHeight="1" x14ac:dyDescent="0.2">
      <c r="C1037" s="1106"/>
      <c r="D1037" s="1106"/>
      <c r="E1037" s="1106"/>
      <c r="F1037" s="1106"/>
      <c r="G1037" s="1106"/>
      <c r="H1037" s="1106"/>
      <c r="I1037" s="1106"/>
      <c r="J1037" s="1106"/>
      <c r="K1037" s="1106"/>
      <c r="L1037" s="1106"/>
      <c r="M1037" s="1106"/>
      <c r="N1037" s="1106"/>
      <c r="O1037" s="1106"/>
      <c r="U1037" s="1106"/>
      <c r="AB1037" s="1106"/>
      <c r="AC1037" s="1106"/>
      <c r="AD1037" s="1106"/>
      <c r="AE1037" s="1106"/>
      <c r="AF1037" s="1106"/>
      <c r="AG1037" s="1106"/>
      <c r="AH1037" s="1106"/>
      <c r="AL1037" s="1106"/>
      <c r="AO1037" s="1106"/>
      <c r="AP1037" s="1106"/>
      <c r="AT1037" s="1106"/>
      <c r="AU1037" s="1106"/>
      <c r="AV1037" s="1106"/>
      <c r="AW1037" s="1106"/>
      <c r="AX1037" s="1106"/>
      <c r="AY1037" s="1106"/>
      <c r="AZ1037" s="1106"/>
      <c r="BA1037" s="1106"/>
      <c r="BB1037" s="1106"/>
      <c r="BC1037" s="1106"/>
      <c r="BD1037" s="1106"/>
      <c r="BE1037" s="1106"/>
      <c r="BF1037" s="1106"/>
      <c r="BG1037" s="1106"/>
      <c r="BH1037" s="1106"/>
      <c r="BI1037" s="1106"/>
      <c r="BJ1037" s="1106"/>
      <c r="BK1037" s="1106"/>
      <c r="BL1037" s="1106"/>
      <c r="BM1037" s="1106"/>
      <c r="BN1037" s="1106"/>
      <c r="BO1037" s="1106"/>
      <c r="BP1037" s="1106"/>
      <c r="BQ1037" s="1106"/>
      <c r="BR1037" s="1106"/>
      <c r="BS1037" s="1106"/>
      <c r="BT1037" s="1106"/>
      <c r="BU1037" s="1106"/>
      <c r="BV1037" s="1106"/>
      <c r="BW1037" s="1106"/>
      <c r="BX1037" s="1106"/>
      <c r="BY1037" s="1106"/>
      <c r="BZ1037" s="1106"/>
      <c r="CA1037" s="1106"/>
    </row>
    <row r="1038" spans="3:79" ht="9" customHeight="1" x14ac:dyDescent="0.2">
      <c r="C1038" s="1106"/>
      <c r="D1038" s="1106"/>
      <c r="E1038" s="1106"/>
      <c r="F1038" s="1106"/>
      <c r="G1038" s="1106"/>
      <c r="H1038" s="1106"/>
      <c r="I1038" s="1106"/>
      <c r="J1038" s="1106"/>
      <c r="K1038" s="1106"/>
      <c r="L1038" s="1106"/>
      <c r="M1038" s="1106"/>
      <c r="N1038" s="1106"/>
      <c r="O1038" s="1106"/>
      <c r="U1038" s="1106"/>
      <c r="AB1038" s="1106"/>
      <c r="AC1038" s="1106"/>
      <c r="AD1038" s="1106"/>
      <c r="AE1038" s="1106"/>
      <c r="AF1038" s="1106"/>
      <c r="AG1038" s="1106"/>
      <c r="AH1038" s="1106"/>
      <c r="AL1038" s="1106"/>
      <c r="AT1038" s="1106"/>
      <c r="AU1038" s="1106"/>
      <c r="AV1038" s="1106"/>
      <c r="AW1038" s="1106"/>
      <c r="AX1038" s="1106"/>
      <c r="AY1038" s="1106"/>
      <c r="AZ1038" s="1106"/>
      <c r="BA1038" s="1106"/>
      <c r="BB1038" s="1106"/>
      <c r="BC1038" s="1106"/>
      <c r="BD1038" s="1106"/>
      <c r="BE1038" s="1106"/>
      <c r="BF1038" s="1106"/>
      <c r="BG1038" s="1106"/>
      <c r="BH1038" s="1106"/>
      <c r="BI1038" s="1106"/>
      <c r="BJ1038" s="1106"/>
      <c r="BK1038" s="1106"/>
      <c r="BL1038" s="1106"/>
      <c r="BM1038" s="1106"/>
      <c r="BN1038" s="1106"/>
      <c r="BO1038" s="1106"/>
      <c r="BP1038" s="1106"/>
      <c r="BQ1038" s="1106"/>
      <c r="BR1038" s="1106"/>
      <c r="BS1038" s="1106"/>
      <c r="BT1038" s="1106"/>
      <c r="BU1038" s="1106"/>
      <c r="BV1038" s="1106"/>
      <c r="BW1038" s="1106"/>
      <c r="BX1038" s="1106"/>
      <c r="BY1038" s="1106"/>
      <c r="BZ1038" s="1106"/>
      <c r="CA1038" s="1106"/>
    </row>
    <row r="1039" spans="3:79" ht="9" customHeight="1" x14ac:dyDescent="0.2">
      <c r="C1039" s="1106"/>
      <c r="D1039" s="1106"/>
      <c r="E1039" s="1106"/>
      <c r="F1039" s="1106"/>
      <c r="G1039" s="1106"/>
      <c r="H1039" s="1106"/>
      <c r="I1039" s="1106"/>
      <c r="J1039" s="1106"/>
      <c r="K1039" s="1106"/>
      <c r="L1039" s="1106"/>
      <c r="M1039" s="1106"/>
      <c r="N1039" s="1106"/>
      <c r="O1039" s="1106"/>
      <c r="AB1039" s="1106"/>
      <c r="AC1039" s="1106"/>
      <c r="AD1039" s="1106"/>
      <c r="AE1039" s="1106"/>
      <c r="AF1039" s="1106"/>
      <c r="AG1039" s="1106"/>
      <c r="AH1039" s="1106"/>
      <c r="AL1039" s="1106"/>
      <c r="AZ1039" s="1106"/>
      <c r="BA1039" s="1106"/>
      <c r="BB1039" s="1106"/>
      <c r="BC1039" s="1106"/>
      <c r="BD1039" s="1106"/>
      <c r="BE1039" s="1106"/>
      <c r="BF1039" s="1106"/>
      <c r="BG1039" s="1106"/>
      <c r="BH1039" s="1106"/>
      <c r="BI1039" s="1106"/>
      <c r="BJ1039" s="1106"/>
      <c r="BK1039" s="1106"/>
      <c r="BL1039" s="1106"/>
      <c r="BM1039" s="1106"/>
      <c r="BN1039" s="1106"/>
      <c r="BO1039" s="1106"/>
      <c r="BP1039" s="1106"/>
      <c r="BQ1039" s="1106"/>
      <c r="BR1039" s="1106"/>
      <c r="BS1039" s="1106"/>
      <c r="BT1039" s="1106"/>
      <c r="BU1039" s="1106"/>
      <c r="BV1039" s="1106"/>
      <c r="BW1039" s="1106"/>
      <c r="BX1039" s="1106"/>
      <c r="BY1039" s="1106"/>
      <c r="BZ1039" s="1106"/>
      <c r="CA1039" s="1106"/>
    </row>
    <row r="1040" spans="3:79" ht="9" customHeight="1" x14ac:dyDescent="0.2">
      <c r="C1040" s="1106"/>
      <c r="D1040" s="1106"/>
      <c r="E1040" s="1106"/>
      <c r="F1040" s="1106"/>
      <c r="G1040" s="1106"/>
      <c r="H1040" s="1106"/>
      <c r="I1040" s="1106"/>
      <c r="J1040" s="1106"/>
      <c r="K1040" s="1106"/>
      <c r="L1040" s="1106"/>
      <c r="M1040" s="1106"/>
      <c r="N1040" s="1106"/>
      <c r="O1040" s="1106"/>
      <c r="AB1040" s="1106"/>
      <c r="AC1040" s="1106"/>
      <c r="AD1040" s="1106"/>
      <c r="AE1040" s="1106"/>
      <c r="AF1040" s="1106"/>
      <c r="AG1040" s="1106"/>
      <c r="AH1040" s="1106"/>
      <c r="AL1040" s="1106"/>
      <c r="AZ1040" s="1106"/>
      <c r="BA1040" s="1106"/>
      <c r="BB1040" s="1106"/>
      <c r="BC1040" s="1106"/>
      <c r="BD1040" s="1106"/>
      <c r="BE1040" s="1106"/>
      <c r="BF1040" s="1106"/>
      <c r="BG1040" s="1106"/>
      <c r="BH1040" s="1106"/>
      <c r="BI1040" s="1106"/>
      <c r="BJ1040" s="1106"/>
      <c r="BK1040" s="1106"/>
      <c r="BL1040" s="1106"/>
      <c r="BM1040" s="1106"/>
      <c r="BN1040" s="1106"/>
      <c r="BO1040" s="1106"/>
      <c r="BP1040" s="1106"/>
      <c r="BQ1040" s="1106"/>
      <c r="BR1040" s="1106"/>
      <c r="BS1040" s="1106"/>
      <c r="BT1040" s="1106"/>
      <c r="BU1040" s="1106"/>
      <c r="BV1040" s="1106"/>
      <c r="BW1040" s="1106"/>
      <c r="BX1040" s="1106"/>
      <c r="BY1040" s="1106"/>
      <c r="BZ1040" s="1106"/>
      <c r="CA1040" s="1106"/>
    </row>
    <row r="1041" spans="3:79" ht="9" customHeight="1" x14ac:dyDescent="0.2">
      <c r="C1041" s="1106"/>
      <c r="D1041" s="1106"/>
      <c r="E1041" s="1106"/>
      <c r="F1041" s="1106"/>
      <c r="G1041" s="1106"/>
      <c r="H1041" s="1106"/>
      <c r="I1041" s="1106"/>
      <c r="J1041" s="1106"/>
      <c r="K1041" s="1106"/>
      <c r="L1041" s="1106"/>
      <c r="M1041" s="1106"/>
      <c r="N1041" s="1106"/>
      <c r="O1041" s="1106"/>
      <c r="AB1041" s="1106"/>
      <c r="AC1041" s="1106"/>
      <c r="AD1041" s="1106"/>
      <c r="AE1041" s="1106"/>
      <c r="AF1041" s="1106"/>
      <c r="AG1041" s="1106"/>
      <c r="AH1041" s="1106"/>
      <c r="AL1041" s="1106"/>
      <c r="AZ1041" s="1106"/>
      <c r="BA1041" s="1106"/>
      <c r="BB1041" s="1106"/>
      <c r="BC1041" s="1106"/>
      <c r="BD1041" s="1106"/>
      <c r="BE1041" s="1106"/>
      <c r="BF1041" s="1106"/>
      <c r="BG1041" s="1106"/>
      <c r="BH1041" s="1106"/>
      <c r="BI1041" s="1106"/>
      <c r="BJ1041" s="1106"/>
      <c r="BK1041" s="1106"/>
      <c r="BL1041" s="1106"/>
      <c r="BM1041" s="1106"/>
      <c r="BN1041" s="1106"/>
      <c r="BO1041" s="1106"/>
      <c r="BP1041" s="1106"/>
      <c r="BQ1041" s="1106"/>
      <c r="BR1041" s="1106"/>
      <c r="BS1041" s="1106"/>
      <c r="BT1041" s="1106"/>
      <c r="BU1041" s="1106"/>
      <c r="BV1041" s="1106"/>
      <c r="BW1041" s="1106"/>
      <c r="BX1041" s="1106"/>
      <c r="BY1041" s="1106"/>
      <c r="BZ1041" s="1106"/>
      <c r="CA1041" s="1106"/>
    </row>
    <row r="1042" spans="3:79" ht="9" customHeight="1" x14ac:dyDescent="0.2">
      <c r="C1042" s="1106"/>
      <c r="D1042" s="1106"/>
      <c r="E1042" s="1106"/>
      <c r="F1042" s="1106"/>
      <c r="G1042" s="1106"/>
      <c r="H1042" s="1106"/>
      <c r="I1042" s="1106"/>
      <c r="J1042" s="1106"/>
      <c r="K1042" s="1106"/>
      <c r="L1042" s="1106"/>
      <c r="M1042" s="1106"/>
      <c r="N1042" s="1106"/>
      <c r="O1042" s="1106"/>
      <c r="U1042" s="1106"/>
      <c r="AB1042" s="1106"/>
      <c r="AC1042" s="1106"/>
      <c r="AD1042" s="1106"/>
      <c r="AE1042" s="1106"/>
      <c r="AF1042" s="1106"/>
      <c r="AG1042" s="1106"/>
      <c r="AH1042" s="1106"/>
      <c r="AL1042" s="1106"/>
      <c r="AT1042" s="1106"/>
      <c r="AU1042" s="1106"/>
      <c r="AV1042" s="1106"/>
      <c r="AW1042" s="1106"/>
      <c r="AX1042" s="1106"/>
      <c r="AY1042" s="1106"/>
      <c r="AZ1042" s="1106"/>
      <c r="BA1042" s="1106"/>
      <c r="BB1042" s="1106"/>
      <c r="BC1042" s="1106"/>
      <c r="BD1042" s="1106"/>
      <c r="BE1042" s="1106"/>
      <c r="BF1042" s="1106"/>
      <c r="BG1042" s="1106"/>
      <c r="BH1042" s="1106"/>
      <c r="BI1042" s="1106"/>
      <c r="BJ1042" s="1106"/>
      <c r="BK1042" s="1106"/>
      <c r="BL1042" s="1106"/>
      <c r="BM1042" s="1106"/>
      <c r="BN1042" s="1106"/>
      <c r="BO1042" s="1106"/>
      <c r="BP1042" s="1106"/>
      <c r="BQ1042" s="1106"/>
      <c r="BR1042" s="1106"/>
      <c r="BS1042" s="1106"/>
      <c r="BT1042" s="1106"/>
      <c r="BU1042" s="1106"/>
      <c r="BV1042" s="1106"/>
      <c r="BW1042" s="1106"/>
      <c r="BX1042" s="1106"/>
      <c r="BY1042" s="1106"/>
      <c r="BZ1042" s="1106"/>
      <c r="CA1042" s="1106"/>
    </row>
    <row r="1043" spans="3:79" ht="9" customHeight="1" x14ac:dyDescent="0.2">
      <c r="C1043" s="1106"/>
      <c r="D1043" s="1106"/>
      <c r="E1043" s="1106"/>
      <c r="F1043" s="1106"/>
      <c r="G1043" s="1106"/>
      <c r="H1043" s="1106"/>
      <c r="I1043" s="1106"/>
      <c r="J1043" s="1106"/>
      <c r="K1043" s="1106"/>
      <c r="L1043" s="1106"/>
      <c r="M1043" s="1106"/>
      <c r="N1043" s="1106"/>
      <c r="O1043" s="1106"/>
      <c r="U1043" s="1106"/>
      <c r="AB1043" s="1106"/>
      <c r="AC1043" s="1106"/>
      <c r="AD1043" s="1106"/>
      <c r="AE1043" s="1106"/>
      <c r="AF1043" s="1106"/>
      <c r="AG1043" s="1106"/>
      <c r="AH1043" s="1106"/>
      <c r="AL1043" s="1106"/>
      <c r="AO1043" s="1106"/>
      <c r="AP1043" s="1106"/>
      <c r="AT1043" s="1106"/>
      <c r="AU1043" s="1106"/>
      <c r="AV1043" s="1106"/>
      <c r="AW1043" s="1106"/>
      <c r="AX1043" s="1106"/>
      <c r="AY1043" s="1106"/>
      <c r="AZ1043" s="1106"/>
      <c r="BA1043" s="1106"/>
      <c r="BB1043" s="1106"/>
      <c r="BC1043" s="1106"/>
      <c r="BD1043" s="1106"/>
      <c r="BE1043" s="1106"/>
      <c r="BF1043" s="1106"/>
      <c r="BG1043" s="1106"/>
      <c r="BH1043" s="1106"/>
      <c r="BI1043" s="1106"/>
      <c r="BJ1043" s="1106"/>
      <c r="BK1043" s="1106"/>
      <c r="BL1043" s="1106"/>
      <c r="BM1043" s="1106"/>
      <c r="BN1043" s="1106"/>
      <c r="BO1043" s="1106"/>
      <c r="BP1043" s="1106"/>
      <c r="BQ1043" s="1106"/>
      <c r="BR1043" s="1106"/>
      <c r="BS1043" s="1106"/>
      <c r="BT1043" s="1106"/>
      <c r="BU1043" s="1106"/>
      <c r="BV1043" s="1106"/>
      <c r="BW1043" s="1106"/>
      <c r="BX1043" s="1106"/>
      <c r="BY1043" s="1106"/>
      <c r="BZ1043" s="1106"/>
      <c r="CA1043" s="1106"/>
    </row>
    <row r="1044" spans="3:79" ht="9" customHeight="1" x14ac:dyDescent="0.2">
      <c r="C1044" s="1106"/>
      <c r="D1044" s="1106"/>
      <c r="E1044" s="1106"/>
      <c r="F1044" s="1106"/>
      <c r="G1044" s="1106"/>
      <c r="H1044" s="1106"/>
      <c r="I1044" s="1106"/>
      <c r="J1044" s="1106"/>
      <c r="K1044" s="1106"/>
      <c r="L1044" s="1106"/>
      <c r="M1044" s="1106"/>
      <c r="N1044" s="1106"/>
      <c r="O1044" s="1106"/>
      <c r="U1044" s="1106"/>
      <c r="AB1044" s="1106"/>
      <c r="AC1044" s="1106"/>
      <c r="AD1044" s="1106"/>
      <c r="AE1044" s="1106"/>
      <c r="AF1044" s="1106"/>
      <c r="AG1044" s="1106"/>
      <c r="AH1044" s="1106"/>
      <c r="AL1044" s="1106"/>
      <c r="AT1044" s="1106"/>
      <c r="AU1044" s="1106"/>
      <c r="AV1044" s="1106"/>
      <c r="AW1044" s="1106"/>
      <c r="AX1044" s="1106"/>
      <c r="AY1044" s="1106"/>
      <c r="AZ1044" s="1106"/>
      <c r="BA1044" s="1106"/>
      <c r="BB1044" s="1106"/>
      <c r="BC1044" s="1106"/>
      <c r="BD1044" s="1106"/>
      <c r="BE1044" s="1106"/>
      <c r="BF1044" s="1106"/>
      <c r="BG1044" s="1106"/>
      <c r="BH1044" s="1106"/>
      <c r="BI1044" s="1106"/>
      <c r="BJ1044" s="1106"/>
      <c r="BK1044" s="1106"/>
      <c r="BL1044" s="1106"/>
      <c r="BM1044" s="1106"/>
      <c r="BN1044" s="1106"/>
      <c r="BO1044" s="1106"/>
      <c r="BP1044" s="1106"/>
      <c r="BQ1044" s="1106"/>
      <c r="BR1044" s="1106"/>
      <c r="BS1044" s="1106"/>
      <c r="BT1044" s="1106"/>
      <c r="BU1044" s="1106"/>
      <c r="BV1044" s="1106"/>
      <c r="BW1044" s="1106"/>
      <c r="BX1044" s="1106"/>
      <c r="BY1044" s="1106"/>
      <c r="BZ1044" s="1106"/>
      <c r="CA1044" s="1106"/>
    </row>
    <row r="1045" spans="3:79" ht="9" customHeight="1" x14ac:dyDescent="0.2">
      <c r="C1045" s="1106"/>
      <c r="D1045" s="1106"/>
      <c r="E1045" s="1106"/>
      <c r="F1045" s="1106"/>
      <c r="G1045" s="1106"/>
      <c r="H1045" s="1106"/>
      <c r="I1045" s="1106"/>
      <c r="J1045" s="1106"/>
      <c r="K1045" s="1106"/>
      <c r="L1045" s="1106"/>
      <c r="M1045" s="1106"/>
      <c r="N1045" s="1106"/>
      <c r="O1045" s="1106"/>
      <c r="AB1045" s="1106"/>
      <c r="AC1045" s="1106"/>
      <c r="AD1045" s="1106"/>
      <c r="AE1045" s="1106"/>
      <c r="AF1045" s="1106"/>
      <c r="AG1045" s="1106"/>
      <c r="AH1045" s="1106"/>
      <c r="AL1045" s="1106"/>
      <c r="AZ1045" s="1106"/>
      <c r="BA1045" s="1106"/>
      <c r="BB1045" s="1106"/>
      <c r="BC1045" s="1106"/>
      <c r="BD1045" s="1106"/>
      <c r="BE1045" s="1106"/>
      <c r="BF1045" s="1106"/>
      <c r="BG1045" s="1106"/>
      <c r="BH1045" s="1106"/>
      <c r="BI1045" s="1106"/>
      <c r="BJ1045" s="1106"/>
      <c r="BK1045" s="1106"/>
      <c r="BL1045" s="1106"/>
      <c r="BM1045" s="1106"/>
      <c r="BN1045" s="1106"/>
      <c r="BO1045" s="1106"/>
      <c r="BP1045" s="1106"/>
      <c r="BQ1045" s="1106"/>
      <c r="BR1045" s="1106"/>
      <c r="BS1045" s="1106"/>
      <c r="BT1045" s="1106"/>
      <c r="BU1045" s="1106"/>
      <c r="BV1045" s="1106"/>
      <c r="BW1045" s="1106"/>
      <c r="BX1045" s="1106"/>
      <c r="BY1045" s="1106"/>
      <c r="BZ1045" s="1106"/>
      <c r="CA1045" s="1106"/>
    </row>
    <row r="1046" spans="3:79" ht="9" customHeight="1" x14ac:dyDescent="0.2">
      <c r="C1046" s="1106"/>
      <c r="D1046" s="1106"/>
      <c r="E1046" s="1106"/>
      <c r="F1046" s="1106"/>
      <c r="G1046" s="1106"/>
      <c r="H1046" s="1106"/>
      <c r="I1046" s="1106"/>
      <c r="J1046" s="1106"/>
      <c r="K1046" s="1106"/>
      <c r="L1046" s="1106"/>
      <c r="M1046" s="1106"/>
      <c r="N1046" s="1106"/>
      <c r="O1046" s="1106"/>
      <c r="AB1046" s="1106"/>
      <c r="AC1046" s="1106"/>
      <c r="AD1046" s="1106"/>
      <c r="AE1046" s="1106"/>
      <c r="AF1046" s="1106"/>
      <c r="AG1046" s="1106"/>
      <c r="AH1046" s="1106"/>
      <c r="AL1046" s="1106"/>
      <c r="AZ1046" s="1106"/>
      <c r="BA1046" s="1106"/>
      <c r="BB1046" s="1106"/>
      <c r="BC1046" s="1106"/>
      <c r="BD1046" s="1106"/>
      <c r="BE1046" s="1106"/>
      <c r="BF1046" s="1106"/>
      <c r="BG1046" s="1106"/>
      <c r="BH1046" s="1106"/>
      <c r="BI1046" s="1106"/>
      <c r="BJ1046" s="1106"/>
      <c r="BK1046" s="1106"/>
      <c r="BL1046" s="1106"/>
      <c r="BM1046" s="1106"/>
      <c r="BN1046" s="1106"/>
      <c r="BO1046" s="1106"/>
      <c r="BP1046" s="1106"/>
      <c r="BQ1046" s="1106"/>
      <c r="BR1046" s="1106"/>
      <c r="BS1046" s="1106"/>
      <c r="BT1046" s="1106"/>
      <c r="BU1046" s="1106"/>
      <c r="BV1046" s="1106"/>
      <c r="BW1046" s="1106"/>
      <c r="BX1046" s="1106"/>
      <c r="BY1046" s="1106"/>
      <c r="BZ1046" s="1106"/>
      <c r="CA1046" s="1106"/>
    </row>
    <row r="1047" spans="3:79" ht="9" customHeight="1" x14ac:dyDescent="0.2">
      <c r="C1047" s="1106"/>
      <c r="D1047" s="1106"/>
      <c r="E1047" s="1106"/>
      <c r="F1047" s="1106"/>
      <c r="G1047" s="1106"/>
      <c r="H1047" s="1106"/>
      <c r="I1047" s="1106"/>
      <c r="J1047" s="1106"/>
      <c r="K1047" s="1106"/>
      <c r="L1047" s="1106"/>
      <c r="M1047" s="1106"/>
      <c r="N1047" s="1106"/>
      <c r="O1047" s="1106"/>
      <c r="AB1047" s="1106"/>
      <c r="AC1047" s="1106"/>
      <c r="AD1047" s="1106"/>
      <c r="AE1047" s="1106"/>
      <c r="AF1047" s="1106"/>
      <c r="AG1047" s="1106"/>
      <c r="AH1047" s="1106"/>
      <c r="AL1047" s="1106"/>
      <c r="AZ1047" s="1106"/>
      <c r="BA1047" s="1106"/>
      <c r="BB1047" s="1106"/>
      <c r="BC1047" s="1106"/>
      <c r="BD1047" s="1106"/>
      <c r="BE1047" s="1106"/>
      <c r="BF1047" s="1106"/>
      <c r="BG1047" s="1106"/>
      <c r="BH1047" s="1106"/>
      <c r="BI1047" s="1106"/>
      <c r="BJ1047" s="1106"/>
      <c r="BK1047" s="1106"/>
      <c r="BL1047" s="1106"/>
      <c r="BM1047" s="1106"/>
      <c r="BN1047" s="1106"/>
      <c r="BO1047" s="1106"/>
      <c r="BP1047" s="1106"/>
      <c r="BQ1047" s="1106"/>
      <c r="BR1047" s="1106"/>
      <c r="BS1047" s="1106"/>
      <c r="BT1047" s="1106"/>
      <c r="BU1047" s="1106"/>
      <c r="BV1047" s="1106"/>
      <c r="BW1047" s="1106"/>
      <c r="BX1047" s="1106"/>
      <c r="BY1047" s="1106"/>
      <c r="BZ1047" s="1106"/>
      <c r="CA1047" s="1106"/>
    </row>
    <row r="1048" spans="3:79" ht="9" customHeight="1" x14ac:dyDescent="0.2">
      <c r="C1048" s="1106"/>
      <c r="D1048" s="1106"/>
      <c r="E1048" s="1106"/>
      <c r="F1048" s="1106"/>
      <c r="G1048" s="1106"/>
      <c r="H1048" s="1106"/>
      <c r="I1048" s="1106"/>
      <c r="J1048" s="1106"/>
      <c r="K1048" s="1106"/>
      <c r="L1048" s="1106"/>
      <c r="M1048" s="1106"/>
      <c r="N1048" s="1106"/>
      <c r="O1048" s="1106"/>
      <c r="U1048" s="1106"/>
      <c r="AB1048" s="1106"/>
      <c r="AC1048" s="1106"/>
      <c r="AD1048" s="1106"/>
      <c r="AE1048" s="1106"/>
      <c r="AF1048" s="1106"/>
      <c r="AG1048" s="1106"/>
      <c r="AH1048" s="1106"/>
      <c r="AL1048" s="1106"/>
      <c r="AT1048" s="1106"/>
      <c r="AU1048" s="1106"/>
      <c r="AV1048" s="1106"/>
      <c r="AW1048" s="1106"/>
      <c r="AX1048" s="1106"/>
      <c r="AY1048" s="1106"/>
      <c r="AZ1048" s="1106"/>
      <c r="BA1048" s="1106"/>
      <c r="BB1048" s="1106"/>
      <c r="BC1048" s="1106"/>
      <c r="BD1048" s="1106"/>
      <c r="BE1048" s="1106"/>
      <c r="BF1048" s="1106"/>
      <c r="BG1048" s="1106"/>
      <c r="BH1048" s="1106"/>
      <c r="BI1048" s="1106"/>
      <c r="BJ1048" s="1106"/>
      <c r="BK1048" s="1106"/>
      <c r="BL1048" s="1106"/>
      <c r="BM1048" s="1106"/>
      <c r="BN1048" s="1106"/>
      <c r="BO1048" s="1106"/>
      <c r="BP1048" s="1106"/>
      <c r="BQ1048" s="1106"/>
      <c r="BR1048" s="1106"/>
      <c r="BS1048" s="1106"/>
      <c r="BT1048" s="1106"/>
      <c r="BU1048" s="1106"/>
      <c r="BV1048" s="1106"/>
      <c r="BW1048" s="1106"/>
      <c r="BX1048" s="1106"/>
      <c r="BY1048" s="1106"/>
      <c r="BZ1048" s="1106"/>
      <c r="CA1048" s="1106"/>
    </row>
    <row r="1049" spans="3:79" ht="9" customHeight="1" x14ac:dyDescent="0.2">
      <c r="C1049" s="1106"/>
      <c r="D1049" s="1106"/>
      <c r="E1049" s="1106"/>
      <c r="F1049" s="1106"/>
      <c r="G1049" s="1106"/>
      <c r="H1049" s="1106"/>
      <c r="I1049" s="1106"/>
      <c r="J1049" s="1106"/>
      <c r="K1049" s="1106"/>
      <c r="L1049" s="1106"/>
      <c r="M1049" s="1106"/>
      <c r="N1049" s="1106"/>
      <c r="O1049" s="1106"/>
      <c r="U1049" s="1106"/>
      <c r="AB1049" s="1106"/>
      <c r="AC1049" s="1106"/>
      <c r="AD1049" s="1106"/>
      <c r="AE1049" s="1106"/>
      <c r="AF1049" s="1106"/>
      <c r="AG1049" s="1106"/>
      <c r="AH1049" s="1106"/>
      <c r="AL1049" s="1106"/>
      <c r="AO1049" s="1106"/>
      <c r="AP1049" s="1106"/>
      <c r="AT1049" s="1106"/>
      <c r="AU1049" s="1106"/>
      <c r="AV1049" s="1106"/>
      <c r="AW1049" s="1106"/>
      <c r="AX1049" s="1106"/>
      <c r="AY1049" s="1106"/>
      <c r="AZ1049" s="1106"/>
      <c r="BA1049" s="1106"/>
      <c r="BB1049" s="1106"/>
      <c r="BC1049" s="1106"/>
      <c r="BD1049" s="1106"/>
      <c r="BE1049" s="1106"/>
      <c r="BF1049" s="1106"/>
      <c r="BG1049" s="1106"/>
      <c r="BH1049" s="1106"/>
      <c r="BI1049" s="1106"/>
      <c r="BJ1049" s="1106"/>
      <c r="BK1049" s="1106"/>
      <c r="BL1049" s="1106"/>
      <c r="BM1049" s="1106"/>
      <c r="BN1049" s="1106"/>
      <c r="BO1049" s="1106"/>
      <c r="BP1049" s="1106"/>
      <c r="BQ1049" s="1106"/>
      <c r="BR1049" s="1106"/>
      <c r="BS1049" s="1106"/>
      <c r="BT1049" s="1106"/>
      <c r="BU1049" s="1106"/>
      <c r="BV1049" s="1106"/>
      <c r="BW1049" s="1106"/>
      <c r="BX1049" s="1106"/>
      <c r="BY1049" s="1106"/>
      <c r="BZ1049" s="1106"/>
      <c r="CA1049" s="1106"/>
    </row>
    <row r="1050" spans="3:79" ht="9" customHeight="1" x14ac:dyDescent="0.2">
      <c r="C1050" s="1106"/>
      <c r="D1050" s="1106"/>
      <c r="E1050" s="1106"/>
      <c r="F1050" s="1106"/>
      <c r="G1050" s="1106"/>
      <c r="H1050" s="1106"/>
      <c r="I1050" s="1106"/>
      <c r="J1050" s="1106"/>
      <c r="K1050" s="1106"/>
      <c r="L1050" s="1106"/>
      <c r="M1050" s="1106"/>
      <c r="N1050" s="1106"/>
      <c r="O1050" s="1106"/>
      <c r="U1050" s="1106"/>
      <c r="AB1050" s="1106"/>
      <c r="AC1050" s="1106"/>
      <c r="AD1050" s="1106"/>
      <c r="AE1050" s="1106"/>
      <c r="AF1050" s="1106"/>
      <c r="AG1050" s="1106"/>
      <c r="AH1050" s="1106"/>
      <c r="AL1050" s="1106"/>
      <c r="AT1050" s="1106"/>
      <c r="AU1050" s="1106"/>
      <c r="AV1050" s="1106"/>
      <c r="AW1050" s="1106"/>
      <c r="AX1050" s="1106"/>
      <c r="AY1050" s="1106"/>
      <c r="AZ1050" s="1106"/>
      <c r="BA1050" s="1106"/>
      <c r="BB1050" s="1106"/>
      <c r="BC1050" s="1106"/>
      <c r="BD1050" s="1106"/>
      <c r="BE1050" s="1106"/>
      <c r="BF1050" s="1106"/>
      <c r="BG1050" s="1106"/>
      <c r="BH1050" s="1106"/>
      <c r="BI1050" s="1106"/>
      <c r="BJ1050" s="1106"/>
      <c r="BK1050" s="1106"/>
      <c r="BL1050" s="1106"/>
      <c r="BM1050" s="1106"/>
      <c r="BN1050" s="1106"/>
      <c r="BO1050" s="1106"/>
      <c r="BP1050" s="1106"/>
      <c r="BQ1050" s="1106"/>
      <c r="BR1050" s="1106"/>
      <c r="BS1050" s="1106"/>
      <c r="BT1050" s="1106"/>
      <c r="BU1050" s="1106"/>
      <c r="BV1050" s="1106"/>
      <c r="BW1050" s="1106"/>
      <c r="BX1050" s="1106"/>
      <c r="BY1050" s="1106"/>
      <c r="BZ1050" s="1106"/>
      <c r="CA1050" s="1106"/>
    </row>
    <row r="1051" spans="3:79" ht="9" customHeight="1" x14ac:dyDescent="0.2">
      <c r="C1051" s="1106"/>
      <c r="D1051" s="1106"/>
      <c r="E1051" s="1106"/>
      <c r="F1051" s="1106"/>
      <c r="G1051" s="1106"/>
      <c r="H1051" s="1106"/>
      <c r="I1051" s="1106"/>
      <c r="J1051" s="1106"/>
      <c r="K1051" s="1106"/>
      <c r="L1051" s="1106"/>
      <c r="M1051" s="1106"/>
      <c r="N1051" s="1106"/>
      <c r="O1051" s="1106"/>
      <c r="AB1051" s="1106"/>
      <c r="AC1051" s="1106"/>
      <c r="AD1051" s="1106"/>
      <c r="AE1051" s="1106"/>
      <c r="AF1051" s="1106"/>
      <c r="AG1051" s="1106"/>
      <c r="AH1051" s="1106"/>
      <c r="AL1051" s="1106"/>
      <c r="AZ1051" s="1106"/>
      <c r="BA1051" s="1106"/>
      <c r="BB1051" s="1106"/>
      <c r="BC1051" s="1106"/>
      <c r="BD1051" s="1106"/>
      <c r="BE1051" s="1106"/>
      <c r="BF1051" s="1106"/>
      <c r="BG1051" s="1106"/>
      <c r="BH1051" s="1106"/>
      <c r="BI1051" s="1106"/>
      <c r="BJ1051" s="1106"/>
      <c r="BK1051" s="1106"/>
      <c r="BL1051" s="1106"/>
      <c r="BM1051" s="1106"/>
      <c r="BN1051" s="1106"/>
      <c r="BO1051" s="1106"/>
      <c r="BP1051" s="1106"/>
      <c r="BQ1051" s="1106"/>
      <c r="BR1051" s="1106"/>
      <c r="BS1051" s="1106"/>
      <c r="BT1051" s="1106"/>
      <c r="BU1051" s="1106"/>
      <c r="BV1051" s="1106"/>
      <c r="BW1051" s="1106"/>
      <c r="BX1051" s="1106"/>
      <c r="BY1051" s="1106"/>
      <c r="BZ1051" s="1106"/>
      <c r="CA1051" s="1106"/>
    </row>
    <row r="1052" spans="3:79" ht="9" customHeight="1" x14ac:dyDescent="0.2">
      <c r="C1052" s="1106"/>
      <c r="D1052" s="1106"/>
      <c r="E1052" s="1106"/>
      <c r="F1052" s="1106"/>
      <c r="G1052" s="1106"/>
      <c r="H1052" s="1106"/>
      <c r="I1052" s="1106"/>
      <c r="J1052" s="1106"/>
      <c r="K1052" s="1106"/>
      <c r="L1052" s="1106"/>
      <c r="M1052" s="1106"/>
      <c r="N1052" s="1106"/>
      <c r="O1052" s="1106"/>
      <c r="AB1052" s="1106"/>
      <c r="AC1052" s="1106"/>
      <c r="AD1052" s="1106"/>
      <c r="AE1052" s="1106"/>
      <c r="AF1052" s="1106"/>
      <c r="AG1052" s="1106"/>
      <c r="AH1052" s="1106"/>
      <c r="AL1052" s="1106"/>
      <c r="AZ1052" s="1106"/>
      <c r="BA1052" s="1106"/>
      <c r="BB1052" s="1106"/>
      <c r="BC1052" s="1106"/>
      <c r="BD1052" s="1106"/>
      <c r="BE1052" s="1106"/>
      <c r="BF1052" s="1106"/>
      <c r="BG1052" s="1106"/>
      <c r="BH1052" s="1106"/>
      <c r="BI1052" s="1106"/>
      <c r="BJ1052" s="1106"/>
      <c r="BK1052" s="1106"/>
      <c r="BL1052" s="1106"/>
      <c r="BM1052" s="1106"/>
      <c r="BN1052" s="1106"/>
      <c r="BO1052" s="1106"/>
      <c r="BP1052" s="1106"/>
      <c r="BQ1052" s="1106"/>
      <c r="BR1052" s="1106"/>
      <c r="BS1052" s="1106"/>
      <c r="BT1052" s="1106"/>
      <c r="BU1052" s="1106"/>
      <c r="BV1052" s="1106"/>
      <c r="BW1052" s="1106"/>
      <c r="BX1052" s="1106"/>
      <c r="BY1052" s="1106"/>
      <c r="BZ1052" s="1106"/>
      <c r="CA1052" s="1106"/>
    </row>
    <row r="1053" spans="3:79" ht="9" customHeight="1" x14ac:dyDescent="0.2">
      <c r="C1053" s="1106"/>
      <c r="D1053" s="1106"/>
      <c r="E1053" s="1106"/>
      <c r="F1053" s="1106"/>
      <c r="G1053" s="1106"/>
      <c r="H1053" s="1106"/>
      <c r="I1053" s="1106"/>
      <c r="J1053" s="1106"/>
      <c r="K1053" s="1106"/>
      <c r="L1053" s="1106"/>
      <c r="M1053" s="1106"/>
      <c r="N1053" s="1106"/>
      <c r="O1053" s="1106"/>
      <c r="AB1053" s="1106"/>
      <c r="AC1053" s="1106"/>
      <c r="AD1053" s="1106"/>
      <c r="AE1053" s="1106"/>
      <c r="AF1053" s="1106"/>
      <c r="AG1053" s="1106"/>
      <c r="AH1053" s="1106"/>
      <c r="AL1053" s="1106"/>
      <c r="AZ1053" s="1106"/>
      <c r="BA1053" s="1106"/>
      <c r="BB1053" s="1106"/>
      <c r="BC1053" s="1106"/>
      <c r="BD1053" s="1106"/>
      <c r="BE1053" s="1106"/>
      <c r="BF1053" s="1106"/>
      <c r="BG1053" s="1106"/>
      <c r="BH1053" s="1106"/>
      <c r="BI1053" s="1106"/>
      <c r="BJ1053" s="1106"/>
      <c r="BK1053" s="1106"/>
      <c r="BL1053" s="1106"/>
      <c r="BM1053" s="1106"/>
      <c r="BN1053" s="1106"/>
      <c r="BO1053" s="1106"/>
      <c r="BP1053" s="1106"/>
      <c r="BQ1053" s="1106"/>
      <c r="BR1053" s="1106"/>
      <c r="BS1053" s="1106"/>
      <c r="BT1053" s="1106"/>
      <c r="BU1053" s="1106"/>
      <c r="BV1053" s="1106"/>
      <c r="BW1053" s="1106"/>
      <c r="BX1053" s="1106"/>
      <c r="BY1053" s="1106"/>
      <c r="BZ1053" s="1106"/>
      <c r="CA1053" s="1106"/>
    </row>
    <row r="1054" spans="3:79" ht="9" customHeight="1" x14ac:dyDescent="0.2">
      <c r="C1054" s="1106"/>
      <c r="D1054" s="1106"/>
      <c r="E1054" s="1106"/>
      <c r="F1054" s="1106"/>
      <c r="G1054" s="1106"/>
      <c r="H1054" s="1106"/>
      <c r="I1054" s="1106"/>
      <c r="J1054" s="1106"/>
      <c r="K1054" s="1106"/>
      <c r="L1054" s="1106"/>
      <c r="M1054" s="1106"/>
      <c r="N1054" s="1106"/>
      <c r="O1054" s="1106"/>
      <c r="U1054" s="1106"/>
      <c r="AB1054" s="1106"/>
      <c r="AC1054" s="1106"/>
      <c r="AD1054" s="1106"/>
      <c r="AE1054" s="1106"/>
      <c r="AF1054" s="1106"/>
      <c r="AG1054" s="1106"/>
      <c r="AH1054" s="1106"/>
      <c r="AL1054" s="1106"/>
      <c r="AT1054" s="1106"/>
      <c r="AU1054" s="1106"/>
      <c r="AV1054" s="1106"/>
      <c r="AW1054" s="1106"/>
      <c r="AX1054" s="1106"/>
      <c r="AY1054" s="1106"/>
      <c r="AZ1054" s="1106"/>
      <c r="BA1054" s="1106"/>
      <c r="BB1054" s="1106"/>
      <c r="BC1054" s="1106"/>
      <c r="BD1054" s="1106"/>
      <c r="BE1054" s="1106"/>
      <c r="BF1054" s="1106"/>
      <c r="BG1054" s="1106"/>
      <c r="BH1054" s="1106"/>
      <c r="BI1054" s="1106"/>
      <c r="BJ1054" s="1106"/>
      <c r="BK1054" s="1106"/>
      <c r="BL1054" s="1106"/>
      <c r="BM1054" s="1106"/>
      <c r="BN1054" s="1106"/>
      <c r="BO1054" s="1106"/>
      <c r="BP1054" s="1106"/>
      <c r="BQ1054" s="1106"/>
      <c r="BR1054" s="1106"/>
      <c r="BS1054" s="1106"/>
      <c r="BT1054" s="1106"/>
      <c r="BU1054" s="1106"/>
      <c r="BV1054" s="1106"/>
      <c r="BW1054" s="1106"/>
      <c r="BX1054" s="1106"/>
      <c r="BY1054" s="1106"/>
      <c r="BZ1054" s="1106"/>
      <c r="CA1054" s="1106"/>
    </row>
    <row r="1055" spans="3:79" ht="9" customHeight="1" x14ac:dyDescent="0.2">
      <c r="C1055" s="1106"/>
      <c r="D1055" s="1106"/>
      <c r="E1055" s="1106"/>
      <c r="F1055" s="1106"/>
      <c r="G1055" s="1106"/>
      <c r="H1055" s="1106"/>
      <c r="I1055" s="1106"/>
      <c r="J1055" s="1106"/>
      <c r="K1055" s="1106"/>
      <c r="L1055" s="1106"/>
      <c r="M1055" s="1106"/>
      <c r="N1055" s="1106"/>
      <c r="O1055" s="1106"/>
      <c r="U1055" s="1106"/>
      <c r="AB1055" s="1106"/>
      <c r="AC1055" s="1106"/>
      <c r="AD1055" s="1106"/>
      <c r="AE1055" s="1106"/>
      <c r="AF1055" s="1106"/>
      <c r="AG1055" s="1106"/>
      <c r="AH1055" s="1106"/>
      <c r="AL1055" s="1106"/>
      <c r="AO1055" s="1106"/>
      <c r="AP1055" s="1106"/>
      <c r="AT1055" s="1106"/>
      <c r="AU1055" s="1106"/>
      <c r="AV1055" s="1106"/>
      <c r="AW1055" s="1106"/>
      <c r="AX1055" s="1106"/>
      <c r="AY1055" s="1106"/>
      <c r="AZ1055" s="1106"/>
      <c r="BA1055" s="1106"/>
      <c r="BB1055" s="1106"/>
      <c r="BC1055" s="1106"/>
      <c r="BD1055" s="1106"/>
      <c r="BE1055" s="1106"/>
      <c r="BF1055" s="1106"/>
      <c r="BG1055" s="1106"/>
      <c r="BH1055" s="1106"/>
      <c r="BI1055" s="1106"/>
      <c r="BJ1055" s="1106"/>
      <c r="BK1055" s="1106"/>
      <c r="BL1055" s="1106"/>
      <c r="BM1055" s="1106"/>
      <c r="BN1055" s="1106"/>
      <c r="BO1055" s="1106"/>
      <c r="BP1055" s="1106"/>
      <c r="BQ1055" s="1106"/>
      <c r="BR1055" s="1106"/>
      <c r="BS1055" s="1106"/>
      <c r="BT1055" s="1106"/>
      <c r="BU1055" s="1106"/>
      <c r="BV1055" s="1106"/>
      <c r="BW1055" s="1106"/>
      <c r="BX1055" s="1106"/>
      <c r="BY1055" s="1106"/>
      <c r="BZ1055" s="1106"/>
      <c r="CA1055" s="1106"/>
    </row>
    <row r="1056" spans="3:79" ht="9" customHeight="1" x14ac:dyDescent="0.2">
      <c r="C1056" s="1106"/>
      <c r="D1056" s="1106"/>
      <c r="E1056" s="1106"/>
      <c r="F1056" s="1106"/>
      <c r="G1056" s="1106"/>
      <c r="H1056" s="1106"/>
      <c r="I1056" s="1106"/>
      <c r="J1056" s="1106"/>
      <c r="K1056" s="1106"/>
      <c r="L1056" s="1106"/>
      <c r="M1056" s="1106"/>
      <c r="N1056" s="1106"/>
      <c r="O1056" s="1106"/>
      <c r="U1056" s="1106"/>
      <c r="AB1056" s="1106"/>
      <c r="AC1056" s="1106"/>
      <c r="AD1056" s="1106"/>
      <c r="AE1056" s="1106"/>
      <c r="AF1056" s="1106"/>
      <c r="AG1056" s="1106"/>
      <c r="AH1056" s="1106"/>
      <c r="AL1056" s="1106"/>
      <c r="AT1056" s="1106"/>
      <c r="AU1056" s="1106"/>
      <c r="AV1056" s="1106"/>
      <c r="AW1056" s="1106"/>
      <c r="AX1056" s="1106"/>
      <c r="AY1056" s="1106"/>
      <c r="AZ1056" s="1106"/>
      <c r="BA1056" s="1106"/>
      <c r="BB1056" s="1106"/>
      <c r="BC1056" s="1106"/>
      <c r="BD1056" s="1106"/>
      <c r="BE1056" s="1106"/>
      <c r="BF1056" s="1106"/>
      <c r="BG1056" s="1106"/>
      <c r="BH1056" s="1106"/>
      <c r="BI1056" s="1106"/>
      <c r="BJ1056" s="1106"/>
      <c r="BK1056" s="1106"/>
      <c r="BL1056" s="1106"/>
      <c r="BM1056" s="1106"/>
      <c r="BN1056" s="1106"/>
      <c r="BO1056" s="1106"/>
      <c r="BP1056" s="1106"/>
      <c r="BQ1056" s="1106"/>
      <c r="BR1056" s="1106"/>
      <c r="BS1056" s="1106"/>
      <c r="BT1056" s="1106"/>
      <c r="BU1056" s="1106"/>
      <c r="BV1056" s="1106"/>
      <c r="BW1056" s="1106"/>
      <c r="BX1056" s="1106"/>
      <c r="BY1056" s="1106"/>
      <c r="BZ1056" s="1106"/>
      <c r="CA1056" s="1106"/>
    </row>
    <row r="1057" spans="3:79" ht="9" customHeight="1" x14ac:dyDescent="0.2">
      <c r="C1057" s="1106"/>
      <c r="D1057" s="1106"/>
      <c r="E1057" s="1106"/>
      <c r="F1057" s="1106"/>
      <c r="G1057" s="1106"/>
      <c r="H1057" s="1106"/>
      <c r="I1057" s="1106"/>
      <c r="J1057" s="1106"/>
      <c r="K1057" s="1106"/>
      <c r="L1057" s="1106"/>
      <c r="M1057" s="1106"/>
      <c r="N1057" s="1106"/>
      <c r="O1057" s="1106"/>
      <c r="AB1057" s="1106"/>
      <c r="AC1057" s="1106"/>
      <c r="AD1057" s="1106"/>
      <c r="AE1057" s="1106"/>
      <c r="AF1057" s="1106"/>
      <c r="AG1057" s="1106"/>
      <c r="AH1057" s="1106"/>
      <c r="AL1057" s="1106"/>
      <c r="AZ1057" s="1106"/>
      <c r="BA1057" s="1106"/>
      <c r="BB1057" s="1106"/>
      <c r="BC1057" s="1106"/>
      <c r="BD1057" s="1106"/>
      <c r="BE1057" s="1106"/>
      <c r="BF1057" s="1106"/>
      <c r="BG1057" s="1106"/>
      <c r="BH1057" s="1106"/>
      <c r="BI1057" s="1106"/>
      <c r="BJ1057" s="1106"/>
      <c r="BK1057" s="1106"/>
      <c r="BL1057" s="1106"/>
      <c r="BM1057" s="1106"/>
      <c r="BN1057" s="1106"/>
      <c r="BO1057" s="1106"/>
      <c r="BP1057" s="1106"/>
      <c r="BQ1057" s="1106"/>
      <c r="BR1057" s="1106"/>
      <c r="BS1057" s="1106"/>
      <c r="BT1057" s="1106"/>
      <c r="BU1057" s="1106"/>
      <c r="BV1057" s="1106"/>
      <c r="BW1057" s="1106"/>
      <c r="BX1057" s="1106"/>
      <c r="BY1057" s="1106"/>
      <c r="BZ1057" s="1106"/>
      <c r="CA1057" s="1106"/>
    </row>
    <row r="1058" spans="3:79" ht="9" customHeight="1" x14ac:dyDescent="0.2">
      <c r="C1058" s="1106"/>
      <c r="D1058" s="1106"/>
      <c r="E1058" s="1106"/>
      <c r="F1058" s="1106"/>
      <c r="G1058" s="1106"/>
      <c r="H1058" s="1106"/>
      <c r="I1058" s="1106"/>
      <c r="J1058" s="1106"/>
      <c r="K1058" s="1106"/>
      <c r="L1058" s="1106"/>
      <c r="M1058" s="1106"/>
      <c r="N1058" s="1106"/>
      <c r="O1058" s="1106"/>
      <c r="AB1058" s="1106"/>
      <c r="AC1058" s="1106"/>
      <c r="AD1058" s="1106"/>
      <c r="AE1058" s="1106"/>
      <c r="AF1058" s="1106"/>
      <c r="AG1058" s="1106"/>
      <c r="AH1058" s="1106"/>
      <c r="AL1058" s="1106"/>
      <c r="AZ1058" s="1106"/>
      <c r="BA1058" s="1106"/>
      <c r="BB1058" s="1106"/>
      <c r="BC1058" s="1106"/>
      <c r="BD1058" s="1106"/>
      <c r="BE1058" s="1106"/>
      <c r="BF1058" s="1106"/>
      <c r="BG1058" s="1106"/>
      <c r="BH1058" s="1106"/>
      <c r="BI1058" s="1106"/>
      <c r="BJ1058" s="1106"/>
      <c r="BK1058" s="1106"/>
      <c r="BL1058" s="1106"/>
      <c r="BM1058" s="1106"/>
      <c r="BN1058" s="1106"/>
      <c r="BO1058" s="1106"/>
      <c r="BP1058" s="1106"/>
      <c r="BQ1058" s="1106"/>
      <c r="BR1058" s="1106"/>
      <c r="BS1058" s="1106"/>
      <c r="BT1058" s="1106"/>
      <c r="BU1058" s="1106"/>
      <c r="BV1058" s="1106"/>
      <c r="BW1058" s="1106"/>
      <c r="BX1058" s="1106"/>
      <c r="BY1058" s="1106"/>
      <c r="BZ1058" s="1106"/>
      <c r="CA1058" s="1106"/>
    </row>
    <row r="1059" spans="3:79" ht="9" customHeight="1" x14ac:dyDescent="0.2">
      <c r="C1059" s="1106"/>
      <c r="D1059" s="1106"/>
      <c r="E1059" s="1106"/>
      <c r="F1059" s="1106"/>
      <c r="G1059" s="1106"/>
      <c r="H1059" s="1106"/>
      <c r="I1059" s="1106"/>
      <c r="J1059" s="1106"/>
      <c r="K1059" s="1106"/>
      <c r="L1059" s="1106"/>
      <c r="M1059" s="1106"/>
      <c r="N1059" s="1106"/>
      <c r="O1059" s="1106"/>
      <c r="AB1059" s="1106"/>
      <c r="AC1059" s="1106"/>
      <c r="AD1059" s="1106"/>
      <c r="AE1059" s="1106"/>
      <c r="AF1059" s="1106"/>
      <c r="AG1059" s="1106"/>
      <c r="AH1059" s="1106"/>
      <c r="AL1059" s="1106"/>
      <c r="AZ1059" s="1106"/>
      <c r="BA1059" s="1106"/>
      <c r="BB1059" s="1106"/>
      <c r="BC1059" s="1106"/>
      <c r="BD1059" s="1106"/>
      <c r="BE1059" s="1106"/>
      <c r="BF1059" s="1106"/>
      <c r="BG1059" s="1106"/>
      <c r="BH1059" s="1106"/>
      <c r="BI1059" s="1106"/>
      <c r="BJ1059" s="1106"/>
      <c r="BK1059" s="1106"/>
      <c r="BL1059" s="1106"/>
      <c r="BM1059" s="1106"/>
      <c r="BN1059" s="1106"/>
      <c r="BO1059" s="1106"/>
      <c r="BP1059" s="1106"/>
      <c r="BQ1059" s="1106"/>
      <c r="BR1059" s="1106"/>
      <c r="BS1059" s="1106"/>
      <c r="BT1059" s="1106"/>
      <c r="BU1059" s="1106"/>
      <c r="BV1059" s="1106"/>
      <c r="BW1059" s="1106"/>
      <c r="BX1059" s="1106"/>
      <c r="BY1059" s="1106"/>
      <c r="BZ1059" s="1106"/>
      <c r="CA1059" s="1106"/>
    </row>
    <row r="1060" spans="3:79" ht="9" customHeight="1" x14ac:dyDescent="0.2">
      <c r="C1060" s="1106"/>
      <c r="D1060" s="1106"/>
      <c r="E1060" s="1106"/>
      <c r="F1060" s="1106"/>
      <c r="G1060" s="1106"/>
      <c r="H1060" s="1106"/>
      <c r="I1060" s="1106"/>
      <c r="J1060" s="1106"/>
      <c r="K1060" s="1106"/>
      <c r="L1060" s="1106"/>
      <c r="M1060" s="1106"/>
      <c r="N1060" s="1106"/>
      <c r="O1060" s="1106"/>
      <c r="U1060" s="1106"/>
      <c r="AB1060" s="1106"/>
      <c r="AC1060" s="1106"/>
      <c r="AD1060" s="1106"/>
      <c r="AE1060" s="1106"/>
      <c r="AF1060" s="1106"/>
      <c r="AG1060" s="1106"/>
      <c r="AH1060" s="1106"/>
      <c r="AL1060" s="1106"/>
      <c r="AT1060" s="1106"/>
      <c r="AU1060" s="1106"/>
      <c r="AV1060" s="1106"/>
      <c r="AW1060" s="1106"/>
      <c r="AX1060" s="1106"/>
      <c r="AY1060" s="1106"/>
      <c r="AZ1060" s="1106"/>
      <c r="BA1060" s="1106"/>
      <c r="BB1060" s="1106"/>
      <c r="BC1060" s="1106"/>
      <c r="BD1060" s="1106"/>
      <c r="BE1060" s="1106"/>
      <c r="BF1060" s="1106"/>
      <c r="BG1060" s="1106"/>
      <c r="BH1060" s="1106"/>
      <c r="BI1060" s="1106"/>
      <c r="BJ1060" s="1106"/>
      <c r="BK1060" s="1106"/>
      <c r="BL1060" s="1106"/>
      <c r="BM1060" s="1106"/>
      <c r="BN1060" s="1106"/>
      <c r="BO1060" s="1106"/>
      <c r="BP1060" s="1106"/>
      <c r="BQ1060" s="1106"/>
      <c r="BR1060" s="1106"/>
      <c r="BS1060" s="1106"/>
      <c r="BT1060" s="1106"/>
      <c r="BU1060" s="1106"/>
      <c r="BV1060" s="1106"/>
      <c r="BW1060" s="1106"/>
      <c r="BX1060" s="1106"/>
      <c r="BY1060" s="1106"/>
      <c r="BZ1060" s="1106"/>
      <c r="CA1060" s="1106"/>
    </row>
    <row r="1061" spans="3:79" ht="9" customHeight="1" x14ac:dyDescent="0.2">
      <c r="C1061" s="1106"/>
      <c r="D1061" s="1106"/>
      <c r="E1061" s="1106"/>
      <c r="F1061" s="1106"/>
      <c r="G1061" s="1106"/>
      <c r="H1061" s="1106"/>
      <c r="I1061" s="1106"/>
      <c r="J1061" s="1106"/>
      <c r="K1061" s="1106"/>
      <c r="L1061" s="1106"/>
      <c r="M1061" s="1106"/>
      <c r="N1061" s="1106"/>
      <c r="O1061" s="1106"/>
      <c r="U1061" s="1106"/>
      <c r="AB1061" s="1106"/>
      <c r="AC1061" s="1106"/>
      <c r="AD1061" s="1106"/>
      <c r="AE1061" s="1106"/>
      <c r="AF1061" s="1106"/>
      <c r="AG1061" s="1106"/>
      <c r="AH1061" s="1106"/>
      <c r="AL1061" s="1106"/>
      <c r="AO1061" s="1106"/>
      <c r="AP1061" s="1106"/>
      <c r="AT1061" s="1106"/>
      <c r="AU1061" s="1106"/>
      <c r="AV1061" s="1106"/>
      <c r="AW1061" s="1106"/>
      <c r="AX1061" s="1106"/>
      <c r="AY1061" s="1106"/>
      <c r="AZ1061" s="1106"/>
      <c r="BA1061" s="1106"/>
      <c r="BB1061" s="1106"/>
      <c r="BC1061" s="1106"/>
      <c r="BD1061" s="1106"/>
      <c r="BE1061" s="1106"/>
      <c r="BF1061" s="1106"/>
      <c r="BG1061" s="1106"/>
      <c r="BH1061" s="1106"/>
      <c r="BI1061" s="1106"/>
      <c r="BJ1061" s="1106"/>
      <c r="BK1061" s="1106"/>
      <c r="BL1061" s="1106"/>
      <c r="BM1061" s="1106"/>
      <c r="BN1061" s="1106"/>
      <c r="BO1061" s="1106"/>
      <c r="BP1061" s="1106"/>
      <c r="BQ1061" s="1106"/>
      <c r="BR1061" s="1106"/>
      <c r="BS1061" s="1106"/>
      <c r="BT1061" s="1106"/>
      <c r="BU1061" s="1106"/>
      <c r="BV1061" s="1106"/>
      <c r="BW1061" s="1106"/>
      <c r="BX1061" s="1106"/>
      <c r="BY1061" s="1106"/>
      <c r="BZ1061" s="1106"/>
      <c r="CA1061" s="1106"/>
    </row>
    <row r="1062" spans="3:79" ht="9" customHeight="1" x14ac:dyDescent="0.2">
      <c r="C1062" s="1106"/>
      <c r="D1062" s="1106"/>
      <c r="E1062" s="1106"/>
      <c r="F1062" s="1106"/>
      <c r="G1062" s="1106"/>
      <c r="H1062" s="1106"/>
      <c r="I1062" s="1106"/>
      <c r="J1062" s="1106"/>
      <c r="K1062" s="1106"/>
      <c r="L1062" s="1106"/>
      <c r="M1062" s="1106"/>
      <c r="N1062" s="1106"/>
      <c r="O1062" s="1106"/>
      <c r="U1062" s="1106"/>
      <c r="AB1062" s="1106"/>
      <c r="AC1062" s="1106"/>
      <c r="AD1062" s="1106"/>
      <c r="AE1062" s="1106"/>
      <c r="AF1062" s="1106"/>
      <c r="AG1062" s="1106"/>
      <c r="AH1062" s="1106"/>
      <c r="AL1062" s="1106"/>
      <c r="AT1062" s="1106"/>
      <c r="AU1062" s="1106"/>
      <c r="AV1062" s="1106"/>
      <c r="AW1062" s="1106"/>
      <c r="AX1062" s="1106"/>
      <c r="AY1062" s="1106"/>
      <c r="AZ1062" s="1106"/>
      <c r="BA1062" s="1106"/>
      <c r="BB1062" s="1106"/>
      <c r="BC1062" s="1106"/>
      <c r="BD1062" s="1106"/>
      <c r="BE1062" s="1106"/>
      <c r="BF1062" s="1106"/>
      <c r="BG1062" s="1106"/>
      <c r="BH1062" s="1106"/>
      <c r="BI1062" s="1106"/>
      <c r="BJ1062" s="1106"/>
      <c r="BK1062" s="1106"/>
      <c r="BL1062" s="1106"/>
      <c r="BM1062" s="1106"/>
      <c r="BN1062" s="1106"/>
      <c r="BO1062" s="1106"/>
      <c r="BP1062" s="1106"/>
      <c r="BQ1062" s="1106"/>
      <c r="BR1062" s="1106"/>
      <c r="BS1062" s="1106"/>
      <c r="BT1062" s="1106"/>
      <c r="BU1062" s="1106"/>
      <c r="BV1062" s="1106"/>
      <c r="BW1062" s="1106"/>
      <c r="BX1062" s="1106"/>
      <c r="BY1062" s="1106"/>
      <c r="BZ1062" s="1106"/>
      <c r="CA1062" s="1106"/>
    </row>
    <row r="1063" spans="3:79" ht="9" customHeight="1" x14ac:dyDescent="0.2">
      <c r="C1063" s="1106"/>
      <c r="D1063" s="1106"/>
      <c r="E1063" s="1106"/>
      <c r="F1063" s="1106"/>
      <c r="G1063" s="1106"/>
      <c r="H1063" s="1106"/>
      <c r="I1063" s="1106"/>
      <c r="J1063" s="1106"/>
      <c r="K1063" s="1106"/>
      <c r="L1063" s="1106"/>
      <c r="M1063" s="1106"/>
      <c r="N1063" s="1106"/>
      <c r="O1063" s="1106"/>
      <c r="AB1063" s="1106"/>
      <c r="AC1063" s="1106"/>
      <c r="AD1063" s="1106"/>
      <c r="AE1063" s="1106"/>
      <c r="AF1063" s="1106"/>
      <c r="AG1063" s="1106"/>
      <c r="AH1063" s="1106"/>
      <c r="AL1063" s="1106"/>
      <c r="AZ1063" s="1106"/>
      <c r="BA1063" s="1106"/>
      <c r="BB1063" s="1106"/>
      <c r="BC1063" s="1106"/>
      <c r="BD1063" s="1106"/>
      <c r="BE1063" s="1106"/>
      <c r="BF1063" s="1106"/>
      <c r="BG1063" s="1106"/>
      <c r="BH1063" s="1106"/>
      <c r="BI1063" s="1106"/>
      <c r="BJ1063" s="1106"/>
      <c r="BK1063" s="1106"/>
      <c r="BL1063" s="1106"/>
      <c r="BM1063" s="1106"/>
      <c r="BN1063" s="1106"/>
      <c r="BO1063" s="1106"/>
      <c r="BP1063" s="1106"/>
      <c r="BQ1063" s="1106"/>
      <c r="BR1063" s="1106"/>
      <c r="BS1063" s="1106"/>
      <c r="BT1063" s="1106"/>
      <c r="BU1063" s="1106"/>
      <c r="BV1063" s="1106"/>
      <c r="BW1063" s="1106"/>
      <c r="BX1063" s="1106"/>
      <c r="BY1063" s="1106"/>
      <c r="BZ1063" s="1106"/>
      <c r="CA1063" s="1106"/>
    </row>
    <row r="1064" spans="3:79" ht="9" customHeight="1" x14ac:dyDescent="0.2">
      <c r="C1064" s="1106"/>
      <c r="D1064" s="1106"/>
      <c r="E1064" s="1106"/>
      <c r="F1064" s="1106"/>
      <c r="G1064" s="1106"/>
      <c r="H1064" s="1106"/>
      <c r="I1064" s="1106"/>
      <c r="J1064" s="1106"/>
      <c r="K1064" s="1106"/>
      <c r="L1064" s="1106"/>
      <c r="M1064" s="1106"/>
      <c r="N1064" s="1106"/>
      <c r="O1064" s="1106"/>
      <c r="AB1064" s="1106"/>
      <c r="AC1064" s="1106"/>
      <c r="AD1064" s="1106"/>
      <c r="AE1064" s="1106"/>
      <c r="AF1064" s="1106"/>
      <c r="AG1064" s="1106"/>
      <c r="AH1064" s="1106"/>
      <c r="AL1064" s="1106"/>
      <c r="AZ1064" s="1106"/>
      <c r="BA1064" s="1106"/>
      <c r="BB1064" s="1106"/>
      <c r="BC1064" s="1106"/>
      <c r="BD1064" s="1106"/>
      <c r="BE1064" s="1106"/>
      <c r="BF1064" s="1106"/>
      <c r="BG1064" s="1106"/>
      <c r="BH1064" s="1106"/>
      <c r="BI1064" s="1106"/>
      <c r="BJ1064" s="1106"/>
      <c r="BK1064" s="1106"/>
      <c r="BL1064" s="1106"/>
      <c r="BM1064" s="1106"/>
      <c r="BN1064" s="1106"/>
      <c r="BO1064" s="1106"/>
      <c r="BP1064" s="1106"/>
      <c r="BQ1064" s="1106"/>
      <c r="BR1064" s="1106"/>
      <c r="BS1064" s="1106"/>
      <c r="BT1064" s="1106"/>
      <c r="BU1064" s="1106"/>
      <c r="BV1064" s="1106"/>
      <c r="BW1064" s="1106"/>
      <c r="BX1064" s="1106"/>
      <c r="BY1064" s="1106"/>
      <c r="BZ1064" s="1106"/>
      <c r="CA1064" s="1106"/>
    </row>
    <row r="1065" spans="3:79" ht="9" customHeight="1" x14ac:dyDescent="0.2">
      <c r="C1065" s="1106"/>
      <c r="D1065" s="1106"/>
      <c r="E1065" s="1106"/>
      <c r="F1065" s="1106"/>
      <c r="G1065" s="1106"/>
      <c r="H1065" s="1106"/>
      <c r="I1065" s="1106"/>
      <c r="J1065" s="1106"/>
      <c r="K1065" s="1106"/>
      <c r="L1065" s="1106"/>
      <c r="M1065" s="1106"/>
      <c r="N1065" s="1106"/>
      <c r="O1065" s="1106"/>
      <c r="AB1065" s="1106"/>
      <c r="AC1065" s="1106"/>
      <c r="AD1065" s="1106"/>
      <c r="AE1065" s="1106"/>
      <c r="AF1065" s="1106"/>
      <c r="AG1065" s="1106"/>
      <c r="AH1065" s="1106"/>
      <c r="AL1065" s="1106"/>
      <c r="AZ1065" s="1106"/>
      <c r="BA1065" s="1106"/>
      <c r="BB1065" s="1106"/>
      <c r="BC1065" s="1106"/>
      <c r="BD1065" s="1106"/>
      <c r="BE1065" s="1106"/>
      <c r="BF1065" s="1106"/>
      <c r="BG1065" s="1106"/>
      <c r="BH1065" s="1106"/>
      <c r="BI1065" s="1106"/>
      <c r="BJ1065" s="1106"/>
      <c r="BK1065" s="1106"/>
      <c r="BL1065" s="1106"/>
      <c r="BM1065" s="1106"/>
      <c r="BN1065" s="1106"/>
      <c r="BO1065" s="1106"/>
      <c r="BP1065" s="1106"/>
      <c r="BQ1065" s="1106"/>
      <c r="BR1065" s="1106"/>
      <c r="BS1065" s="1106"/>
      <c r="BT1065" s="1106"/>
      <c r="BU1065" s="1106"/>
      <c r="BV1065" s="1106"/>
      <c r="BW1065" s="1106"/>
      <c r="BX1065" s="1106"/>
      <c r="BY1065" s="1106"/>
      <c r="BZ1065" s="1106"/>
      <c r="CA1065" s="1106"/>
    </row>
    <row r="1066" spans="3:79" ht="9" customHeight="1" x14ac:dyDescent="0.2">
      <c r="C1066" s="1106"/>
      <c r="D1066" s="1106"/>
      <c r="E1066" s="1106"/>
      <c r="F1066" s="1106"/>
      <c r="G1066" s="1106"/>
      <c r="H1066" s="1106"/>
      <c r="I1066" s="1106"/>
      <c r="J1066" s="1106"/>
      <c r="K1066" s="1106"/>
      <c r="L1066" s="1106"/>
      <c r="M1066" s="1106"/>
      <c r="N1066" s="1106"/>
      <c r="O1066" s="1106"/>
      <c r="U1066" s="1106"/>
      <c r="AB1066" s="1106"/>
      <c r="AC1066" s="1106"/>
      <c r="AD1066" s="1106"/>
      <c r="AE1066" s="1106"/>
      <c r="AF1066" s="1106"/>
      <c r="AG1066" s="1106"/>
      <c r="AH1066" s="1106"/>
      <c r="AL1066" s="1106"/>
      <c r="AT1066" s="1106"/>
      <c r="AU1066" s="1106"/>
      <c r="AV1066" s="1106"/>
      <c r="AW1066" s="1106"/>
      <c r="AX1066" s="1106"/>
      <c r="AY1066" s="1106"/>
      <c r="AZ1066" s="1106"/>
      <c r="BA1066" s="1106"/>
      <c r="BB1066" s="1106"/>
      <c r="BC1066" s="1106"/>
      <c r="BD1066" s="1106"/>
      <c r="BE1066" s="1106"/>
      <c r="BF1066" s="1106"/>
      <c r="BG1066" s="1106"/>
      <c r="BH1066" s="1106"/>
      <c r="BI1066" s="1106"/>
      <c r="BJ1066" s="1106"/>
      <c r="BK1066" s="1106"/>
      <c r="BL1066" s="1106"/>
      <c r="BM1066" s="1106"/>
      <c r="BN1066" s="1106"/>
      <c r="BO1066" s="1106"/>
      <c r="BP1066" s="1106"/>
      <c r="BQ1066" s="1106"/>
      <c r="BR1066" s="1106"/>
      <c r="BS1066" s="1106"/>
      <c r="BT1066" s="1106"/>
      <c r="BU1066" s="1106"/>
      <c r="BV1066" s="1106"/>
      <c r="BW1066" s="1106"/>
      <c r="BX1066" s="1106"/>
      <c r="BY1066" s="1106"/>
      <c r="BZ1066" s="1106"/>
      <c r="CA1066" s="1106"/>
    </row>
    <row r="1067" spans="3:79" ht="9" customHeight="1" x14ac:dyDescent="0.2">
      <c r="C1067" s="1106"/>
      <c r="D1067" s="1106"/>
      <c r="E1067" s="1106"/>
      <c r="F1067" s="1106"/>
      <c r="G1067" s="1106"/>
      <c r="H1067" s="1106"/>
      <c r="I1067" s="1106"/>
      <c r="J1067" s="1106"/>
      <c r="K1067" s="1106"/>
      <c r="L1067" s="1106"/>
      <c r="M1067" s="1106"/>
      <c r="N1067" s="1106"/>
      <c r="O1067" s="1106"/>
      <c r="U1067" s="1106"/>
      <c r="AB1067" s="1106"/>
      <c r="AC1067" s="1106"/>
      <c r="AD1067" s="1106"/>
      <c r="AE1067" s="1106"/>
      <c r="AF1067" s="1106"/>
      <c r="AG1067" s="1106"/>
      <c r="AH1067" s="1106"/>
      <c r="AL1067" s="1106"/>
      <c r="AO1067" s="1106"/>
      <c r="AP1067" s="1106"/>
      <c r="AT1067" s="1106"/>
      <c r="AU1067" s="1106"/>
      <c r="AV1067" s="1106"/>
      <c r="AW1067" s="1106"/>
      <c r="AX1067" s="1106"/>
      <c r="AY1067" s="1106"/>
      <c r="AZ1067" s="1106"/>
      <c r="BA1067" s="1106"/>
      <c r="BB1067" s="1106"/>
      <c r="BC1067" s="1106"/>
      <c r="BD1067" s="1106"/>
      <c r="BE1067" s="1106"/>
      <c r="BF1067" s="1106"/>
      <c r="BG1067" s="1106"/>
      <c r="BH1067" s="1106"/>
      <c r="BI1067" s="1106"/>
      <c r="BJ1067" s="1106"/>
      <c r="BK1067" s="1106"/>
      <c r="BL1067" s="1106"/>
      <c r="BM1067" s="1106"/>
      <c r="BN1067" s="1106"/>
      <c r="BO1067" s="1106"/>
      <c r="BP1067" s="1106"/>
      <c r="BQ1067" s="1106"/>
      <c r="BR1067" s="1106"/>
      <c r="BS1067" s="1106"/>
      <c r="BT1067" s="1106"/>
      <c r="BU1067" s="1106"/>
      <c r="BV1067" s="1106"/>
      <c r="BW1067" s="1106"/>
      <c r="BX1067" s="1106"/>
      <c r="BY1067" s="1106"/>
      <c r="BZ1067" s="1106"/>
      <c r="CA1067" s="1106"/>
    </row>
    <row r="1068" spans="3:79" ht="9" customHeight="1" x14ac:dyDescent="0.2">
      <c r="C1068" s="1106"/>
      <c r="D1068" s="1106"/>
      <c r="E1068" s="1106"/>
      <c r="F1068" s="1106"/>
      <c r="G1068" s="1106"/>
      <c r="H1068" s="1106"/>
      <c r="I1068" s="1106"/>
      <c r="J1068" s="1106"/>
      <c r="K1068" s="1106"/>
      <c r="L1068" s="1106"/>
      <c r="M1068" s="1106"/>
      <c r="N1068" s="1106"/>
      <c r="O1068" s="1106"/>
      <c r="U1068" s="1106"/>
      <c r="AB1068" s="1106"/>
      <c r="AC1068" s="1106"/>
      <c r="AD1068" s="1106"/>
      <c r="AE1068" s="1106"/>
      <c r="AF1068" s="1106"/>
      <c r="AG1068" s="1106"/>
      <c r="AH1068" s="1106"/>
      <c r="AL1068" s="1106"/>
      <c r="AT1068" s="1106"/>
      <c r="AU1068" s="1106"/>
      <c r="AV1068" s="1106"/>
      <c r="AW1068" s="1106"/>
      <c r="AX1068" s="1106"/>
      <c r="AY1068" s="1106"/>
      <c r="AZ1068" s="1106"/>
      <c r="BA1068" s="1106"/>
      <c r="BB1068" s="1106"/>
      <c r="BC1068" s="1106"/>
      <c r="BD1068" s="1106"/>
      <c r="BE1068" s="1106"/>
      <c r="BF1068" s="1106"/>
      <c r="BG1068" s="1106"/>
      <c r="BH1068" s="1106"/>
      <c r="BI1068" s="1106"/>
      <c r="BJ1068" s="1106"/>
      <c r="BK1068" s="1106"/>
      <c r="BL1068" s="1106"/>
      <c r="BM1068" s="1106"/>
      <c r="BN1068" s="1106"/>
      <c r="BO1068" s="1106"/>
      <c r="BP1068" s="1106"/>
      <c r="BQ1068" s="1106"/>
      <c r="BR1068" s="1106"/>
      <c r="BS1068" s="1106"/>
      <c r="BT1068" s="1106"/>
      <c r="BU1068" s="1106"/>
      <c r="BV1068" s="1106"/>
      <c r="BW1068" s="1106"/>
      <c r="BX1068" s="1106"/>
      <c r="BY1068" s="1106"/>
      <c r="BZ1068" s="1106"/>
      <c r="CA1068" s="1106"/>
    </row>
    <row r="1069" spans="3:79" ht="9" customHeight="1" x14ac:dyDescent="0.2">
      <c r="C1069" s="1106"/>
      <c r="D1069" s="1106"/>
      <c r="E1069" s="1106"/>
      <c r="F1069" s="1106"/>
      <c r="G1069" s="1106"/>
      <c r="H1069" s="1106"/>
      <c r="I1069" s="1106"/>
      <c r="J1069" s="1106"/>
      <c r="K1069" s="1106"/>
      <c r="L1069" s="1106"/>
      <c r="M1069" s="1106"/>
      <c r="N1069" s="1106"/>
      <c r="O1069" s="1106"/>
      <c r="AB1069" s="1106"/>
      <c r="AC1069" s="1106"/>
      <c r="AD1069" s="1106"/>
      <c r="AE1069" s="1106"/>
      <c r="AF1069" s="1106"/>
      <c r="AG1069" s="1106"/>
      <c r="AH1069" s="1106"/>
      <c r="AL1069" s="1106"/>
      <c r="AZ1069" s="1106"/>
      <c r="BA1069" s="1106"/>
      <c r="BB1069" s="1106"/>
      <c r="BC1069" s="1106"/>
      <c r="BD1069" s="1106"/>
      <c r="BE1069" s="1106"/>
      <c r="BF1069" s="1106"/>
      <c r="BG1069" s="1106"/>
      <c r="BH1069" s="1106"/>
      <c r="BI1069" s="1106"/>
      <c r="BJ1069" s="1106"/>
      <c r="BK1069" s="1106"/>
      <c r="BL1069" s="1106"/>
      <c r="BM1069" s="1106"/>
      <c r="BN1069" s="1106"/>
      <c r="BO1069" s="1106"/>
      <c r="BP1069" s="1106"/>
      <c r="BQ1069" s="1106"/>
      <c r="BR1069" s="1106"/>
      <c r="BS1069" s="1106"/>
      <c r="BT1069" s="1106"/>
      <c r="BU1069" s="1106"/>
      <c r="BV1069" s="1106"/>
      <c r="BW1069" s="1106"/>
      <c r="BX1069" s="1106"/>
      <c r="BY1069" s="1106"/>
      <c r="BZ1069" s="1106"/>
      <c r="CA1069" s="1106"/>
    </row>
    <row r="1070" spans="3:79" ht="9" customHeight="1" x14ac:dyDescent="0.2">
      <c r="C1070" s="1106"/>
      <c r="D1070" s="1106"/>
      <c r="E1070" s="1106"/>
      <c r="F1070" s="1106"/>
      <c r="G1070" s="1106"/>
      <c r="H1070" s="1106"/>
      <c r="I1070" s="1106"/>
      <c r="J1070" s="1106"/>
      <c r="K1070" s="1106"/>
      <c r="L1070" s="1106"/>
      <c r="M1070" s="1106"/>
      <c r="N1070" s="1106"/>
      <c r="O1070" s="1106"/>
      <c r="AB1070" s="1106"/>
      <c r="AC1070" s="1106"/>
      <c r="AD1070" s="1106"/>
      <c r="AE1070" s="1106"/>
      <c r="AF1070" s="1106"/>
      <c r="AG1070" s="1106"/>
      <c r="AH1070" s="1106"/>
      <c r="AL1070" s="1106"/>
      <c r="AZ1070" s="1106"/>
      <c r="BA1070" s="1106"/>
      <c r="BB1070" s="1106"/>
      <c r="BC1070" s="1106"/>
      <c r="BD1070" s="1106"/>
      <c r="BE1070" s="1106"/>
      <c r="BF1070" s="1106"/>
      <c r="BG1070" s="1106"/>
      <c r="BH1070" s="1106"/>
      <c r="BI1070" s="1106"/>
      <c r="BJ1070" s="1106"/>
      <c r="BK1070" s="1106"/>
      <c r="BL1070" s="1106"/>
      <c r="BM1070" s="1106"/>
      <c r="BN1070" s="1106"/>
      <c r="BO1070" s="1106"/>
      <c r="BP1070" s="1106"/>
      <c r="BQ1070" s="1106"/>
      <c r="BR1070" s="1106"/>
      <c r="BS1070" s="1106"/>
      <c r="BT1070" s="1106"/>
      <c r="BU1070" s="1106"/>
      <c r="BV1070" s="1106"/>
      <c r="BW1070" s="1106"/>
      <c r="BX1070" s="1106"/>
      <c r="BY1070" s="1106"/>
      <c r="BZ1070" s="1106"/>
      <c r="CA1070" s="1106"/>
    </row>
    <row r="1071" spans="3:79" ht="9" customHeight="1" x14ac:dyDescent="0.2">
      <c r="C1071" s="1106"/>
      <c r="D1071" s="1106"/>
      <c r="E1071" s="1106"/>
      <c r="F1071" s="1106"/>
      <c r="G1071" s="1106"/>
      <c r="H1071" s="1106"/>
      <c r="I1071" s="1106"/>
      <c r="J1071" s="1106"/>
      <c r="K1071" s="1106"/>
      <c r="L1071" s="1106"/>
      <c r="M1071" s="1106"/>
      <c r="N1071" s="1106"/>
      <c r="O1071" s="1106"/>
      <c r="AB1071" s="1106"/>
      <c r="AC1071" s="1106"/>
      <c r="AD1071" s="1106"/>
      <c r="AE1071" s="1106"/>
      <c r="AF1071" s="1106"/>
      <c r="AG1071" s="1106"/>
      <c r="AH1071" s="1106"/>
      <c r="AL1071" s="1106"/>
      <c r="AZ1071" s="1106"/>
      <c r="BA1071" s="1106"/>
      <c r="BB1071" s="1106"/>
      <c r="BC1071" s="1106"/>
      <c r="BD1071" s="1106"/>
      <c r="BE1071" s="1106"/>
      <c r="BF1071" s="1106"/>
      <c r="BG1071" s="1106"/>
      <c r="BH1071" s="1106"/>
      <c r="BI1071" s="1106"/>
      <c r="BJ1071" s="1106"/>
      <c r="BK1071" s="1106"/>
      <c r="BL1071" s="1106"/>
      <c r="BM1071" s="1106"/>
      <c r="BN1071" s="1106"/>
      <c r="BO1071" s="1106"/>
      <c r="BP1071" s="1106"/>
      <c r="BQ1071" s="1106"/>
      <c r="BR1071" s="1106"/>
      <c r="BS1071" s="1106"/>
      <c r="BT1071" s="1106"/>
      <c r="BU1071" s="1106"/>
      <c r="BV1071" s="1106"/>
      <c r="BW1071" s="1106"/>
      <c r="BX1071" s="1106"/>
      <c r="BY1071" s="1106"/>
      <c r="BZ1071" s="1106"/>
      <c r="CA1071" s="1106"/>
    </row>
    <row r="1072" spans="3:79" ht="9" customHeight="1" x14ac:dyDescent="0.2">
      <c r="C1072" s="1106"/>
      <c r="D1072" s="1106"/>
      <c r="E1072" s="1106"/>
      <c r="F1072" s="1106"/>
      <c r="G1072" s="1106"/>
      <c r="H1072" s="1106"/>
      <c r="I1072" s="1106"/>
      <c r="J1072" s="1106"/>
      <c r="K1072" s="1106"/>
      <c r="L1072" s="1106"/>
      <c r="M1072" s="1106"/>
      <c r="N1072" s="1106"/>
      <c r="O1072" s="1106"/>
      <c r="U1072" s="1106"/>
      <c r="AB1072" s="1106"/>
      <c r="AC1072" s="1106"/>
      <c r="AD1072" s="1106"/>
      <c r="AE1072" s="1106"/>
      <c r="AF1072" s="1106"/>
      <c r="AG1072" s="1106"/>
      <c r="AH1072" s="1106"/>
      <c r="AL1072" s="1106"/>
      <c r="AT1072" s="1106"/>
      <c r="AU1072" s="1106"/>
      <c r="AV1072" s="1106"/>
      <c r="AW1072" s="1106"/>
      <c r="AX1072" s="1106"/>
      <c r="AY1072" s="1106"/>
      <c r="AZ1072" s="1106"/>
      <c r="BA1072" s="1106"/>
      <c r="BB1072" s="1106"/>
      <c r="BC1072" s="1106"/>
      <c r="BD1072" s="1106"/>
      <c r="BE1072" s="1106"/>
      <c r="BF1072" s="1106"/>
      <c r="BG1072" s="1106"/>
      <c r="BH1072" s="1106"/>
      <c r="BI1072" s="1106"/>
      <c r="BJ1072" s="1106"/>
      <c r="BK1072" s="1106"/>
      <c r="BL1072" s="1106"/>
      <c r="BM1072" s="1106"/>
      <c r="BN1072" s="1106"/>
      <c r="BO1072" s="1106"/>
      <c r="BP1072" s="1106"/>
      <c r="BQ1072" s="1106"/>
      <c r="BR1072" s="1106"/>
      <c r="BS1072" s="1106"/>
      <c r="BT1072" s="1106"/>
      <c r="BU1072" s="1106"/>
      <c r="BV1072" s="1106"/>
      <c r="BW1072" s="1106"/>
      <c r="BX1072" s="1106"/>
      <c r="BY1072" s="1106"/>
      <c r="BZ1072" s="1106"/>
      <c r="CA1072" s="1106"/>
    </row>
    <row r="1073" spans="3:79" ht="9" customHeight="1" x14ac:dyDescent="0.2">
      <c r="C1073" s="1106"/>
      <c r="D1073" s="1106"/>
      <c r="E1073" s="1106"/>
      <c r="F1073" s="1106"/>
      <c r="G1073" s="1106"/>
      <c r="H1073" s="1106"/>
      <c r="I1073" s="1106"/>
      <c r="J1073" s="1106"/>
      <c r="K1073" s="1106"/>
      <c r="L1073" s="1106"/>
      <c r="M1073" s="1106"/>
      <c r="N1073" s="1106"/>
      <c r="O1073" s="1106"/>
      <c r="U1073" s="1106"/>
      <c r="AB1073" s="1106"/>
      <c r="AC1073" s="1106"/>
      <c r="AD1073" s="1106"/>
      <c r="AE1073" s="1106"/>
      <c r="AF1073" s="1106"/>
      <c r="AG1073" s="1106"/>
      <c r="AH1073" s="1106"/>
      <c r="AL1073" s="1106"/>
      <c r="AO1073" s="1106"/>
      <c r="AP1073" s="1106"/>
      <c r="AT1073" s="1106"/>
      <c r="AU1073" s="1106"/>
      <c r="AV1073" s="1106"/>
      <c r="AW1073" s="1106"/>
      <c r="AX1073" s="1106"/>
      <c r="AY1073" s="1106"/>
      <c r="AZ1073" s="1106"/>
      <c r="BA1073" s="1106"/>
      <c r="BB1073" s="1106"/>
      <c r="BC1073" s="1106"/>
      <c r="BD1073" s="1106"/>
      <c r="BE1073" s="1106"/>
      <c r="BF1073" s="1106"/>
      <c r="BG1073" s="1106"/>
      <c r="BH1073" s="1106"/>
      <c r="BI1073" s="1106"/>
      <c r="BJ1073" s="1106"/>
      <c r="BK1073" s="1106"/>
      <c r="BL1073" s="1106"/>
      <c r="BM1073" s="1106"/>
      <c r="BN1073" s="1106"/>
      <c r="BO1073" s="1106"/>
      <c r="BP1073" s="1106"/>
      <c r="BQ1073" s="1106"/>
      <c r="BR1073" s="1106"/>
      <c r="BS1073" s="1106"/>
      <c r="BT1073" s="1106"/>
      <c r="BU1073" s="1106"/>
      <c r="BV1073" s="1106"/>
      <c r="BW1073" s="1106"/>
      <c r="BX1073" s="1106"/>
      <c r="BY1073" s="1106"/>
      <c r="BZ1073" s="1106"/>
      <c r="CA1073" s="1106"/>
    </row>
    <row r="1074" spans="3:79" ht="9" customHeight="1" x14ac:dyDescent="0.2">
      <c r="C1074" s="1106"/>
      <c r="D1074" s="1106"/>
      <c r="E1074" s="1106"/>
      <c r="F1074" s="1106"/>
      <c r="G1074" s="1106"/>
      <c r="H1074" s="1106"/>
      <c r="I1074" s="1106"/>
      <c r="J1074" s="1106"/>
      <c r="K1074" s="1106"/>
      <c r="L1074" s="1106"/>
      <c r="M1074" s="1106"/>
      <c r="N1074" s="1106"/>
      <c r="O1074" s="1106"/>
      <c r="U1074" s="1106"/>
      <c r="AB1074" s="1106"/>
      <c r="AC1074" s="1106"/>
      <c r="AD1074" s="1106"/>
      <c r="AE1074" s="1106"/>
      <c r="AF1074" s="1106"/>
      <c r="AG1074" s="1106"/>
      <c r="AH1074" s="1106"/>
      <c r="AL1074" s="1106"/>
      <c r="AT1074" s="1106"/>
      <c r="AU1074" s="1106"/>
      <c r="AV1074" s="1106"/>
      <c r="AW1074" s="1106"/>
      <c r="AX1074" s="1106"/>
      <c r="AY1074" s="1106"/>
      <c r="AZ1074" s="1106"/>
      <c r="BA1074" s="1106"/>
      <c r="BB1074" s="1106"/>
      <c r="BC1074" s="1106"/>
      <c r="BD1074" s="1106"/>
      <c r="BE1074" s="1106"/>
      <c r="BF1074" s="1106"/>
      <c r="BG1074" s="1106"/>
      <c r="BH1074" s="1106"/>
      <c r="BI1074" s="1106"/>
      <c r="BJ1074" s="1106"/>
      <c r="BK1074" s="1106"/>
      <c r="BL1074" s="1106"/>
      <c r="BM1074" s="1106"/>
      <c r="BN1074" s="1106"/>
      <c r="BO1074" s="1106"/>
      <c r="BP1074" s="1106"/>
      <c r="BQ1074" s="1106"/>
      <c r="BR1074" s="1106"/>
      <c r="BS1074" s="1106"/>
      <c r="BT1074" s="1106"/>
      <c r="BU1074" s="1106"/>
      <c r="BV1074" s="1106"/>
      <c r="BW1074" s="1106"/>
      <c r="BX1074" s="1106"/>
      <c r="BY1074" s="1106"/>
      <c r="BZ1074" s="1106"/>
      <c r="CA1074" s="1106"/>
    </row>
    <row r="1075" spans="3:79" ht="9" customHeight="1" x14ac:dyDescent="0.2">
      <c r="C1075" s="1106"/>
      <c r="D1075" s="1106"/>
      <c r="E1075" s="1106"/>
      <c r="F1075" s="1106"/>
      <c r="G1075" s="1106"/>
      <c r="H1075" s="1106"/>
      <c r="I1075" s="1106"/>
      <c r="J1075" s="1106"/>
      <c r="K1075" s="1106"/>
      <c r="L1075" s="1106"/>
      <c r="M1075" s="1106"/>
      <c r="N1075" s="1106"/>
      <c r="O1075" s="1106"/>
      <c r="AB1075" s="1106"/>
      <c r="AC1075" s="1106"/>
      <c r="AD1075" s="1106"/>
      <c r="AE1075" s="1106"/>
      <c r="AF1075" s="1106"/>
      <c r="AG1075" s="1106"/>
      <c r="AH1075" s="1106"/>
      <c r="AL1075" s="1106"/>
      <c r="AZ1075" s="1106"/>
      <c r="BA1075" s="1106"/>
      <c r="BB1075" s="1106"/>
      <c r="BC1075" s="1106"/>
      <c r="BD1075" s="1106"/>
      <c r="BE1075" s="1106"/>
      <c r="BF1075" s="1106"/>
      <c r="BG1075" s="1106"/>
      <c r="BH1075" s="1106"/>
      <c r="BI1075" s="1106"/>
      <c r="BJ1075" s="1106"/>
      <c r="BK1075" s="1106"/>
      <c r="BL1075" s="1106"/>
      <c r="BM1075" s="1106"/>
      <c r="BN1075" s="1106"/>
      <c r="BO1075" s="1106"/>
      <c r="BP1075" s="1106"/>
      <c r="BQ1075" s="1106"/>
      <c r="BR1075" s="1106"/>
      <c r="BS1075" s="1106"/>
      <c r="BT1075" s="1106"/>
      <c r="BU1075" s="1106"/>
      <c r="BV1075" s="1106"/>
      <c r="BW1075" s="1106"/>
      <c r="BX1075" s="1106"/>
      <c r="BY1075" s="1106"/>
      <c r="BZ1075" s="1106"/>
      <c r="CA1075" s="1106"/>
    </row>
    <row r="1076" spans="3:79" ht="9" customHeight="1" x14ac:dyDescent="0.2">
      <c r="C1076" s="1106"/>
      <c r="D1076" s="1106"/>
      <c r="E1076" s="1106"/>
      <c r="F1076" s="1106"/>
      <c r="G1076" s="1106"/>
      <c r="H1076" s="1106"/>
      <c r="I1076" s="1106"/>
      <c r="J1076" s="1106"/>
      <c r="K1076" s="1106"/>
      <c r="L1076" s="1106"/>
      <c r="M1076" s="1106"/>
      <c r="N1076" s="1106"/>
      <c r="O1076" s="1106"/>
      <c r="AB1076" s="1106"/>
      <c r="AC1076" s="1106"/>
      <c r="AD1076" s="1106"/>
      <c r="AE1076" s="1106"/>
      <c r="AF1076" s="1106"/>
      <c r="AG1076" s="1106"/>
      <c r="AH1076" s="1106"/>
      <c r="AL1076" s="1106"/>
      <c r="AZ1076" s="1106"/>
      <c r="BA1076" s="1106"/>
      <c r="BB1076" s="1106"/>
      <c r="BC1076" s="1106"/>
      <c r="BD1076" s="1106"/>
      <c r="BE1076" s="1106"/>
      <c r="BF1076" s="1106"/>
      <c r="BG1076" s="1106"/>
      <c r="BH1076" s="1106"/>
      <c r="BI1076" s="1106"/>
      <c r="BJ1076" s="1106"/>
      <c r="BK1076" s="1106"/>
      <c r="BL1076" s="1106"/>
      <c r="BM1076" s="1106"/>
      <c r="BN1076" s="1106"/>
      <c r="BO1076" s="1106"/>
      <c r="BP1076" s="1106"/>
      <c r="BQ1076" s="1106"/>
      <c r="BR1076" s="1106"/>
      <c r="BS1076" s="1106"/>
      <c r="BT1076" s="1106"/>
      <c r="BU1076" s="1106"/>
      <c r="BV1076" s="1106"/>
      <c r="BW1076" s="1106"/>
      <c r="BX1076" s="1106"/>
      <c r="BY1076" s="1106"/>
      <c r="BZ1076" s="1106"/>
      <c r="CA1076" s="1106"/>
    </row>
    <row r="1077" spans="3:79" ht="9" customHeight="1" x14ac:dyDescent="0.2">
      <c r="C1077" s="1106"/>
      <c r="D1077" s="1106"/>
      <c r="E1077" s="1106"/>
      <c r="F1077" s="1106"/>
      <c r="G1077" s="1106"/>
      <c r="H1077" s="1106"/>
      <c r="I1077" s="1106"/>
      <c r="J1077" s="1106"/>
      <c r="K1077" s="1106"/>
      <c r="L1077" s="1106"/>
      <c r="M1077" s="1106"/>
      <c r="N1077" s="1106"/>
      <c r="O1077" s="1106"/>
      <c r="AB1077" s="1106"/>
      <c r="AC1077" s="1106"/>
      <c r="AD1077" s="1106"/>
      <c r="AE1077" s="1106"/>
      <c r="AF1077" s="1106"/>
      <c r="AG1077" s="1106"/>
      <c r="AH1077" s="1106"/>
      <c r="AL1077" s="1106"/>
      <c r="AZ1077" s="1106"/>
      <c r="BA1077" s="1106"/>
      <c r="BB1077" s="1106"/>
      <c r="BC1077" s="1106"/>
      <c r="BD1077" s="1106"/>
      <c r="BE1077" s="1106"/>
      <c r="BF1077" s="1106"/>
      <c r="BG1077" s="1106"/>
      <c r="BH1077" s="1106"/>
      <c r="BI1077" s="1106"/>
      <c r="BJ1077" s="1106"/>
      <c r="BK1077" s="1106"/>
      <c r="BL1077" s="1106"/>
      <c r="BM1077" s="1106"/>
      <c r="BN1077" s="1106"/>
      <c r="BO1077" s="1106"/>
      <c r="BP1077" s="1106"/>
      <c r="BQ1077" s="1106"/>
      <c r="BR1077" s="1106"/>
      <c r="BS1077" s="1106"/>
      <c r="BT1077" s="1106"/>
      <c r="BU1077" s="1106"/>
      <c r="BV1077" s="1106"/>
      <c r="BW1077" s="1106"/>
      <c r="BX1077" s="1106"/>
      <c r="BY1077" s="1106"/>
      <c r="BZ1077" s="1106"/>
      <c r="CA1077" s="1106"/>
    </row>
    <row r="1078" spans="3:79" ht="9" customHeight="1" x14ac:dyDescent="0.2">
      <c r="C1078" s="1106"/>
      <c r="D1078" s="1106"/>
      <c r="E1078" s="1106"/>
      <c r="F1078" s="1106"/>
      <c r="G1078" s="1106"/>
      <c r="H1078" s="1106"/>
      <c r="I1078" s="1106"/>
      <c r="J1078" s="1106"/>
      <c r="K1078" s="1106"/>
      <c r="L1078" s="1106"/>
      <c r="M1078" s="1106"/>
      <c r="N1078" s="1106"/>
      <c r="O1078" s="1106"/>
      <c r="U1078" s="1106"/>
      <c r="AB1078" s="1106"/>
      <c r="AC1078" s="1106"/>
      <c r="AD1078" s="1106"/>
      <c r="AE1078" s="1106"/>
      <c r="AF1078" s="1106"/>
      <c r="AG1078" s="1106"/>
      <c r="AH1078" s="1106"/>
      <c r="AL1078" s="1106"/>
      <c r="AT1078" s="1106"/>
      <c r="AU1078" s="1106"/>
      <c r="AV1078" s="1106"/>
      <c r="AW1078" s="1106"/>
      <c r="AX1078" s="1106"/>
      <c r="AY1078" s="1106"/>
      <c r="AZ1078" s="1106"/>
      <c r="BA1078" s="1106"/>
      <c r="BB1078" s="1106"/>
      <c r="BC1078" s="1106"/>
      <c r="BD1078" s="1106"/>
      <c r="BE1078" s="1106"/>
      <c r="BF1078" s="1106"/>
      <c r="BG1078" s="1106"/>
      <c r="BH1078" s="1106"/>
      <c r="BI1078" s="1106"/>
      <c r="BJ1078" s="1106"/>
      <c r="BK1078" s="1106"/>
      <c r="BL1078" s="1106"/>
      <c r="BM1078" s="1106"/>
      <c r="BN1078" s="1106"/>
      <c r="BO1078" s="1106"/>
      <c r="BP1078" s="1106"/>
      <c r="BQ1078" s="1106"/>
      <c r="BR1078" s="1106"/>
      <c r="BS1078" s="1106"/>
      <c r="BT1078" s="1106"/>
      <c r="BU1078" s="1106"/>
      <c r="BV1078" s="1106"/>
      <c r="BW1078" s="1106"/>
      <c r="BX1078" s="1106"/>
      <c r="BY1078" s="1106"/>
      <c r="BZ1078" s="1106"/>
      <c r="CA1078" s="1106"/>
    </row>
    <row r="1079" spans="3:79" ht="9" customHeight="1" x14ac:dyDescent="0.2">
      <c r="C1079" s="1106"/>
      <c r="D1079" s="1106"/>
      <c r="E1079" s="1106"/>
      <c r="F1079" s="1106"/>
      <c r="G1079" s="1106"/>
      <c r="H1079" s="1106"/>
      <c r="I1079" s="1106"/>
      <c r="J1079" s="1106"/>
      <c r="K1079" s="1106"/>
      <c r="L1079" s="1106"/>
      <c r="M1079" s="1106"/>
      <c r="N1079" s="1106"/>
      <c r="O1079" s="1106"/>
      <c r="U1079" s="1106"/>
      <c r="AB1079" s="1106"/>
      <c r="AC1079" s="1106"/>
      <c r="AD1079" s="1106"/>
      <c r="AE1079" s="1106"/>
      <c r="AF1079" s="1106"/>
      <c r="AG1079" s="1106"/>
      <c r="AH1079" s="1106"/>
      <c r="AL1079" s="1106"/>
      <c r="AO1079" s="1106"/>
      <c r="AP1079" s="1106"/>
      <c r="AT1079" s="1106"/>
      <c r="AU1079" s="1106"/>
      <c r="AV1079" s="1106"/>
      <c r="AW1079" s="1106"/>
      <c r="AX1079" s="1106"/>
      <c r="AY1079" s="1106"/>
      <c r="AZ1079" s="1106"/>
      <c r="BA1079" s="1106"/>
      <c r="BB1079" s="1106"/>
      <c r="BC1079" s="1106"/>
      <c r="BD1079" s="1106"/>
      <c r="BE1079" s="1106"/>
      <c r="BF1079" s="1106"/>
      <c r="BG1079" s="1106"/>
      <c r="BH1079" s="1106"/>
      <c r="BI1079" s="1106"/>
      <c r="BJ1079" s="1106"/>
      <c r="BK1079" s="1106"/>
      <c r="BL1079" s="1106"/>
      <c r="BM1079" s="1106"/>
      <c r="BN1079" s="1106"/>
      <c r="BO1079" s="1106"/>
      <c r="BP1079" s="1106"/>
      <c r="BQ1079" s="1106"/>
      <c r="BR1079" s="1106"/>
      <c r="BS1079" s="1106"/>
      <c r="BT1079" s="1106"/>
      <c r="BU1079" s="1106"/>
      <c r="BV1079" s="1106"/>
      <c r="BW1079" s="1106"/>
      <c r="BX1079" s="1106"/>
      <c r="BY1079" s="1106"/>
      <c r="BZ1079" s="1106"/>
      <c r="CA1079" s="1106"/>
    </row>
    <row r="1080" spans="3:79" ht="9" customHeight="1" x14ac:dyDescent="0.2">
      <c r="C1080" s="1106"/>
      <c r="D1080" s="1106"/>
      <c r="E1080" s="1106"/>
      <c r="F1080" s="1106"/>
      <c r="G1080" s="1106"/>
      <c r="H1080" s="1106"/>
      <c r="I1080" s="1106"/>
      <c r="J1080" s="1106"/>
      <c r="K1080" s="1106"/>
      <c r="L1080" s="1106"/>
      <c r="M1080" s="1106"/>
      <c r="N1080" s="1106"/>
      <c r="O1080" s="1106"/>
      <c r="U1080" s="1106"/>
      <c r="AB1080" s="1106"/>
      <c r="AC1080" s="1106"/>
      <c r="AD1080" s="1106"/>
      <c r="AE1080" s="1106"/>
      <c r="AF1080" s="1106"/>
      <c r="AG1080" s="1106"/>
      <c r="AH1080" s="1106"/>
      <c r="AL1080" s="1106"/>
      <c r="AT1080" s="1106"/>
      <c r="AU1080" s="1106"/>
      <c r="AV1080" s="1106"/>
      <c r="AW1080" s="1106"/>
      <c r="AX1080" s="1106"/>
      <c r="AY1080" s="1106"/>
      <c r="AZ1080" s="1106"/>
      <c r="BA1080" s="1106"/>
      <c r="BB1080" s="1106"/>
      <c r="BC1080" s="1106"/>
      <c r="BD1080" s="1106"/>
      <c r="BE1080" s="1106"/>
      <c r="BF1080" s="1106"/>
      <c r="BG1080" s="1106"/>
      <c r="BH1080" s="1106"/>
      <c r="BI1080" s="1106"/>
      <c r="BJ1080" s="1106"/>
      <c r="BK1080" s="1106"/>
      <c r="BL1080" s="1106"/>
      <c r="BM1080" s="1106"/>
      <c r="BN1080" s="1106"/>
      <c r="BO1080" s="1106"/>
      <c r="BP1080" s="1106"/>
      <c r="BQ1080" s="1106"/>
      <c r="BR1080" s="1106"/>
      <c r="BS1080" s="1106"/>
      <c r="BT1080" s="1106"/>
      <c r="BU1080" s="1106"/>
      <c r="BV1080" s="1106"/>
      <c r="BW1080" s="1106"/>
      <c r="BX1080" s="1106"/>
      <c r="BY1080" s="1106"/>
      <c r="BZ1080" s="1106"/>
      <c r="CA1080" s="1106"/>
    </row>
    <row r="1081" spans="3:79" ht="9" customHeight="1" x14ac:dyDescent="0.2">
      <c r="C1081" s="1106"/>
      <c r="D1081" s="1106"/>
      <c r="E1081" s="1106"/>
      <c r="F1081" s="1106"/>
      <c r="G1081" s="1106"/>
      <c r="H1081" s="1106"/>
      <c r="I1081" s="1106"/>
      <c r="J1081" s="1106"/>
      <c r="K1081" s="1106"/>
      <c r="L1081" s="1106"/>
      <c r="M1081" s="1106"/>
      <c r="N1081" s="1106"/>
      <c r="O1081" s="1106"/>
      <c r="AB1081" s="1106"/>
      <c r="AC1081" s="1106"/>
      <c r="AD1081" s="1106"/>
      <c r="AE1081" s="1106"/>
      <c r="AF1081" s="1106"/>
      <c r="AG1081" s="1106"/>
      <c r="AH1081" s="1106"/>
      <c r="AL1081" s="1106"/>
      <c r="AZ1081" s="1106"/>
      <c r="BA1081" s="1106"/>
      <c r="BB1081" s="1106"/>
      <c r="BC1081" s="1106"/>
      <c r="BD1081" s="1106"/>
      <c r="BE1081" s="1106"/>
      <c r="BF1081" s="1106"/>
      <c r="BG1081" s="1106"/>
      <c r="BH1081" s="1106"/>
      <c r="BI1081" s="1106"/>
      <c r="BJ1081" s="1106"/>
      <c r="BK1081" s="1106"/>
      <c r="BL1081" s="1106"/>
      <c r="BM1081" s="1106"/>
      <c r="BN1081" s="1106"/>
      <c r="BO1081" s="1106"/>
      <c r="BP1081" s="1106"/>
      <c r="BQ1081" s="1106"/>
      <c r="BR1081" s="1106"/>
      <c r="BS1081" s="1106"/>
      <c r="BT1081" s="1106"/>
      <c r="BU1081" s="1106"/>
      <c r="BV1081" s="1106"/>
      <c r="BW1081" s="1106"/>
      <c r="BX1081" s="1106"/>
      <c r="BY1081" s="1106"/>
      <c r="BZ1081" s="1106"/>
      <c r="CA1081" s="1106"/>
    </row>
    <row r="1082" spans="3:79" ht="9" customHeight="1" x14ac:dyDescent="0.2">
      <c r="C1082" s="1106"/>
      <c r="D1082" s="1106"/>
      <c r="E1082" s="1106"/>
      <c r="F1082" s="1106"/>
      <c r="G1082" s="1106"/>
      <c r="H1082" s="1106"/>
      <c r="I1082" s="1106"/>
      <c r="J1082" s="1106"/>
      <c r="K1082" s="1106"/>
      <c r="L1082" s="1106"/>
      <c r="M1082" s="1106"/>
      <c r="N1082" s="1106"/>
      <c r="O1082" s="1106"/>
      <c r="AB1082" s="1106"/>
      <c r="AC1082" s="1106"/>
      <c r="AD1082" s="1106"/>
      <c r="AE1082" s="1106"/>
      <c r="AF1082" s="1106"/>
      <c r="AG1082" s="1106"/>
      <c r="AH1082" s="1106"/>
      <c r="AL1082" s="1106"/>
      <c r="AZ1082" s="1106"/>
      <c r="BA1082" s="1106"/>
      <c r="BB1082" s="1106"/>
      <c r="BC1082" s="1106"/>
      <c r="BD1082" s="1106"/>
      <c r="BE1082" s="1106"/>
      <c r="BF1082" s="1106"/>
      <c r="BG1082" s="1106"/>
      <c r="BH1082" s="1106"/>
      <c r="BI1082" s="1106"/>
      <c r="BJ1082" s="1106"/>
      <c r="BK1082" s="1106"/>
      <c r="BL1082" s="1106"/>
      <c r="BM1082" s="1106"/>
      <c r="BN1082" s="1106"/>
      <c r="BO1082" s="1106"/>
      <c r="BP1082" s="1106"/>
      <c r="BQ1082" s="1106"/>
      <c r="BR1082" s="1106"/>
      <c r="BS1082" s="1106"/>
      <c r="BT1082" s="1106"/>
      <c r="BU1082" s="1106"/>
      <c r="BV1082" s="1106"/>
      <c r="BW1082" s="1106"/>
      <c r="BX1082" s="1106"/>
      <c r="BY1082" s="1106"/>
      <c r="BZ1082" s="1106"/>
      <c r="CA1082" s="1106"/>
    </row>
    <row r="1083" spans="3:79" ht="9" customHeight="1" x14ac:dyDescent="0.2">
      <c r="C1083" s="1106"/>
      <c r="D1083" s="1106"/>
      <c r="E1083" s="1106"/>
      <c r="F1083" s="1106"/>
      <c r="G1083" s="1106"/>
      <c r="H1083" s="1106"/>
      <c r="I1083" s="1106"/>
      <c r="J1083" s="1106"/>
      <c r="K1083" s="1106"/>
      <c r="L1083" s="1106"/>
      <c r="M1083" s="1106"/>
      <c r="N1083" s="1106"/>
      <c r="O1083" s="1106"/>
      <c r="AB1083" s="1106"/>
      <c r="AC1083" s="1106"/>
      <c r="AD1083" s="1106"/>
      <c r="AE1083" s="1106"/>
      <c r="AF1083" s="1106"/>
      <c r="AG1083" s="1106"/>
      <c r="AH1083" s="1106"/>
      <c r="AL1083" s="1106"/>
      <c r="AZ1083" s="1106"/>
      <c r="BA1083" s="1106"/>
      <c r="BB1083" s="1106"/>
      <c r="BC1083" s="1106"/>
      <c r="BD1083" s="1106"/>
      <c r="BE1083" s="1106"/>
      <c r="BF1083" s="1106"/>
      <c r="BG1083" s="1106"/>
      <c r="BH1083" s="1106"/>
      <c r="BI1083" s="1106"/>
      <c r="BJ1083" s="1106"/>
      <c r="BK1083" s="1106"/>
      <c r="BL1083" s="1106"/>
      <c r="BM1083" s="1106"/>
      <c r="BN1083" s="1106"/>
      <c r="BO1083" s="1106"/>
      <c r="BP1083" s="1106"/>
      <c r="BQ1083" s="1106"/>
      <c r="BR1083" s="1106"/>
      <c r="BS1083" s="1106"/>
      <c r="BT1083" s="1106"/>
      <c r="BU1083" s="1106"/>
      <c r="BV1083" s="1106"/>
      <c r="BW1083" s="1106"/>
      <c r="BX1083" s="1106"/>
      <c r="BY1083" s="1106"/>
      <c r="BZ1083" s="1106"/>
      <c r="CA1083" s="1106"/>
    </row>
    <row r="1084" spans="3:79" ht="9" customHeight="1" x14ac:dyDescent="0.2">
      <c r="C1084" s="1106"/>
      <c r="D1084" s="1106"/>
      <c r="E1084" s="1106"/>
      <c r="F1084" s="1106"/>
      <c r="G1084" s="1106"/>
      <c r="H1084" s="1106"/>
      <c r="I1084" s="1106"/>
      <c r="J1084" s="1106"/>
      <c r="K1084" s="1106"/>
      <c r="L1084" s="1106"/>
      <c r="M1084" s="1106"/>
      <c r="N1084" s="1106"/>
      <c r="O1084" s="1106"/>
      <c r="U1084" s="1106"/>
      <c r="AB1084" s="1106"/>
      <c r="AC1084" s="1106"/>
      <c r="AD1084" s="1106"/>
      <c r="AE1084" s="1106"/>
      <c r="AF1084" s="1106"/>
      <c r="AG1084" s="1106"/>
      <c r="AH1084" s="1106"/>
      <c r="AL1084" s="1106"/>
      <c r="AT1084" s="1106"/>
      <c r="AU1084" s="1106"/>
      <c r="AV1084" s="1106"/>
      <c r="AW1084" s="1106"/>
      <c r="AX1084" s="1106"/>
      <c r="AY1084" s="1106"/>
      <c r="AZ1084" s="1106"/>
      <c r="BA1084" s="1106"/>
      <c r="BB1084" s="1106"/>
      <c r="BC1084" s="1106"/>
      <c r="BD1084" s="1106"/>
      <c r="BE1084" s="1106"/>
      <c r="BF1084" s="1106"/>
      <c r="BG1084" s="1106"/>
      <c r="BH1084" s="1106"/>
      <c r="BI1084" s="1106"/>
      <c r="BJ1084" s="1106"/>
      <c r="BK1084" s="1106"/>
      <c r="BL1084" s="1106"/>
      <c r="BM1084" s="1106"/>
      <c r="BN1084" s="1106"/>
      <c r="BO1084" s="1106"/>
      <c r="BP1084" s="1106"/>
      <c r="BQ1084" s="1106"/>
      <c r="BR1084" s="1106"/>
      <c r="BS1084" s="1106"/>
      <c r="BT1084" s="1106"/>
      <c r="BU1084" s="1106"/>
      <c r="BV1084" s="1106"/>
      <c r="BW1084" s="1106"/>
      <c r="BX1084" s="1106"/>
      <c r="BY1084" s="1106"/>
      <c r="BZ1084" s="1106"/>
      <c r="CA1084" s="1106"/>
    </row>
    <row r="1085" spans="3:79" ht="9" customHeight="1" x14ac:dyDescent="0.2">
      <c r="C1085" s="1106"/>
      <c r="D1085" s="1106"/>
      <c r="E1085" s="1106"/>
      <c r="F1085" s="1106"/>
      <c r="G1085" s="1106"/>
      <c r="H1085" s="1106"/>
      <c r="I1085" s="1106"/>
      <c r="J1085" s="1106"/>
      <c r="K1085" s="1106"/>
      <c r="L1085" s="1106"/>
      <c r="M1085" s="1106"/>
      <c r="N1085" s="1106"/>
      <c r="O1085" s="1106"/>
      <c r="U1085" s="1106"/>
      <c r="AB1085" s="1106"/>
      <c r="AC1085" s="1106"/>
      <c r="AD1085" s="1106"/>
      <c r="AE1085" s="1106"/>
      <c r="AF1085" s="1106"/>
      <c r="AG1085" s="1106"/>
      <c r="AH1085" s="1106"/>
      <c r="AL1085" s="1106"/>
      <c r="AO1085" s="1106"/>
      <c r="AP1085" s="1106"/>
      <c r="AT1085" s="1106"/>
      <c r="AU1085" s="1106"/>
      <c r="AV1085" s="1106"/>
      <c r="AW1085" s="1106"/>
      <c r="AX1085" s="1106"/>
      <c r="AY1085" s="1106"/>
      <c r="AZ1085" s="1106"/>
      <c r="BA1085" s="1106"/>
      <c r="BB1085" s="1106"/>
      <c r="BC1085" s="1106"/>
      <c r="BD1085" s="1106"/>
      <c r="BE1085" s="1106"/>
      <c r="BF1085" s="1106"/>
      <c r="BG1085" s="1106"/>
      <c r="BH1085" s="1106"/>
      <c r="BI1085" s="1106"/>
      <c r="BJ1085" s="1106"/>
      <c r="BK1085" s="1106"/>
      <c r="BL1085" s="1106"/>
      <c r="BM1085" s="1106"/>
      <c r="BN1085" s="1106"/>
      <c r="BO1085" s="1106"/>
      <c r="BP1085" s="1106"/>
      <c r="BQ1085" s="1106"/>
      <c r="BR1085" s="1106"/>
      <c r="BS1085" s="1106"/>
      <c r="BT1085" s="1106"/>
      <c r="BU1085" s="1106"/>
      <c r="BV1085" s="1106"/>
      <c r="BW1085" s="1106"/>
      <c r="BX1085" s="1106"/>
      <c r="BY1085" s="1106"/>
      <c r="BZ1085" s="1106"/>
      <c r="CA1085" s="1106"/>
    </row>
    <row r="1086" spans="3:79" ht="9" customHeight="1" x14ac:dyDescent="0.2">
      <c r="C1086" s="1106"/>
      <c r="D1086" s="1106"/>
      <c r="E1086" s="1106"/>
      <c r="F1086" s="1106"/>
      <c r="G1086" s="1106"/>
      <c r="H1086" s="1106"/>
      <c r="I1086" s="1106"/>
      <c r="J1086" s="1106"/>
      <c r="K1086" s="1106"/>
      <c r="L1086" s="1106"/>
      <c r="M1086" s="1106"/>
      <c r="N1086" s="1106"/>
      <c r="O1086" s="1106"/>
      <c r="U1086" s="1106"/>
      <c r="AB1086" s="1106"/>
      <c r="AC1086" s="1106"/>
      <c r="AD1086" s="1106"/>
      <c r="AE1086" s="1106"/>
      <c r="AF1086" s="1106"/>
      <c r="AG1086" s="1106"/>
      <c r="AH1086" s="1106"/>
      <c r="AL1086" s="1106"/>
      <c r="AT1086" s="1106"/>
      <c r="AU1086" s="1106"/>
      <c r="AV1086" s="1106"/>
      <c r="AW1086" s="1106"/>
      <c r="AX1086" s="1106"/>
      <c r="AY1086" s="1106"/>
      <c r="AZ1086" s="1106"/>
      <c r="BA1086" s="1106"/>
      <c r="BB1086" s="1106"/>
      <c r="BC1086" s="1106"/>
      <c r="BD1086" s="1106"/>
      <c r="BE1086" s="1106"/>
      <c r="BF1086" s="1106"/>
      <c r="BG1086" s="1106"/>
      <c r="BH1086" s="1106"/>
      <c r="BI1086" s="1106"/>
      <c r="BJ1086" s="1106"/>
      <c r="BK1086" s="1106"/>
      <c r="BL1086" s="1106"/>
      <c r="BM1086" s="1106"/>
      <c r="BN1086" s="1106"/>
      <c r="BO1086" s="1106"/>
      <c r="BP1086" s="1106"/>
      <c r="BQ1086" s="1106"/>
      <c r="BR1086" s="1106"/>
      <c r="BS1086" s="1106"/>
      <c r="BT1086" s="1106"/>
      <c r="BU1086" s="1106"/>
      <c r="BV1086" s="1106"/>
      <c r="BW1086" s="1106"/>
      <c r="BX1086" s="1106"/>
      <c r="BY1086" s="1106"/>
      <c r="BZ1086" s="1106"/>
      <c r="CA1086" s="1106"/>
    </row>
    <row r="1087" spans="3:79" ht="9" customHeight="1" x14ac:dyDescent="0.2">
      <c r="C1087" s="1106"/>
      <c r="D1087" s="1106"/>
      <c r="E1087" s="1106"/>
      <c r="F1087" s="1106"/>
      <c r="G1087" s="1106"/>
      <c r="H1087" s="1106"/>
      <c r="I1087" s="1106"/>
      <c r="J1087" s="1106"/>
      <c r="K1087" s="1106"/>
      <c r="L1087" s="1106"/>
      <c r="M1087" s="1106"/>
      <c r="N1087" s="1106"/>
      <c r="O1087" s="1106"/>
      <c r="AB1087" s="1106"/>
      <c r="AC1087" s="1106"/>
      <c r="AD1087" s="1106"/>
      <c r="AE1087" s="1106"/>
      <c r="AF1087" s="1106"/>
      <c r="AG1087" s="1106"/>
      <c r="AH1087" s="1106"/>
      <c r="AL1087" s="1106"/>
      <c r="AZ1087" s="1106"/>
      <c r="BA1087" s="1106"/>
      <c r="BB1087" s="1106"/>
      <c r="BC1087" s="1106"/>
      <c r="BD1087" s="1106"/>
      <c r="BE1087" s="1106"/>
      <c r="BF1087" s="1106"/>
      <c r="BG1087" s="1106"/>
      <c r="BH1087" s="1106"/>
      <c r="BI1087" s="1106"/>
      <c r="BJ1087" s="1106"/>
      <c r="BK1087" s="1106"/>
      <c r="BL1087" s="1106"/>
      <c r="BM1087" s="1106"/>
      <c r="BN1087" s="1106"/>
      <c r="BO1087" s="1106"/>
      <c r="BP1087" s="1106"/>
      <c r="BQ1087" s="1106"/>
      <c r="BR1087" s="1106"/>
      <c r="BS1087" s="1106"/>
      <c r="BT1087" s="1106"/>
      <c r="BU1087" s="1106"/>
      <c r="BV1087" s="1106"/>
      <c r="BW1087" s="1106"/>
      <c r="BX1087" s="1106"/>
      <c r="BY1087" s="1106"/>
      <c r="BZ1087" s="1106"/>
      <c r="CA1087" s="1106"/>
    </row>
    <row r="1088" spans="3:79" ht="9" customHeight="1" x14ac:dyDescent="0.2">
      <c r="C1088" s="1106"/>
      <c r="D1088" s="1106"/>
      <c r="E1088" s="1106"/>
      <c r="F1088" s="1106"/>
      <c r="G1088" s="1106"/>
      <c r="H1088" s="1106"/>
      <c r="I1088" s="1106"/>
      <c r="J1088" s="1106"/>
      <c r="K1088" s="1106"/>
      <c r="L1088" s="1106"/>
      <c r="M1088" s="1106"/>
      <c r="N1088" s="1106"/>
      <c r="O1088" s="1106"/>
      <c r="AB1088" s="1106"/>
      <c r="AC1088" s="1106"/>
      <c r="AD1088" s="1106"/>
      <c r="AE1088" s="1106"/>
      <c r="AF1088" s="1106"/>
      <c r="AG1088" s="1106"/>
      <c r="AH1088" s="1106"/>
      <c r="AL1088" s="1106"/>
      <c r="AZ1088" s="1106"/>
      <c r="BA1088" s="1106"/>
      <c r="BB1088" s="1106"/>
      <c r="BC1088" s="1106"/>
      <c r="BD1088" s="1106"/>
      <c r="BE1088" s="1106"/>
      <c r="BF1088" s="1106"/>
      <c r="BG1088" s="1106"/>
      <c r="BH1088" s="1106"/>
      <c r="BI1088" s="1106"/>
      <c r="BJ1088" s="1106"/>
      <c r="BK1088" s="1106"/>
      <c r="BL1088" s="1106"/>
      <c r="BM1088" s="1106"/>
      <c r="BN1088" s="1106"/>
      <c r="BO1088" s="1106"/>
      <c r="BP1088" s="1106"/>
      <c r="BQ1088" s="1106"/>
      <c r="BR1088" s="1106"/>
      <c r="BS1088" s="1106"/>
      <c r="BT1088" s="1106"/>
      <c r="BU1088" s="1106"/>
      <c r="BV1088" s="1106"/>
      <c r="BW1088" s="1106"/>
      <c r="BX1088" s="1106"/>
      <c r="BY1088" s="1106"/>
      <c r="BZ1088" s="1106"/>
      <c r="CA1088" s="1106"/>
    </row>
    <row r="1089" spans="3:79" ht="9" customHeight="1" x14ac:dyDescent="0.2">
      <c r="C1089" s="1106"/>
      <c r="D1089" s="1106"/>
      <c r="E1089" s="1106"/>
      <c r="F1089" s="1106"/>
      <c r="G1089" s="1106"/>
      <c r="H1089" s="1106"/>
      <c r="I1089" s="1106"/>
      <c r="J1089" s="1106"/>
      <c r="K1089" s="1106"/>
      <c r="L1089" s="1106"/>
      <c r="M1089" s="1106"/>
      <c r="N1089" s="1106"/>
      <c r="O1089" s="1106"/>
      <c r="AB1089" s="1106"/>
      <c r="AC1089" s="1106"/>
      <c r="AD1089" s="1106"/>
      <c r="AE1089" s="1106"/>
      <c r="AF1089" s="1106"/>
      <c r="AG1089" s="1106"/>
      <c r="AH1089" s="1106"/>
      <c r="AL1089" s="1106"/>
      <c r="AZ1089" s="1106"/>
      <c r="BA1089" s="1106"/>
      <c r="BB1089" s="1106"/>
      <c r="BC1089" s="1106"/>
      <c r="BD1089" s="1106"/>
      <c r="BE1089" s="1106"/>
      <c r="BF1089" s="1106"/>
      <c r="BG1089" s="1106"/>
      <c r="BH1089" s="1106"/>
      <c r="BI1089" s="1106"/>
      <c r="BJ1089" s="1106"/>
      <c r="BK1089" s="1106"/>
      <c r="BL1089" s="1106"/>
      <c r="BM1089" s="1106"/>
      <c r="BN1089" s="1106"/>
      <c r="BO1089" s="1106"/>
      <c r="BP1089" s="1106"/>
      <c r="BQ1089" s="1106"/>
      <c r="BR1089" s="1106"/>
      <c r="BS1089" s="1106"/>
      <c r="BT1089" s="1106"/>
      <c r="BU1089" s="1106"/>
      <c r="BV1089" s="1106"/>
      <c r="BW1089" s="1106"/>
      <c r="BX1089" s="1106"/>
      <c r="BY1089" s="1106"/>
      <c r="BZ1089" s="1106"/>
      <c r="CA1089" s="1106"/>
    </row>
    <row r="1090" spans="3:79" ht="9" customHeight="1" x14ac:dyDescent="0.2">
      <c r="C1090" s="1106"/>
      <c r="D1090" s="1106"/>
      <c r="E1090" s="1106"/>
      <c r="F1090" s="1106"/>
      <c r="G1090" s="1106"/>
      <c r="H1090" s="1106"/>
      <c r="I1090" s="1106"/>
      <c r="J1090" s="1106"/>
      <c r="K1090" s="1106"/>
      <c r="L1090" s="1106"/>
      <c r="M1090" s="1106"/>
      <c r="N1090" s="1106"/>
      <c r="O1090" s="1106"/>
      <c r="U1090" s="1106"/>
      <c r="AB1090" s="1106"/>
      <c r="AC1090" s="1106"/>
      <c r="AD1090" s="1106"/>
      <c r="AE1090" s="1106"/>
      <c r="AF1090" s="1106"/>
      <c r="AG1090" s="1106"/>
      <c r="AH1090" s="1106"/>
      <c r="AL1090" s="1106"/>
      <c r="AT1090" s="1106"/>
      <c r="AU1090" s="1106"/>
      <c r="AV1090" s="1106"/>
      <c r="AW1090" s="1106"/>
      <c r="AX1090" s="1106"/>
      <c r="AY1090" s="1106"/>
      <c r="AZ1090" s="1106"/>
      <c r="BA1090" s="1106"/>
      <c r="BB1090" s="1106"/>
      <c r="BC1090" s="1106"/>
      <c r="BD1090" s="1106"/>
      <c r="BE1090" s="1106"/>
      <c r="BF1090" s="1106"/>
      <c r="BG1090" s="1106"/>
      <c r="BH1090" s="1106"/>
      <c r="BI1090" s="1106"/>
      <c r="BJ1090" s="1106"/>
      <c r="BK1090" s="1106"/>
      <c r="BL1090" s="1106"/>
      <c r="BM1090" s="1106"/>
      <c r="BN1090" s="1106"/>
      <c r="BO1090" s="1106"/>
      <c r="BP1090" s="1106"/>
      <c r="BQ1090" s="1106"/>
      <c r="BR1090" s="1106"/>
      <c r="BS1090" s="1106"/>
      <c r="BT1090" s="1106"/>
      <c r="BU1090" s="1106"/>
      <c r="BV1090" s="1106"/>
      <c r="BW1090" s="1106"/>
      <c r="BX1090" s="1106"/>
      <c r="BY1090" s="1106"/>
      <c r="BZ1090" s="1106"/>
      <c r="CA1090" s="1106"/>
    </row>
    <row r="1091" spans="3:79" ht="9" customHeight="1" x14ac:dyDescent="0.2">
      <c r="C1091" s="1106"/>
      <c r="D1091" s="1106"/>
      <c r="E1091" s="1106"/>
      <c r="F1091" s="1106"/>
      <c r="G1091" s="1106"/>
      <c r="H1091" s="1106"/>
      <c r="I1091" s="1106"/>
      <c r="J1091" s="1106"/>
      <c r="K1091" s="1106"/>
      <c r="L1091" s="1106"/>
      <c r="M1091" s="1106"/>
      <c r="N1091" s="1106"/>
      <c r="O1091" s="1106"/>
      <c r="U1091" s="1106"/>
      <c r="AB1091" s="1106"/>
      <c r="AC1091" s="1106"/>
      <c r="AD1091" s="1106"/>
      <c r="AE1091" s="1106"/>
      <c r="AF1091" s="1106"/>
      <c r="AG1091" s="1106"/>
      <c r="AH1091" s="1106"/>
      <c r="AL1091" s="1106"/>
      <c r="AO1091" s="1106"/>
      <c r="AP1091" s="1106"/>
      <c r="AT1091" s="1106"/>
      <c r="AU1091" s="1106"/>
      <c r="AV1091" s="1106"/>
      <c r="AW1091" s="1106"/>
      <c r="AX1091" s="1106"/>
      <c r="AY1091" s="1106"/>
      <c r="AZ1091" s="1106"/>
      <c r="BA1091" s="1106"/>
      <c r="BB1091" s="1106"/>
      <c r="BC1091" s="1106"/>
      <c r="BD1091" s="1106"/>
      <c r="BE1091" s="1106"/>
      <c r="BF1091" s="1106"/>
      <c r="BG1091" s="1106"/>
      <c r="BH1091" s="1106"/>
      <c r="BI1091" s="1106"/>
      <c r="BJ1091" s="1106"/>
      <c r="BK1091" s="1106"/>
      <c r="BL1091" s="1106"/>
      <c r="BM1091" s="1106"/>
      <c r="BN1091" s="1106"/>
      <c r="BO1091" s="1106"/>
      <c r="BP1091" s="1106"/>
      <c r="BQ1091" s="1106"/>
      <c r="BR1091" s="1106"/>
      <c r="BS1091" s="1106"/>
      <c r="BT1091" s="1106"/>
      <c r="BU1091" s="1106"/>
      <c r="BV1091" s="1106"/>
      <c r="BW1091" s="1106"/>
      <c r="BX1091" s="1106"/>
      <c r="BY1091" s="1106"/>
      <c r="BZ1091" s="1106"/>
      <c r="CA1091" s="1106"/>
    </row>
    <row r="1092" spans="3:79" ht="9" customHeight="1" x14ac:dyDescent="0.2">
      <c r="C1092" s="1106"/>
      <c r="D1092" s="1106"/>
      <c r="E1092" s="1106"/>
      <c r="F1092" s="1106"/>
      <c r="G1092" s="1106"/>
      <c r="H1092" s="1106"/>
      <c r="I1092" s="1106"/>
      <c r="J1092" s="1106"/>
      <c r="K1092" s="1106"/>
      <c r="L1092" s="1106"/>
      <c r="M1092" s="1106"/>
      <c r="N1092" s="1106"/>
      <c r="O1092" s="1106"/>
      <c r="U1092" s="1106"/>
      <c r="AB1092" s="1106"/>
      <c r="AC1092" s="1106"/>
      <c r="AD1092" s="1106"/>
      <c r="AE1092" s="1106"/>
      <c r="AF1092" s="1106"/>
      <c r="AG1092" s="1106"/>
      <c r="AH1092" s="1106"/>
      <c r="AL1092" s="1106"/>
      <c r="AT1092" s="1106"/>
      <c r="AU1092" s="1106"/>
      <c r="AV1092" s="1106"/>
      <c r="AW1092" s="1106"/>
      <c r="AX1092" s="1106"/>
      <c r="AY1092" s="1106"/>
      <c r="AZ1092" s="1106"/>
      <c r="BA1092" s="1106"/>
      <c r="BB1092" s="1106"/>
      <c r="BC1092" s="1106"/>
      <c r="BD1092" s="1106"/>
      <c r="BE1092" s="1106"/>
      <c r="BF1092" s="1106"/>
      <c r="BG1092" s="1106"/>
      <c r="BH1092" s="1106"/>
      <c r="BI1092" s="1106"/>
      <c r="BJ1092" s="1106"/>
      <c r="BK1092" s="1106"/>
      <c r="BL1092" s="1106"/>
      <c r="BM1092" s="1106"/>
      <c r="BN1092" s="1106"/>
      <c r="BO1092" s="1106"/>
      <c r="BP1092" s="1106"/>
      <c r="BQ1092" s="1106"/>
      <c r="BR1092" s="1106"/>
      <c r="BS1092" s="1106"/>
      <c r="BT1092" s="1106"/>
      <c r="BU1092" s="1106"/>
      <c r="BV1092" s="1106"/>
      <c r="BW1092" s="1106"/>
      <c r="BX1092" s="1106"/>
      <c r="BY1092" s="1106"/>
      <c r="BZ1092" s="1106"/>
      <c r="CA1092" s="1106"/>
    </row>
    <row r="1093" spans="3:79" ht="9" customHeight="1" x14ac:dyDescent="0.2">
      <c r="C1093" s="1106"/>
      <c r="D1093" s="1106"/>
      <c r="E1093" s="1106"/>
      <c r="F1093" s="1106"/>
      <c r="G1093" s="1106"/>
      <c r="H1093" s="1106"/>
      <c r="I1093" s="1106"/>
      <c r="J1093" s="1106"/>
      <c r="K1093" s="1106"/>
      <c r="L1093" s="1106"/>
      <c r="M1093" s="1106"/>
      <c r="N1093" s="1106"/>
      <c r="O1093" s="1106"/>
      <c r="AB1093" s="1106"/>
      <c r="AC1093" s="1106"/>
      <c r="AD1093" s="1106"/>
      <c r="AE1093" s="1106"/>
      <c r="AF1093" s="1106"/>
      <c r="AG1093" s="1106"/>
      <c r="AH1093" s="1106"/>
      <c r="AL1093" s="1106"/>
      <c r="AZ1093" s="1106"/>
      <c r="BA1093" s="1106"/>
      <c r="BB1093" s="1106"/>
      <c r="BC1093" s="1106"/>
      <c r="BD1093" s="1106"/>
      <c r="BE1093" s="1106"/>
      <c r="BF1093" s="1106"/>
      <c r="BG1093" s="1106"/>
      <c r="BH1093" s="1106"/>
      <c r="BI1093" s="1106"/>
      <c r="BJ1093" s="1106"/>
      <c r="BK1093" s="1106"/>
      <c r="BL1093" s="1106"/>
      <c r="BM1093" s="1106"/>
      <c r="BN1093" s="1106"/>
      <c r="BO1093" s="1106"/>
      <c r="BP1093" s="1106"/>
      <c r="BQ1093" s="1106"/>
      <c r="BR1093" s="1106"/>
      <c r="BS1093" s="1106"/>
      <c r="BT1093" s="1106"/>
      <c r="BU1093" s="1106"/>
      <c r="BV1093" s="1106"/>
      <c r="BW1093" s="1106"/>
      <c r="BX1093" s="1106"/>
      <c r="BY1093" s="1106"/>
      <c r="BZ1093" s="1106"/>
      <c r="CA1093" s="1106"/>
    </row>
    <row r="1094" spans="3:79" ht="9" customHeight="1" x14ac:dyDescent="0.2">
      <c r="C1094" s="1106"/>
      <c r="D1094" s="1106"/>
      <c r="E1094" s="1106"/>
      <c r="F1094" s="1106"/>
      <c r="G1094" s="1106"/>
      <c r="H1094" s="1106"/>
      <c r="I1094" s="1106"/>
      <c r="J1094" s="1106"/>
      <c r="K1094" s="1106"/>
      <c r="L1094" s="1106"/>
      <c r="M1094" s="1106"/>
      <c r="N1094" s="1106"/>
      <c r="O1094" s="1106"/>
      <c r="AB1094" s="1106"/>
      <c r="AC1094" s="1106"/>
      <c r="AD1094" s="1106"/>
      <c r="AE1094" s="1106"/>
      <c r="AF1094" s="1106"/>
      <c r="AG1094" s="1106"/>
      <c r="AH1094" s="1106"/>
      <c r="AL1094" s="1106"/>
      <c r="AZ1094" s="1106"/>
      <c r="BA1094" s="1106"/>
      <c r="BB1094" s="1106"/>
      <c r="BC1094" s="1106"/>
      <c r="BD1094" s="1106"/>
      <c r="BE1094" s="1106"/>
      <c r="BF1094" s="1106"/>
      <c r="BG1094" s="1106"/>
      <c r="BH1094" s="1106"/>
      <c r="BI1094" s="1106"/>
      <c r="BJ1094" s="1106"/>
      <c r="BK1094" s="1106"/>
      <c r="BL1094" s="1106"/>
      <c r="BM1094" s="1106"/>
      <c r="BN1094" s="1106"/>
      <c r="BO1094" s="1106"/>
      <c r="BP1094" s="1106"/>
      <c r="BQ1094" s="1106"/>
      <c r="BR1094" s="1106"/>
      <c r="BS1094" s="1106"/>
      <c r="BT1094" s="1106"/>
      <c r="BU1094" s="1106"/>
      <c r="BV1094" s="1106"/>
      <c r="BW1094" s="1106"/>
      <c r="BX1094" s="1106"/>
      <c r="BY1094" s="1106"/>
      <c r="BZ1094" s="1106"/>
      <c r="CA1094" s="1106"/>
    </row>
    <row r="1095" spans="3:79" ht="9" customHeight="1" x14ac:dyDescent="0.2">
      <c r="C1095" s="1106"/>
      <c r="D1095" s="1106"/>
      <c r="E1095" s="1106"/>
      <c r="F1095" s="1106"/>
      <c r="G1095" s="1106"/>
      <c r="H1095" s="1106"/>
      <c r="I1095" s="1106"/>
      <c r="J1095" s="1106"/>
      <c r="K1095" s="1106"/>
      <c r="L1095" s="1106"/>
      <c r="M1095" s="1106"/>
      <c r="N1095" s="1106"/>
      <c r="O1095" s="1106"/>
      <c r="AB1095" s="1106"/>
      <c r="AC1095" s="1106"/>
      <c r="AD1095" s="1106"/>
      <c r="AE1095" s="1106"/>
      <c r="AF1095" s="1106"/>
      <c r="AG1095" s="1106"/>
      <c r="AH1095" s="1106"/>
      <c r="AL1095" s="1106"/>
      <c r="AZ1095" s="1106"/>
      <c r="BA1095" s="1106"/>
      <c r="BB1095" s="1106"/>
      <c r="BC1095" s="1106"/>
      <c r="BD1095" s="1106"/>
      <c r="BE1095" s="1106"/>
      <c r="BF1095" s="1106"/>
      <c r="BG1095" s="1106"/>
      <c r="BH1095" s="1106"/>
      <c r="BI1095" s="1106"/>
      <c r="BJ1095" s="1106"/>
      <c r="BK1095" s="1106"/>
      <c r="BL1095" s="1106"/>
      <c r="BM1095" s="1106"/>
      <c r="BN1095" s="1106"/>
      <c r="BO1095" s="1106"/>
      <c r="BP1095" s="1106"/>
      <c r="BQ1095" s="1106"/>
      <c r="BR1095" s="1106"/>
      <c r="BS1095" s="1106"/>
      <c r="BT1095" s="1106"/>
      <c r="BU1095" s="1106"/>
      <c r="BV1095" s="1106"/>
      <c r="BW1095" s="1106"/>
      <c r="BX1095" s="1106"/>
      <c r="BY1095" s="1106"/>
      <c r="BZ1095" s="1106"/>
      <c r="CA1095" s="1106"/>
    </row>
    <row r="1096" spans="3:79" ht="9" customHeight="1" x14ac:dyDescent="0.2">
      <c r="C1096" s="1106"/>
      <c r="D1096" s="1106"/>
      <c r="E1096" s="1106"/>
      <c r="F1096" s="1106"/>
      <c r="G1096" s="1106"/>
      <c r="H1096" s="1106"/>
      <c r="I1096" s="1106"/>
      <c r="J1096" s="1106"/>
      <c r="K1096" s="1106"/>
      <c r="L1096" s="1106"/>
      <c r="M1096" s="1106"/>
      <c r="N1096" s="1106"/>
      <c r="O1096" s="1106"/>
      <c r="U1096" s="1106"/>
      <c r="AB1096" s="1106"/>
      <c r="AC1096" s="1106"/>
      <c r="AD1096" s="1106"/>
      <c r="AE1096" s="1106"/>
      <c r="AF1096" s="1106"/>
      <c r="AG1096" s="1106"/>
      <c r="AH1096" s="1106"/>
      <c r="AL1096" s="1106"/>
      <c r="AT1096" s="1106"/>
      <c r="AU1096" s="1106"/>
      <c r="AV1096" s="1106"/>
      <c r="AW1096" s="1106"/>
      <c r="AX1096" s="1106"/>
      <c r="AY1096" s="1106"/>
      <c r="AZ1096" s="1106"/>
      <c r="BA1096" s="1106"/>
      <c r="BB1096" s="1106"/>
      <c r="BC1096" s="1106"/>
      <c r="BD1096" s="1106"/>
      <c r="BE1096" s="1106"/>
      <c r="BF1096" s="1106"/>
      <c r="BG1096" s="1106"/>
      <c r="BH1096" s="1106"/>
      <c r="BI1096" s="1106"/>
      <c r="BJ1096" s="1106"/>
      <c r="BK1096" s="1106"/>
      <c r="BL1096" s="1106"/>
      <c r="BM1096" s="1106"/>
      <c r="BN1096" s="1106"/>
      <c r="BO1096" s="1106"/>
      <c r="BP1096" s="1106"/>
      <c r="BQ1096" s="1106"/>
      <c r="BR1096" s="1106"/>
      <c r="BS1096" s="1106"/>
      <c r="BT1096" s="1106"/>
      <c r="BU1096" s="1106"/>
      <c r="BV1096" s="1106"/>
      <c r="BW1096" s="1106"/>
      <c r="BX1096" s="1106"/>
      <c r="BY1096" s="1106"/>
      <c r="BZ1096" s="1106"/>
      <c r="CA1096" s="1106"/>
    </row>
    <row r="1097" spans="3:79" ht="9" customHeight="1" x14ac:dyDescent="0.2">
      <c r="C1097" s="1106"/>
      <c r="D1097" s="1106"/>
      <c r="E1097" s="1106"/>
      <c r="F1097" s="1106"/>
      <c r="G1097" s="1106"/>
      <c r="H1097" s="1106"/>
      <c r="I1097" s="1106"/>
      <c r="J1097" s="1106"/>
      <c r="K1097" s="1106"/>
      <c r="L1097" s="1106"/>
      <c r="M1097" s="1106"/>
      <c r="N1097" s="1106"/>
      <c r="O1097" s="1106"/>
      <c r="U1097" s="1106"/>
      <c r="AB1097" s="1106"/>
      <c r="AC1097" s="1106"/>
      <c r="AD1097" s="1106"/>
      <c r="AE1097" s="1106"/>
      <c r="AF1097" s="1106"/>
      <c r="AG1097" s="1106"/>
      <c r="AH1097" s="1106"/>
      <c r="AL1097" s="1106"/>
      <c r="AO1097" s="1106"/>
      <c r="AP1097" s="1106"/>
      <c r="AT1097" s="1106"/>
      <c r="AU1097" s="1106"/>
      <c r="AV1097" s="1106"/>
      <c r="AW1097" s="1106"/>
      <c r="AX1097" s="1106"/>
      <c r="AY1097" s="1106"/>
      <c r="AZ1097" s="1106"/>
      <c r="BA1097" s="1106"/>
      <c r="BB1097" s="1106"/>
      <c r="BC1097" s="1106"/>
      <c r="BD1097" s="1106"/>
      <c r="BE1097" s="1106"/>
      <c r="BF1097" s="1106"/>
      <c r="BG1097" s="1106"/>
      <c r="BH1097" s="1106"/>
      <c r="BI1097" s="1106"/>
      <c r="BJ1097" s="1106"/>
      <c r="BK1097" s="1106"/>
      <c r="BL1097" s="1106"/>
      <c r="BM1097" s="1106"/>
      <c r="BN1097" s="1106"/>
      <c r="BO1097" s="1106"/>
      <c r="BP1097" s="1106"/>
      <c r="BQ1097" s="1106"/>
      <c r="BR1097" s="1106"/>
      <c r="BS1097" s="1106"/>
      <c r="BT1097" s="1106"/>
      <c r="BU1097" s="1106"/>
      <c r="BV1097" s="1106"/>
      <c r="BW1097" s="1106"/>
      <c r="BX1097" s="1106"/>
      <c r="BY1097" s="1106"/>
      <c r="BZ1097" s="1106"/>
      <c r="CA1097" s="1106"/>
    </row>
    <row r="1098" spans="3:79" ht="9" customHeight="1" x14ac:dyDescent="0.2">
      <c r="C1098" s="1106"/>
      <c r="D1098" s="1106"/>
      <c r="E1098" s="1106"/>
      <c r="F1098" s="1106"/>
      <c r="G1098" s="1106"/>
      <c r="H1098" s="1106"/>
      <c r="I1098" s="1106"/>
      <c r="J1098" s="1106"/>
      <c r="K1098" s="1106"/>
      <c r="L1098" s="1106"/>
      <c r="M1098" s="1106"/>
      <c r="N1098" s="1106"/>
      <c r="O1098" s="1106"/>
      <c r="U1098" s="1106"/>
      <c r="AB1098" s="1106"/>
      <c r="AC1098" s="1106"/>
      <c r="AD1098" s="1106"/>
      <c r="AE1098" s="1106"/>
      <c r="AF1098" s="1106"/>
      <c r="AG1098" s="1106"/>
      <c r="AH1098" s="1106"/>
      <c r="AL1098" s="1106"/>
      <c r="AT1098" s="1106"/>
      <c r="AU1098" s="1106"/>
      <c r="AV1098" s="1106"/>
      <c r="AW1098" s="1106"/>
      <c r="AX1098" s="1106"/>
      <c r="AY1098" s="1106"/>
      <c r="AZ1098" s="1106"/>
      <c r="BA1098" s="1106"/>
      <c r="BB1098" s="1106"/>
      <c r="BC1098" s="1106"/>
      <c r="BD1098" s="1106"/>
      <c r="BE1098" s="1106"/>
      <c r="BF1098" s="1106"/>
      <c r="BG1098" s="1106"/>
      <c r="BH1098" s="1106"/>
      <c r="BI1098" s="1106"/>
      <c r="BJ1098" s="1106"/>
      <c r="BK1098" s="1106"/>
      <c r="BL1098" s="1106"/>
      <c r="BM1098" s="1106"/>
      <c r="BN1098" s="1106"/>
      <c r="BO1098" s="1106"/>
      <c r="BP1098" s="1106"/>
      <c r="BQ1098" s="1106"/>
      <c r="BR1098" s="1106"/>
      <c r="BS1098" s="1106"/>
      <c r="BT1098" s="1106"/>
      <c r="BU1098" s="1106"/>
      <c r="BV1098" s="1106"/>
      <c r="BW1098" s="1106"/>
      <c r="BX1098" s="1106"/>
      <c r="BY1098" s="1106"/>
      <c r="BZ1098" s="1106"/>
      <c r="CA1098" s="1106"/>
    </row>
    <row r="1099" spans="3:79" ht="9" customHeight="1" x14ac:dyDescent="0.2">
      <c r="C1099" s="1106"/>
      <c r="D1099" s="1106"/>
      <c r="E1099" s="1106"/>
      <c r="F1099" s="1106"/>
      <c r="G1099" s="1106"/>
      <c r="H1099" s="1106"/>
      <c r="I1099" s="1106"/>
      <c r="J1099" s="1106"/>
      <c r="K1099" s="1106"/>
      <c r="L1099" s="1106"/>
      <c r="M1099" s="1106"/>
      <c r="N1099" s="1106"/>
      <c r="O1099" s="1106"/>
      <c r="AB1099" s="1106"/>
      <c r="AC1099" s="1106"/>
      <c r="AD1099" s="1106"/>
      <c r="AE1099" s="1106"/>
      <c r="AF1099" s="1106"/>
      <c r="AG1099" s="1106"/>
      <c r="AH1099" s="1106"/>
      <c r="AL1099" s="1106"/>
      <c r="AZ1099" s="1106"/>
      <c r="BA1099" s="1106"/>
      <c r="BB1099" s="1106"/>
      <c r="BC1099" s="1106"/>
      <c r="BD1099" s="1106"/>
      <c r="BE1099" s="1106"/>
      <c r="BF1099" s="1106"/>
      <c r="BG1099" s="1106"/>
      <c r="BH1099" s="1106"/>
      <c r="BI1099" s="1106"/>
      <c r="BJ1099" s="1106"/>
      <c r="BK1099" s="1106"/>
      <c r="BL1099" s="1106"/>
      <c r="BM1099" s="1106"/>
      <c r="BN1099" s="1106"/>
      <c r="BO1099" s="1106"/>
      <c r="BP1099" s="1106"/>
      <c r="BQ1099" s="1106"/>
      <c r="BR1099" s="1106"/>
      <c r="BS1099" s="1106"/>
      <c r="BT1099" s="1106"/>
      <c r="BU1099" s="1106"/>
      <c r="BV1099" s="1106"/>
      <c r="BW1099" s="1106"/>
      <c r="BX1099" s="1106"/>
      <c r="BY1099" s="1106"/>
      <c r="BZ1099" s="1106"/>
      <c r="CA1099" s="1106"/>
    </row>
    <row r="1100" spans="3:79" ht="9" customHeight="1" x14ac:dyDescent="0.2">
      <c r="C1100" s="1106"/>
      <c r="D1100" s="1106"/>
      <c r="E1100" s="1106"/>
      <c r="F1100" s="1106"/>
      <c r="G1100" s="1106"/>
      <c r="H1100" s="1106"/>
      <c r="I1100" s="1106"/>
      <c r="J1100" s="1106"/>
      <c r="K1100" s="1106"/>
      <c r="L1100" s="1106"/>
      <c r="M1100" s="1106"/>
      <c r="N1100" s="1106"/>
      <c r="O1100" s="1106"/>
      <c r="AB1100" s="1106"/>
      <c r="AC1100" s="1106"/>
      <c r="AD1100" s="1106"/>
      <c r="AE1100" s="1106"/>
      <c r="AF1100" s="1106"/>
      <c r="AG1100" s="1106"/>
      <c r="AH1100" s="1106"/>
      <c r="AL1100" s="1106"/>
      <c r="AZ1100" s="1106"/>
      <c r="BA1100" s="1106"/>
      <c r="BB1100" s="1106"/>
      <c r="BC1100" s="1106"/>
      <c r="BD1100" s="1106"/>
      <c r="BE1100" s="1106"/>
      <c r="BF1100" s="1106"/>
      <c r="BG1100" s="1106"/>
      <c r="BH1100" s="1106"/>
      <c r="BI1100" s="1106"/>
      <c r="BJ1100" s="1106"/>
      <c r="BK1100" s="1106"/>
      <c r="BL1100" s="1106"/>
      <c r="BM1100" s="1106"/>
      <c r="BN1100" s="1106"/>
      <c r="BO1100" s="1106"/>
      <c r="BP1100" s="1106"/>
      <c r="BQ1100" s="1106"/>
      <c r="BR1100" s="1106"/>
      <c r="BS1100" s="1106"/>
      <c r="BT1100" s="1106"/>
      <c r="BU1100" s="1106"/>
      <c r="BV1100" s="1106"/>
      <c r="BW1100" s="1106"/>
      <c r="BX1100" s="1106"/>
      <c r="BY1100" s="1106"/>
      <c r="BZ1100" s="1106"/>
      <c r="CA1100" s="1106"/>
    </row>
    <row r="1101" spans="3:79" ht="9" customHeight="1" x14ac:dyDescent="0.2">
      <c r="C1101" s="1106"/>
      <c r="D1101" s="1106"/>
      <c r="E1101" s="1106"/>
      <c r="F1101" s="1106"/>
      <c r="G1101" s="1106"/>
      <c r="H1101" s="1106"/>
      <c r="I1101" s="1106"/>
      <c r="J1101" s="1106"/>
      <c r="K1101" s="1106"/>
      <c r="L1101" s="1106"/>
      <c r="M1101" s="1106"/>
      <c r="N1101" s="1106"/>
      <c r="O1101" s="1106"/>
      <c r="AB1101" s="1106"/>
      <c r="AC1101" s="1106"/>
      <c r="AD1101" s="1106"/>
      <c r="AE1101" s="1106"/>
      <c r="AF1101" s="1106"/>
      <c r="AG1101" s="1106"/>
      <c r="AH1101" s="1106"/>
      <c r="AL1101" s="1106"/>
      <c r="AZ1101" s="1106"/>
      <c r="BA1101" s="1106"/>
      <c r="BB1101" s="1106"/>
      <c r="BC1101" s="1106"/>
      <c r="BD1101" s="1106"/>
      <c r="BE1101" s="1106"/>
      <c r="BF1101" s="1106"/>
      <c r="BG1101" s="1106"/>
      <c r="BH1101" s="1106"/>
      <c r="BI1101" s="1106"/>
      <c r="BJ1101" s="1106"/>
      <c r="BK1101" s="1106"/>
      <c r="BL1101" s="1106"/>
      <c r="BM1101" s="1106"/>
      <c r="BN1101" s="1106"/>
      <c r="BO1101" s="1106"/>
      <c r="BP1101" s="1106"/>
      <c r="BQ1101" s="1106"/>
      <c r="BR1101" s="1106"/>
      <c r="BS1101" s="1106"/>
      <c r="BT1101" s="1106"/>
      <c r="BU1101" s="1106"/>
      <c r="BV1101" s="1106"/>
      <c r="BW1101" s="1106"/>
      <c r="BX1101" s="1106"/>
      <c r="BY1101" s="1106"/>
      <c r="BZ1101" s="1106"/>
      <c r="CA1101" s="1106"/>
    </row>
    <row r="1102" spans="3:79" ht="9" customHeight="1" x14ac:dyDescent="0.2">
      <c r="C1102" s="1106"/>
      <c r="D1102" s="1106"/>
      <c r="E1102" s="1106"/>
      <c r="F1102" s="1106"/>
      <c r="G1102" s="1106"/>
      <c r="H1102" s="1106"/>
      <c r="I1102" s="1106"/>
      <c r="J1102" s="1106"/>
      <c r="K1102" s="1106"/>
      <c r="L1102" s="1106"/>
      <c r="M1102" s="1106"/>
      <c r="N1102" s="1106"/>
      <c r="O1102" s="1106"/>
      <c r="U1102" s="1106"/>
      <c r="AB1102" s="1106"/>
      <c r="AC1102" s="1106"/>
      <c r="AD1102" s="1106"/>
      <c r="AE1102" s="1106"/>
      <c r="AF1102" s="1106"/>
      <c r="AG1102" s="1106"/>
      <c r="AH1102" s="1106"/>
      <c r="AL1102" s="1106"/>
      <c r="AT1102" s="1106"/>
      <c r="AU1102" s="1106"/>
      <c r="AV1102" s="1106"/>
      <c r="AW1102" s="1106"/>
      <c r="AX1102" s="1106"/>
      <c r="AY1102" s="1106"/>
      <c r="AZ1102" s="1106"/>
      <c r="BA1102" s="1106"/>
      <c r="BB1102" s="1106"/>
      <c r="BC1102" s="1106"/>
      <c r="BD1102" s="1106"/>
      <c r="BE1102" s="1106"/>
      <c r="BF1102" s="1106"/>
      <c r="BG1102" s="1106"/>
      <c r="BH1102" s="1106"/>
      <c r="BI1102" s="1106"/>
      <c r="BJ1102" s="1106"/>
      <c r="BK1102" s="1106"/>
      <c r="BL1102" s="1106"/>
      <c r="BM1102" s="1106"/>
      <c r="BN1102" s="1106"/>
      <c r="BO1102" s="1106"/>
      <c r="BP1102" s="1106"/>
      <c r="BQ1102" s="1106"/>
      <c r="BR1102" s="1106"/>
      <c r="BS1102" s="1106"/>
      <c r="BT1102" s="1106"/>
      <c r="BU1102" s="1106"/>
      <c r="BV1102" s="1106"/>
      <c r="BW1102" s="1106"/>
      <c r="BX1102" s="1106"/>
      <c r="BY1102" s="1106"/>
      <c r="BZ1102" s="1106"/>
      <c r="CA1102" s="1106"/>
    </row>
    <row r="1103" spans="3:79" ht="9" customHeight="1" x14ac:dyDescent="0.2">
      <c r="C1103" s="1106"/>
      <c r="D1103" s="1106"/>
      <c r="E1103" s="1106"/>
      <c r="F1103" s="1106"/>
      <c r="G1103" s="1106"/>
      <c r="H1103" s="1106"/>
      <c r="I1103" s="1106"/>
      <c r="J1103" s="1106"/>
      <c r="K1103" s="1106"/>
      <c r="L1103" s="1106"/>
      <c r="M1103" s="1106"/>
      <c r="N1103" s="1106"/>
      <c r="O1103" s="1106"/>
      <c r="U1103" s="1106"/>
      <c r="AB1103" s="1106"/>
      <c r="AC1103" s="1106"/>
      <c r="AD1103" s="1106"/>
      <c r="AE1103" s="1106"/>
      <c r="AF1103" s="1106"/>
      <c r="AG1103" s="1106"/>
      <c r="AH1103" s="1106"/>
      <c r="AL1103" s="1106"/>
      <c r="AO1103" s="1106"/>
      <c r="AP1103" s="1106"/>
      <c r="AT1103" s="1106"/>
      <c r="AU1103" s="1106"/>
      <c r="AV1103" s="1106"/>
      <c r="AW1103" s="1106"/>
      <c r="AX1103" s="1106"/>
      <c r="AY1103" s="1106"/>
      <c r="AZ1103" s="1106"/>
      <c r="BA1103" s="1106"/>
      <c r="BB1103" s="1106"/>
      <c r="BC1103" s="1106"/>
      <c r="BD1103" s="1106"/>
      <c r="BE1103" s="1106"/>
      <c r="BF1103" s="1106"/>
      <c r="BG1103" s="1106"/>
      <c r="BH1103" s="1106"/>
      <c r="BI1103" s="1106"/>
      <c r="BJ1103" s="1106"/>
      <c r="BK1103" s="1106"/>
      <c r="BL1103" s="1106"/>
      <c r="BM1103" s="1106"/>
      <c r="BN1103" s="1106"/>
      <c r="BO1103" s="1106"/>
      <c r="BP1103" s="1106"/>
      <c r="BQ1103" s="1106"/>
      <c r="BR1103" s="1106"/>
      <c r="BS1103" s="1106"/>
      <c r="BT1103" s="1106"/>
      <c r="BU1103" s="1106"/>
      <c r="BV1103" s="1106"/>
      <c r="BW1103" s="1106"/>
      <c r="BX1103" s="1106"/>
      <c r="BY1103" s="1106"/>
      <c r="BZ1103" s="1106"/>
      <c r="CA1103" s="1106"/>
    </row>
    <row r="1104" spans="3:79" ht="9" customHeight="1" x14ac:dyDescent="0.2">
      <c r="C1104" s="1106"/>
      <c r="D1104" s="1106"/>
      <c r="E1104" s="1106"/>
      <c r="F1104" s="1106"/>
      <c r="G1104" s="1106"/>
      <c r="H1104" s="1106"/>
      <c r="I1104" s="1106"/>
      <c r="J1104" s="1106"/>
      <c r="K1104" s="1106"/>
      <c r="L1104" s="1106"/>
      <c r="M1104" s="1106"/>
      <c r="N1104" s="1106"/>
      <c r="O1104" s="1106"/>
      <c r="U1104" s="1106"/>
      <c r="AB1104" s="1106"/>
      <c r="AC1104" s="1106"/>
      <c r="AD1104" s="1106"/>
      <c r="AE1104" s="1106"/>
      <c r="AF1104" s="1106"/>
      <c r="AG1104" s="1106"/>
      <c r="AH1104" s="1106"/>
      <c r="AL1104" s="1106"/>
      <c r="AT1104" s="1106"/>
      <c r="AU1104" s="1106"/>
      <c r="AV1104" s="1106"/>
      <c r="AW1104" s="1106"/>
      <c r="AX1104" s="1106"/>
      <c r="AY1104" s="1106"/>
      <c r="AZ1104" s="1106"/>
      <c r="BA1104" s="1106"/>
      <c r="BB1104" s="1106"/>
      <c r="BC1104" s="1106"/>
      <c r="BD1104" s="1106"/>
      <c r="BE1104" s="1106"/>
      <c r="BF1104" s="1106"/>
      <c r="BG1104" s="1106"/>
      <c r="BH1104" s="1106"/>
      <c r="BI1104" s="1106"/>
      <c r="BJ1104" s="1106"/>
      <c r="BK1104" s="1106"/>
      <c r="BL1104" s="1106"/>
      <c r="BM1104" s="1106"/>
      <c r="BN1104" s="1106"/>
      <c r="BO1104" s="1106"/>
      <c r="BP1104" s="1106"/>
      <c r="BQ1104" s="1106"/>
      <c r="BR1104" s="1106"/>
      <c r="BS1104" s="1106"/>
      <c r="BT1104" s="1106"/>
      <c r="BU1104" s="1106"/>
      <c r="BV1104" s="1106"/>
      <c r="BW1104" s="1106"/>
      <c r="BX1104" s="1106"/>
      <c r="BY1104" s="1106"/>
      <c r="BZ1104" s="1106"/>
      <c r="CA1104" s="1106"/>
    </row>
    <row r="1105" spans="3:79" ht="9" customHeight="1" x14ac:dyDescent="0.2">
      <c r="C1105" s="1106"/>
      <c r="D1105" s="1106"/>
      <c r="E1105" s="1106"/>
      <c r="F1105" s="1106"/>
      <c r="G1105" s="1106"/>
      <c r="H1105" s="1106"/>
      <c r="I1105" s="1106"/>
      <c r="J1105" s="1106"/>
      <c r="K1105" s="1106"/>
      <c r="L1105" s="1106"/>
      <c r="M1105" s="1106"/>
      <c r="N1105" s="1106"/>
      <c r="O1105" s="1106"/>
      <c r="AB1105" s="1106"/>
      <c r="AC1105" s="1106"/>
      <c r="AD1105" s="1106"/>
      <c r="AE1105" s="1106"/>
      <c r="AF1105" s="1106"/>
      <c r="AG1105" s="1106"/>
      <c r="AH1105" s="1106"/>
      <c r="AL1105" s="1106"/>
      <c r="AZ1105" s="1106"/>
      <c r="BA1105" s="1106"/>
      <c r="BB1105" s="1106"/>
      <c r="BC1105" s="1106"/>
      <c r="BD1105" s="1106"/>
      <c r="BE1105" s="1106"/>
      <c r="BF1105" s="1106"/>
      <c r="BG1105" s="1106"/>
      <c r="BH1105" s="1106"/>
      <c r="BI1105" s="1106"/>
      <c r="BJ1105" s="1106"/>
      <c r="BK1105" s="1106"/>
      <c r="BL1105" s="1106"/>
      <c r="BM1105" s="1106"/>
      <c r="BN1105" s="1106"/>
      <c r="BO1105" s="1106"/>
      <c r="BP1105" s="1106"/>
      <c r="BQ1105" s="1106"/>
      <c r="BR1105" s="1106"/>
      <c r="BS1105" s="1106"/>
      <c r="BT1105" s="1106"/>
      <c r="BU1105" s="1106"/>
      <c r="BV1105" s="1106"/>
      <c r="BW1105" s="1106"/>
      <c r="BX1105" s="1106"/>
      <c r="BY1105" s="1106"/>
      <c r="BZ1105" s="1106"/>
      <c r="CA1105" s="1106"/>
    </row>
    <row r="1106" spans="3:79" ht="9" customHeight="1" x14ac:dyDescent="0.2">
      <c r="C1106" s="1106"/>
      <c r="D1106" s="1106"/>
      <c r="E1106" s="1106"/>
      <c r="F1106" s="1106"/>
      <c r="G1106" s="1106"/>
      <c r="H1106" s="1106"/>
      <c r="I1106" s="1106"/>
      <c r="J1106" s="1106"/>
      <c r="K1106" s="1106"/>
      <c r="L1106" s="1106"/>
      <c r="M1106" s="1106"/>
      <c r="N1106" s="1106"/>
      <c r="O1106" s="1106"/>
      <c r="AB1106" s="1106"/>
      <c r="AC1106" s="1106"/>
      <c r="AD1106" s="1106"/>
      <c r="AE1106" s="1106"/>
      <c r="AF1106" s="1106"/>
      <c r="AG1106" s="1106"/>
      <c r="AH1106" s="1106"/>
      <c r="AL1106" s="1106"/>
      <c r="AZ1106" s="1106"/>
      <c r="BA1106" s="1106"/>
      <c r="BB1106" s="1106"/>
      <c r="BC1106" s="1106"/>
      <c r="BD1106" s="1106"/>
      <c r="BE1106" s="1106"/>
      <c r="BF1106" s="1106"/>
      <c r="BG1106" s="1106"/>
      <c r="BH1106" s="1106"/>
      <c r="BI1106" s="1106"/>
      <c r="BJ1106" s="1106"/>
      <c r="BK1106" s="1106"/>
      <c r="BL1106" s="1106"/>
      <c r="BM1106" s="1106"/>
      <c r="BN1106" s="1106"/>
      <c r="BO1106" s="1106"/>
      <c r="BP1106" s="1106"/>
      <c r="BQ1106" s="1106"/>
      <c r="BR1106" s="1106"/>
      <c r="BS1106" s="1106"/>
      <c r="BT1106" s="1106"/>
      <c r="BU1106" s="1106"/>
      <c r="BV1106" s="1106"/>
      <c r="BW1106" s="1106"/>
      <c r="BX1106" s="1106"/>
      <c r="BY1106" s="1106"/>
      <c r="BZ1106" s="1106"/>
      <c r="CA1106" s="1106"/>
    </row>
    <row r="1107" spans="3:79" ht="9" customHeight="1" x14ac:dyDescent="0.2">
      <c r="C1107" s="1106"/>
      <c r="D1107" s="1106"/>
      <c r="E1107" s="1106"/>
      <c r="F1107" s="1106"/>
      <c r="G1107" s="1106"/>
      <c r="H1107" s="1106"/>
      <c r="I1107" s="1106"/>
      <c r="J1107" s="1106"/>
      <c r="K1107" s="1106"/>
      <c r="L1107" s="1106"/>
      <c r="M1107" s="1106"/>
      <c r="N1107" s="1106"/>
      <c r="O1107" s="1106"/>
      <c r="AB1107" s="1106"/>
      <c r="AC1107" s="1106"/>
      <c r="AD1107" s="1106"/>
      <c r="AE1107" s="1106"/>
      <c r="AF1107" s="1106"/>
      <c r="AG1107" s="1106"/>
      <c r="AH1107" s="1106"/>
      <c r="AL1107" s="1106"/>
      <c r="AZ1107" s="1106"/>
      <c r="BA1107" s="1106"/>
      <c r="BB1107" s="1106"/>
      <c r="BC1107" s="1106"/>
      <c r="BD1107" s="1106"/>
      <c r="BE1107" s="1106"/>
      <c r="BF1107" s="1106"/>
      <c r="BG1107" s="1106"/>
      <c r="BH1107" s="1106"/>
      <c r="BI1107" s="1106"/>
      <c r="BJ1107" s="1106"/>
      <c r="BK1107" s="1106"/>
      <c r="BL1107" s="1106"/>
      <c r="BM1107" s="1106"/>
      <c r="BN1107" s="1106"/>
      <c r="BO1107" s="1106"/>
      <c r="BP1107" s="1106"/>
      <c r="BQ1107" s="1106"/>
      <c r="BR1107" s="1106"/>
      <c r="BS1107" s="1106"/>
      <c r="BT1107" s="1106"/>
      <c r="BU1107" s="1106"/>
      <c r="BV1107" s="1106"/>
      <c r="BW1107" s="1106"/>
      <c r="BX1107" s="1106"/>
      <c r="BY1107" s="1106"/>
      <c r="BZ1107" s="1106"/>
      <c r="CA1107" s="1106"/>
    </row>
    <row r="1108" spans="3:79" ht="9" customHeight="1" x14ac:dyDescent="0.2">
      <c r="C1108" s="1106"/>
      <c r="D1108" s="1106"/>
      <c r="E1108" s="1106"/>
      <c r="F1108" s="1106"/>
      <c r="G1108" s="1106"/>
      <c r="H1108" s="1106"/>
      <c r="I1108" s="1106"/>
      <c r="J1108" s="1106"/>
      <c r="K1108" s="1106"/>
      <c r="L1108" s="1106"/>
      <c r="M1108" s="1106"/>
      <c r="N1108" s="1106"/>
      <c r="O1108" s="1106"/>
      <c r="U1108" s="1106"/>
      <c r="AB1108" s="1106"/>
      <c r="AC1108" s="1106"/>
      <c r="AD1108" s="1106"/>
      <c r="AE1108" s="1106"/>
      <c r="AF1108" s="1106"/>
      <c r="AG1108" s="1106"/>
      <c r="AH1108" s="1106"/>
      <c r="AL1108" s="1106"/>
      <c r="AT1108" s="1106"/>
      <c r="AU1108" s="1106"/>
      <c r="AV1108" s="1106"/>
      <c r="AW1108" s="1106"/>
      <c r="AX1108" s="1106"/>
      <c r="AY1108" s="1106"/>
      <c r="AZ1108" s="1106"/>
      <c r="BA1108" s="1106"/>
      <c r="BB1108" s="1106"/>
      <c r="BC1108" s="1106"/>
      <c r="BD1108" s="1106"/>
      <c r="BE1108" s="1106"/>
      <c r="BF1108" s="1106"/>
      <c r="BG1108" s="1106"/>
      <c r="BH1108" s="1106"/>
      <c r="BI1108" s="1106"/>
      <c r="BJ1108" s="1106"/>
      <c r="BK1108" s="1106"/>
      <c r="BL1108" s="1106"/>
      <c r="BM1108" s="1106"/>
      <c r="BN1108" s="1106"/>
      <c r="BO1108" s="1106"/>
      <c r="BP1108" s="1106"/>
      <c r="BQ1108" s="1106"/>
      <c r="BR1108" s="1106"/>
      <c r="BS1108" s="1106"/>
      <c r="BT1108" s="1106"/>
      <c r="BU1108" s="1106"/>
      <c r="BV1108" s="1106"/>
      <c r="BW1108" s="1106"/>
      <c r="BX1108" s="1106"/>
      <c r="BY1108" s="1106"/>
      <c r="BZ1108" s="1106"/>
      <c r="CA1108" s="1106"/>
    </row>
    <row r="1109" spans="3:79" ht="9" customHeight="1" x14ac:dyDescent="0.2">
      <c r="C1109" s="1106"/>
      <c r="D1109" s="1106"/>
      <c r="E1109" s="1106"/>
      <c r="F1109" s="1106"/>
      <c r="G1109" s="1106"/>
      <c r="H1109" s="1106"/>
      <c r="I1109" s="1106"/>
      <c r="J1109" s="1106"/>
      <c r="K1109" s="1106"/>
      <c r="L1109" s="1106"/>
      <c r="M1109" s="1106"/>
      <c r="N1109" s="1106"/>
      <c r="O1109" s="1106"/>
      <c r="U1109" s="1106"/>
      <c r="AB1109" s="1106"/>
      <c r="AC1109" s="1106"/>
      <c r="AD1109" s="1106"/>
      <c r="AE1109" s="1106"/>
      <c r="AF1109" s="1106"/>
      <c r="AG1109" s="1106"/>
      <c r="AH1109" s="1106"/>
      <c r="AL1109" s="1106"/>
      <c r="AO1109" s="1106"/>
      <c r="AP1109" s="1106"/>
      <c r="AT1109" s="1106"/>
      <c r="AU1109" s="1106"/>
      <c r="AV1109" s="1106"/>
      <c r="AW1109" s="1106"/>
      <c r="AX1109" s="1106"/>
      <c r="AY1109" s="1106"/>
      <c r="AZ1109" s="1106"/>
      <c r="BA1109" s="1106"/>
      <c r="BB1109" s="1106"/>
      <c r="BC1109" s="1106"/>
      <c r="BD1109" s="1106"/>
      <c r="BE1109" s="1106"/>
      <c r="BF1109" s="1106"/>
      <c r="BG1109" s="1106"/>
      <c r="BH1109" s="1106"/>
      <c r="BI1109" s="1106"/>
      <c r="BJ1109" s="1106"/>
      <c r="BK1109" s="1106"/>
      <c r="BL1109" s="1106"/>
      <c r="BM1109" s="1106"/>
      <c r="BN1109" s="1106"/>
      <c r="BO1109" s="1106"/>
      <c r="BP1109" s="1106"/>
      <c r="BQ1109" s="1106"/>
      <c r="BR1109" s="1106"/>
      <c r="BS1109" s="1106"/>
      <c r="BT1109" s="1106"/>
      <c r="BU1109" s="1106"/>
      <c r="BV1109" s="1106"/>
      <c r="BW1109" s="1106"/>
      <c r="BX1109" s="1106"/>
      <c r="BY1109" s="1106"/>
      <c r="BZ1109" s="1106"/>
      <c r="CA1109" s="1106"/>
    </row>
    <row r="1110" spans="3:79" ht="9" customHeight="1" x14ac:dyDescent="0.2">
      <c r="C1110" s="1106"/>
      <c r="D1110" s="1106"/>
      <c r="E1110" s="1106"/>
      <c r="F1110" s="1106"/>
      <c r="G1110" s="1106"/>
      <c r="H1110" s="1106"/>
      <c r="I1110" s="1106"/>
      <c r="J1110" s="1106"/>
      <c r="K1110" s="1106"/>
      <c r="L1110" s="1106"/>
      <c r="M1110" s="1106"/>
      <c r="N1110" s="1106"/>
      <c r="O1110" s="1106"/>
      <c r="U1110" s="1106"/>
      <c r="AB1110" s="1106"/>
      <c r="AC1110" s="1106"/>
      <c r="AD1110" s="1106"/>
      <c r="AE1110" s="1106"/>
      <c r="AF1110" s="1106"/>
      <c r="AG1110" s="1106"/>
      <c r="AH1110" s="1106"/>
      <c r="AL1110" s="1106"/>
      <c r="AT1110" s="1106"/>
      <c r="AU1110" s="1106"/>
      <c r="AV1110" s="1106"/>
      <c r="AW1110" s="1106"/>
      <c r="AX1110" s="1106"/>
      <c r="AY1110" s="1106"/>
      <c r="AZ1110" s="1106"/>
      <c r="BA1110" s="1106"/>
      <c r="BB1110" s="1106"/>
      <c r="BC1110" s="1106"/>
      <c r="BD1110" s="1106"/>
      <c r="BE1110" s="1106"/>
      <c r="BF1110" s="1106"/>
      <c r="BG1110" s="1106"/>
      <c r="BH1110" s="1106"/>
      <c r="BI1110" s="1106"/>
      <c r="BJ1110" s="1106"/>
      <c r="BK1110" s="1106"/>
      <c r="BL1110" s="1106"/>
      <c r="BM1110" s="1106"/>
      <c r="BN1110" s="1106"/>
      <c r="BO1110" s="1106"/>
      <c r="BP1110" s="1106"/>
      <c r="BQ1110" s="1106"/>
      <c r="BR1110" s="1106"/>
      <c r="BS1110" s="1106"/>
      <c r="BT1110" s="1106"/>
      <c r="BU1110" s="1106"/>
      <c r="BV1110" s="1106"/>
      <c r="BW1110" s="1106"/>
      <c r="BX1110" s="1106"/>
      <c r="BY1110" s="1106"/>
      <c r="BZ1110" s="1106"/>
      <c r="CA1110" s="1106"/>
    </row>
    <row r="1111" spans="3:79" ht="9" customHeight="1" x14ac:dyDescent="0.2">
      <c r="C1111" s="1106"/>
      <c r="D1111" s="1106"/>
      <c r="E1111" s="1106"/>
      <c r="F1111" s="1106"/>
      <c r="G1111" s="1106"/>
      <c r="H1111" s="1106"/>
      <c r="I1111" s="1106"/>
      <c r="J1111" s="1106"/>
      <c r="K1111" s="1106"/>
      <c r="L1111" s="1106"/>
      <c r="M1111" s="1106"/>
      <c r="N1111" s="1106"/>
      <c r="O1111" s="1106"/>
      <c r="AB1111" s="1106"/>
      <c r="AC1111" s="1106"/>
      <c r="AD1111" s="1106"/>
      <c r="AE1111" s="1106"/>
      <c r="AF1111" s="1106"/>
      <c r="AG1111" s="1106"/>
      <c r="AH1111" s="1106"/>
      <c r="AL1111" s="1106"/>
      <c r="AZ1111" s="1106"/>
      <c r="BA1111" s="1106"/>
      <c r="BB1111" s="1106"/>
      <c r="BC1111" s="1106"/>
      <c r="BD1111" s="1106"/>
      <c r="BE1111" s="1106"/>
      <c r="BF1111" s="1106"/>
      <c r="BG1111" s="1106"/>
      <c r="BH1111" s="1106"/>
      <c r="BI1111" s="1106"/>
      <c r="BJ1111" s="1106"/>
      <c r="BK1111" s="1106"/>
      <c r="BL1111" s="1106"/>
      <c r="BM1111" s="1106"/>
      <c r="BN1111" s="1106"/>
      <c r="BO1111" s="1106"/>
      <c r="BP1111" s="1106"/>
      <c r="BQ1111" s="1106"/>
      <c r="BR1111" s="1106"/>
      <c r="BS1111" s="1106"/>
      <c r="BT1111" s="1106"/>
      <c r="BU1111" s="1106"/>
      <c r="BV1111" s="1106"/>
      <c r="BW1111" s="1106"/>
      <c r="BX1111" s="1106"/>
      <c r="BY1111" s="1106"/>
      <c r="BZ1111" s="1106"/>
      <c r="CA1111" s="1106"/>
    </row>
    <row r="1112" spans="3:79" ht="9" customHeight="1" x14ac:dyDescent="0.2">
      <c r="C1112" s="1106"/>
      <c r="D1112" s="1106"/>
      <c r="E1112" s="1106"/>
      <c r="F1112" s="1106"/>
      <c r="G1112" s="1106"/>
      <c r="H1112" s="1106"/>
      <c r="I1112" s="1106"/>
      <c r="J1112" s="1106"/>
      <c r="K1112" s="1106"/>
      <c r="L1112" s="1106"/>
      <c r="M1112" s="1106"/>
      <c r="N1112" s="1106"/>
      <c r="O1112" s="1106"/>
      <c r="AB1112" s="1106"/>
      <c r="AC1112" s="1106"/>
      <c r="AD1112" s="1106"/>
      <c r="AE1112" s="1106"/>
      <c r="AF1112" s="1106"/>
      <c r="AG1112" s="1106"/>
      <c r="AH1112" s="1106"/>
      <c r="AL1112" s="1106"/>
      <c r="AZ1112" s="1106"/>
      <c r="BA1112" s="1106"/>
      <c r="BB1112" s="1106"/>
      <c r="BC1112" s="1106"/>
      <c r="BD1112" s="1106"/>
      <c r="BE1112" s="1106"/>
      <c r="BF1112" s="1106"/>
      <c r="BG1112" s="1106"/>
      <c r="BH1112" s="1106"/>
      <c r="BI1112" s="1106"/>
      <c r="BJ1112" s="1106"/>
      <c r="BK1112" s="1106"/>
      <c r="BL1112" s="1106"/>
      <c r="BM1112" s="1106"/>
      <c r="BN1112" s="1106"/>
      <c r="BO1112" s="1106"/>
      <c r="BP1112" s="1106"/>
      <c r="BQ1112" s="1106"/>
      <c r="BR1112" s="1106"/>
      <c r="BS1112" s="1106"/>
      <c r="BT1112" s="1106"/>
      <c r="BU1112" s="1106"/>
      <c r="BV1112" s="1106"/>
      <c r="BW1112" s="1106"/>
      <c r="BX1112" s="1106"/>
      <c r="BY1112" s="1106"/>
      <c r="BZ1112" s="1106"/>
      <c r="CA1112" s="1106"/>
    </row>
    <row r="1113" spans="3:79" ht="9" customHeight="1" x14ac:dyDescent="0.2">
      <c r="C1113" s="1106"/>
      <c r="D1113" s="1106"/>
      <c r="E1113" s="1106"/>
      <c r="F1113" s="1106"/>
      <c r="G1113" s="1106"/>
      <c r="H1113" s="1106"/>
      <c r="I1113" s="1106"/>
      <c r="J1113" s="1106"/>
      <c r="K1113" s="1106"/>
      <c r="L1113" s="1106"/>
      <c r="M1113" s="1106"/>
      <c r="N1113" s="1106"/>
      <c r="O1113" s="1106"/>
      <c r="AB1113" s="1106"/>
      <c r="AC1113" s="1106"/>
      <c r="AD1113" s="1106"/>
      <c r="AE1113" s="1106"/>
      <c r="AF1113" s="1106"/>
      <c r="AG1113" s="1106"/>
      <c r="AH1113" s="1106"/>
      <c r="AL1113" s="1106"/>
      <c r="AZ1113" s="1106"/>
      <c r="BA1113" s="1106"/>
      <c r="BB1113" s="1106"/>
      <c r="BC1113" s="1106"/>
      <c r="BD1113" s="1106"/>
      <c r="BE1113" s="1106"/>
      <c r="BF1113" s="1106"/>
      <c r="BG1113" s="1106"/>
      <c r="BH1113" s="1106"/>
      <c r="BI1113" s="1106"/>
      <c r="BJ1113" s="1106"/>
      <c r="BK1113" s="1106"/>
      <c r="BL1113" s="1106"/>
      <c r="BM1113" s="1106"/>
      <c r="BN1113" s="1106"/>
      <c r="BO1113" s="1106"/>
      <c r="BP1113" s="1106"/>
      <c r="BQ1113" s="1106"/>
      <c r="BR1113" s="1106"/>
      <c r="BS1113" s="1106"/>
      <c r="BT1113" s="1106"/>
      <c r="BU1113" s="1106"/>
      <c r="BV1113" s="1106"/>
      <c r="BW1113" s="1106"/>
      <c r="BX1113" s="1106"/>
      <c r="BY1113" s="1106"/>
      <c r="BZ1113" s="1106"/>
      <c r="CA1113" s="1106"/>
    </row>
    <row r="1114" spans="3:79" ht="9" customHeight="1" x14ac:dyDescent="0.2">
      <c r="C1114" s="1106"/>
      <c r="D1114" s="1106"/>
      <c r="E1114" s="1106"/>
      <c r="F1114" s="1106"/>
      <c r="G1114" s="1106"/>
      <c r="H1114" s="1106"/>
      <c r="I1114" s="1106"/>
      <c r="J1114" s="1106"/>
      <c r="K1114" s="1106"/>
      <c r="L1114" s="1106"/>
      <c r="M1114" s="1106"/>
      <c r="N1114" s="1106"/>
      <c r="O1114" s="1106"/>
      <c r="U1114" s="1106"/>
      <c r="AB1114" s="1106"/>
      <c r="AC1114" s="1106"/>
      <c r="AD1114" s="1106"/>
      <c r="AE1114" s="1106"/>
      <c r="AF1114" s="1106"/>
      <c r="AG1114" s="1106"/>
      <c r="AH1114" s="1106"/>
      <c r="AL1114" s="1106"/>
      <c r="AT1114" s="1106"/>
      <c r="AU1114" s="1106"/>
      <c r="AV1114" s="1106"/>
      <c r="AW1114" s="1106"/>
      <c r="AX1114" s="1106"/>
      <c r="AY1114" s="1106"/>
      <c r="AZ1114" s="1106"/>
      <c r="BA1114" s="1106"/>
      <c r="BB1114" s="1106"/>
      <c r="BC1114" s="1106"/>
      <c r="BD1114" s="1106"/>
      <c r="BE1114" s="1106"/>
      <c r="BF1114" s="1106"/>
      <c r="BG1114" s="1106"/>
      <c r="BH1114" s="1106"/>
      <c r="BI1114" s="1106"/>
      <c r="BJ1114" s="1106"/>
      <c r="BK1114" s="1106"/>
      <c r="BL1114" s="1106"/>
      <c r="BM1114" s="1106"/>
      <c r="BN1114" s="1106"/>
      <c r="BO1114" s="1106"/>
      <c r="BP1114" s="1106"/>
      <c r="BQ1114" s="1106"/>
      <c r="BR1114" s="1106"/>
      <c r="BS1114" s="1106"/>
      <c r="BT1114" s="1106"/>
      <c r="BU1114" s="1106"/>
      <c r="BV1114" s="1106"/>
      <c r="BW1114" s="1106"/>
      <c r="BX1114" s="1106"/>
      <c r="BY1114" s="1106"/>
      <c r="BZ1114" s="1106"/>
      <c r="CA1114" s="1106"/>
    </row>
    <row r="1115" spans="3:79" ht="9" customHeight="1" x14ac:dyDescent="0.2">
      <c r="C1115" s="1106"/>
      <c r="D1115" s="1106"/>
      <c r="E1115" s="1106"/>
      <c r="F1115" s="1106"/>
      <c r="G1115" s="1106"/>
      <c r="H1115" s="1106"/>
      <c r="I1115" s="1106"/>
      <c r="J1115" s="1106"/>
      <c r="K1115" s="1106"/>
      <c r="L1115" s="1106"/>
      <c r="M1115" s="1106"/>
      <c r="N1115" s="1106"/>
      <c r="O1115" s="1106"/>
      <c r="U1115" s="1106"/>
      <c r="AB1115" s="1106"/>
      <c r="AC1115" s="1106"/>
      <c r="AD1115" s="1106"/>
      <c r="AE1115" s="1106"/>
      <c r="AF1115" s="1106"/>
      <c r="AG1115" s="1106"/>
      <c r="AH1115" s="1106"/>
      <c r="AL1115" s="1106"/>
      <c r="AO1115" s="1106"/>
      <c r="AP1115" s="1106"/>
      <c r="AT1115" s="1106"/>
      <c r="AU1115" s="1106"/>
      <c r="AV1115" s="1106"/>
      <c r="AW1115" s="1106"/>
      <c r="AX1115" s="1106"/>
      <c r="AY1115" s="1106"/>
      <c r="AZ1115" s="1106"/>
      <c r="BA1115" s="1106"/>
      <c r="BB1115" s="1106"/>
      <c r="BC1115" s="1106"/>
      <c r="BD1115" s="1106"/>
      <c r="BE1115" s="1106"/>
      <c r="BF1115" s="1106"/>
      <c r="BG1115" s="1106"/>
      <c r="BH1115" s="1106"/>
      <c r="BI1115" s="1106"/>
      <c r="BJ1115" s="1106"/>
      <c r="BK1115" s="1106"/>
      <c r="BL1115" s="1106"/>
      <c r="BM1115" s="1106"/>
      <c r="BN1115" s="1106"/>
      <c r="BO1115" s="1106"/>
      <c r="BP1115" s="1106"/>
      <c r="BQ1115" s="1106"/>
      <c r="BR1115" s="1106"/>
      <c r="BS1115" s="1106"/>
      <c r="BT1115" s="1106"/>
      <c r="BU1115" s="1106"/>
      <c r="BV1115" s="1106"/>
      <c r="BW1115" s="1106"/>
      <c r="BX1115" s="1106"/>
      <c r="BY1115" s="1106"/>
      <c r="BZ1115" s="1106"/>
      <c r="CA1115" s="1106"/>
    </row>
    <row r="1116" spans="3:79" ht="9" customHeight="1" x14ac:dyDescent="0.2">
      <c r="C1116" s="1106"/>
      <c r="D1116" s="1106"/>
      <c r="E1116" s="1106"/>
      <c r="F1116" s="1106"/>
      <c r="G1116" s="1106"/>
      <c r="H1116" s="1106"/>
      <c r="I1116" s="1106"/>
      <c r="J1116" s="1106"/>
      <c r="K1116" s="1106"/>
      <c r="L1116" s="1106"/>
      <c r="M1116" s="1106"/>
      <c r="N1116" s="1106"/>
      <c r="O1116" s="1106"/>
      <c r="U1116" s="1106"/>
      <c r="AB1116" s="1106"/>
      <c r="AC1116" s="1106"/>
      <c r="AD1116" s="1106"/>
      <c r="AE1116" s="1106"/>
      <c r="AF1116" s="1106"/>
      <c r="AG1116" s="1106"/>
      <c r="AH1116" s="1106"/>
      <c r="AL1116" s="1106"/>
      <c r="AT1116" s="1106"/>
      <c r="AU1116" s="1106"/>
      <c r="AV1116" s="1106"/>
      <c r="AW1116" s="1106"/>
      <c r="AX1116" s="1106"/>
      <c r="AY1116" s="1106"/>
      <c r="AZ1116" s="1106"/>
      <c r="BA1116" s="1106"/>
      <c r="BB1116" s="1106"/>
      <c r="BC1116" s="1106"/>
      <c r="BD1116" s="1106"/>
      <c r="BE1116" s="1106"/>
      <c r="BF1116" s="1106"/>
      <c r="BG1116" s="1106"/>
      <c r="BH1116" s="1106"/>
      <c r="BI1116" s="1106"/>
      <c r="BJ1116" s="1106"/>
      <c r="BK1116" s="1106"/>
      <c r="BL1116" s="1106"/>
      <c r="BM1116" s="1106"/>
      <c r="BN1116" s="1106"/>
      <c r="BO1116" s="1106"/>
      <c r="BP1116" s="1106"/>
      <c r="BQ1116" s="1106"/>
      <c r="BR1116" s="1106"/>
      <c r="BS1116" s="1106"/>
      <c r="BT1116" s="1106"/>
      <c r="BU1116" s="1106"/>
      <c r="BV1116" s="1106"/>
      <c r="BW1116" s="1106"/>
      <c r="BX1116" s="1106"/>
      <c r="BY1116" s="1106"/>
      <c r="BZ1116" s="1106"/>
      <c r="CA1116" s="1106"/>
    </row>
    <row r="1117" spans="3:79" ht="9" customHeight="1" x14ac:dyDescent="0.2">
      <c r="C1117" s="1106"/>
      <c r="D1117" s="1106"/>
      <c r="E1117" s="1106"/>
      <c r="F1117" s="1106"/>
      <c r="G1117" s="1106"/>
      <c r="H1117" s="1106"/>
      <c r="I1117" s="1106"/>
      <c r="J1117" s="1106"/>
      <c r="K1117" s="1106"/>
      <c r="L1117" s="1106"/>
      <c r="M1117" s="1106"/>
      <c r="N1117" s="1106"/>
      <c r="O1117" s="1106"/>
      <c r="AB1117" s="1106"/>
      <c r="AC1117" s="1106"/>
      <c r="AD1117" s="1106"/>
      <c r="AE1117" s="1106"/>
      <c r="AF1117" s="1106"/>
      <c r="AG1117" s="1106"/>
      <c r="AH1117" s="1106"/>
      <c r="AL1117" s="1106"/>
      <c r="AZ1117" s="1106"/>
      <c r="BA1117" s="1106"/>
      <c r="BB1117" s="1106"/>
      <c r="BC1117" s="1106"/>
      <c r="BD1117" s="1106"/>
      <c r="BE1117" s="1106"/>
      <c r="BF1117" s="1106"/>
      <c r="BG1117" s="1106"/>
      <c r="BH1117" s="1106"/>
      <c r="BI1117" s="1106"/>
      <c r="BJ1117" s="1106"/>
      <c r="BK1117" s="1106"/>
      <c r="BL1117" s="1106"/>
      <c r="BM1117" s="1106"/>
      <c r="BN1117" s="1106"/>
      <c r="BO1117" s="1106"/>
      <c r="BP1117" s="1106"/>
      <c r="BQ1117" s="1106"/>
      <c r="BR1117" s="1106"/>
      <c r="BS1117" s="1106"/>
      <c r="BT1117" s="1106"/>
      <c r="BU1117" s="1106"/>
      <c r="BV1117" s="1106"/>
      <c r="BW1117" s="1106"/>
      <c r="BX1117" s="1106"/>
      <c r="BY1117" s="1106"/>
      <c r="BZ1117" s="1106"/>
      <c r="CA1117" s="1106"/>
    </row>
    <row r="1118" spans="3:79" ht="9" customHeight="1" x14ac:dyDescent="0.2">
      <c r="C1118" s="1106"/>
      <c r="D1118" s="1106"/>
      <c r="E1118" s="1106"/>
      <c r="F1118" s="1106"/>
      <c r="G1118" s="1106"/>
      <c r="H1118" s="1106"/>
      <c r="I1118" s="1106"/>
      <c r="J1118" s="1106"/>
      <c r="K1118" s="1106"/>
      <c r="L1118" s="1106"/>
      <c r="M1118" s="1106"/>
      <c r="N1118" s="1106"/>
      <c r="O1118" s="1106"/>
      <c r="AB1118" s="1106"/>
      <c r="AC1118" s="1106"/>
      <c r="AD1118" s="1106"/>
      <c r="AE1118" s="1106"/>
      <c r="AF1118" s="1106"/>
      <c r="AG1118" s="1106"/>
      <c r="AH1118" s="1106"/>
      <c r="AL1118" s="1106"/>
      <c r="AZ1118" s="1106"/>
      <c r="BA1118" s="1106"/>
      <c r="BB1118" s="1106"/>
      <c r="BC1118" s="1106"/>
      <c r="BD1118" s="1106"/>
      <c r="BE1118" s="1106"/>
      <c r="BF1118" s="1106"/>
      <c r="BG1118" s="1106"/>
      <c r="BH1118" s="1106"/>
      <c r="BI1118" s="1106"/>
      <c r="BJ1118" s="1106"/>
      <c r="BK1118" s="1106"/>
      <c r="BL1118" s="1106"/>
      <c r="BM1118" s="1106"/>
      <c r="BN1118" s="1106"/>
      <c r="BO1118" s="1106"/>
      <c r="BP1118" s="1106"/>
      <c r="BQ1118" s="1106"/>
      <c r="BR1118" s="1106"/>
      <c r="BS1118" s="1106"/>
      <c r="BT1118" s="1106"/>
      <c r="BU1118" s="1106"/>
      <c r="BV1118" s="1106"/>
      <c r="BW1118" s="1106"/>
      <c r="BX1118" s="1106"/>
      <c r="BY1118" s="1106"/>
      <c r="BZ1118" s="1106"/>
      <c r="CA1118" s="1106"/>
    </row>
    <row r="1119" spans="3:79" ht="9" customHeight="1" x14ac:dyDescent="0.2">
      <c r="C1119" s="1106"/>
      <c r="D1119" s="1106"/>
      <c r="E1119" s="1106"/>
      <c r="F1119" s="1106"/>
      <c r="G1119" s="1106"/>
      <c r="H1119" s="1106"/>
      <c r="I1119" s="1106"/>
      <c r="J1119" s="1106"/>
      <c r="K1119" s="1106"/>
      <c r="L1119" s="1106"/>
      <c r="M1119" s="1106"/>
      <c r="N1119" s="1106"/>
      <c r="O1119" s="1106"/>
      <c r="AB1119" s="1106"/>
      <c r="AC1119" s="1106"/>
      <c r="AD1119" s="1106"/>
      <c r="AE1119" s="1106"/>
      <c r="AF1119" s="1106"/>
      <c r="AG1119" s="1106"/>
      <c r="AH1119" s="1106"/>
      <c r="AL1119" s="1106"/>
      <c r="AZ1119" s="1106"/>
      <c r="BA1119" s="1106"/>
      <c r="BB1119" s="1106"/>
      <c r="BC1119" s="1106"/>
      <c r="BD1119" s="1106"/>
      <c r="BE1119" s="1106"/>
      <c r="BF1119" s="1106"/>
      <c r="BG1119" s="1106"/>
      <c r="BH1119" s="1106"/>
      <c r="BI1119" s="1106"/>
      <c r="BJ1119" s="1106"/>
      <c r="BK1119" s="1106"/>
      <c r="BL1119" s="1106"/>
      <c r="BM1119" s="1106"/>
      <c r="BN1119" s="1106"/>
      <c r="BO1119" s="1106"/>
      <c r="BP1119" s="1106"/>
      <c r="BQ1119" s="1106"/>
      <c r="BR1119" s="1106"/>
      <c r="BS1119" s="1106"/>
      <c r="BT1119" s="1106"/>
      <c r="BU1119" s="1106"/>
      <c r="BV1119" s="1106"/>
      <c r="BW1119" s="1106"/>
      <c r="BX1119" s="1106"/>
      <c r="BY1119" s="1106"/>
      <c r="BZ1119" s="1106"/>
      <c r="CA1119" s="1106"/>
    </row>
    <row r="1120" spans="3:79" ht="9" customHeight="1" x14ac:dyDescent="0.2">
      <c r="C1120" s="1106"/>
      <c r="D1120" s="1106"/>
      <c r="E1120" s="1106"/>
      <c r="F1120" s="1106"/>
      <c r="G1120" s="1106"/>
      <c r="H1120" s="1106"/>
      <c r="I1120" s="1106"/>
      <c r="J1120" s="1106"/>
      <c r="K1120" s="1106"/>
      <c r="L1120" s="1106"/>
      <c r="M1120" s="1106"/>
      <c r="N1120" s="1106"/>
      <c r="O1120" s="1106"/>
      <c r="U1120" s="1106"/>
      <c r="AB1120" s="1106"/>
      <c r="AC1120" s="1106"/>
      <c r="AD1120" s="1106"/>
      <c r="AE1120" s="1106"/>
      <c r="AF1120" s="1106"/>
      <c r="AG1120" s="1106"/>
      <c r="AH1120" s="1106"/>
      <c r="AL1120" s="1106"/>
      <c r="AT1120" s="1106"/>
      <c r="AU1120" s="1106"/>
      <c r="AV1120" s="1106"/>
      <c r="AW1120" s="1106"/>
      <c r="AX1120" s="1106"/>
      <c r="AY1120" s="1106"/>
      <c r="AZ1120" s="1106"/>
      <c r="BA1120" s="1106"/>
      <c r="BB1120" s="1106"/>
      <c r="BC1120" s="1106"/>
      <c r="BD1120" s="1106"/>
      <c r="BE1120" s="1106"/>
      <c r="BF1120" s="1106"/>
      <c r="BG1120" s="1106"/>
      <c r="BH1120" s="1106"/>
      <c r="BI1120" s="1106"/>
      <c r="BJ1120" s="1106"/>
      <c r="BK1120" s="1106"/>
      <c r="BL1120" s="1106"/>
      <c r="BM1120" s="1106"/>
      <c r="BN1120" s="1106"/>
      <c r="BO1120" s="1106"/>
      <c r="BP1120" s="1106"/>
      <c r="BQ1120" s="1106"/>
      <c r="BR1120" s="1106"/>
      <c r="BS1120" s="1106"/>
      <c r="BT1120" s="1106"/>
      <c r="BU1120" s="1106"/>
      <c r="BV1120" s="1106"/>
      <c r="BW1120" s="1106"/>
      <c r="BX1120" s="1106"/>
      <c r="BY1120" s="1106"/>
      <c r="BZ1120" s="1106"/>
      <c r="CA1120" s="1106"/>
    </row>
    <row r="1121" spans="3:79" ht="9" customHeight="1" x14ac:dyDescent="0.2">
      <c r="C1121" s="1106"/>
      <c r="D1121" s="1106"/>
      <c r="E1121" s="1106"/>
      <c r="F1121" s="1106"/>
      <c r="G1121" s="1106"/>
      <c r="H1121" s="1106"/>
      <c r="I1121" s="1106"/>
      <c r="J1121" s="1106"/>
      <c r="K1121" s="1106"/>
      <c r="L1121" s="1106"/>
      <c r="M1121" s="1106"/>
      <c r="N1121" s="1106"/>
      <c r="O1121" s="1106"/>
      <c r="U1121" s="1106"/>
      <c r="AB1121" s="1106"/>
      <c r="AC1121" s="1106"/>
      <c r="AD1121" s="1106"/>
      <c r="AE1121" s="1106"/>
      <c r="AF1121" s="1106"/>
      <c r="AG1121" s="1106"/>
      <c r="AH1121" s="1106"/>
      <c r="AL1121" s="1106"/>
      <c r="AO1121" s="1106"/>
      <c r="AP1121" s="1106"/>
      <c r="AT1121" s="1106"/>
      <c r="AU1121" s="1106"/>
      <c r="AV1121" s="1106"/>
      <c r="AW1121" s="1106"/>
      <c r="AX1121" s="1106"/>
      <c r="AY1121" s="1106"/>
      <c r="AZ1121" s="1106"/>
      <c r="BA1121" s="1106"/>
      <c r="BB1121" s="1106"/>
      <c r="BC1121" s="1106"/>
      <c r="BD1121" s="1106"/>
      <c r="BE1121" s="1106"/>
      <c r="BF1121" s="1106"/>
      <c r="BG1121" s="1106"/>
      <c r="BH1121" s="1106"/>
      <c r="BI1121" s="1106"/>
      <c r="BJ1121" s="1106"/>
      <c r="BK1121" s="1106"/>
      <c r="BL1121" s="1106"/>
      <c r="BM1121" s="1106"/>
      <c r="BN1121" s="1106"/>
      <c r="BO1121" s="1106"/>
      <c r="BP1121" s="1106"/>
      <c r="BQ1121" s="1106"/>
      <c r="BR1121" s="1106"/>
      <c r="BS1121" s="1106"/>
      <c r="BT1121" s="1106"/>
      <c r="BU1121" s="1106"/>
      <c r="BV1121" s="1106"/>
      <c r="BW1121" s="1106"/>
      <c r="BX1121" s="1106"/>
      <c r="BY1121" s="1106"/>
      <c r="BZ1121" s="1106"/>
      <c r="CA1121" s="1106"/>
    </row>
    <row r="1122" spans="3:79" ht="9" customHeight="1" x14ac:dyDescent="0.2">
      <c r="C1122" s="1106"/>
      <c r="D1122" s="1106"/>
      <c r="E1122" s="1106"/>
      <c r="F1122" s="1106"/>
      <c r="G1122" s="1106"/>
      <c r="H1122" s="1106"/>
      <c r="I1122" s="1106"/>
      <c r="J1122" s="1106"/>
      <c r="K1122" s="1106"/>
      <c r="L1122" s="1106"/>
      <c r="M1122" s="1106"/>
      <c r="N1122" s="1106"/>
      <c r="O1122" s="1106"/>
      <c r="U1122" s="1106"/>
      <c r="AB1122" s="1106"/>
      <c r="AC1122" s="1106"/>
      <c r="AD1122" s="1106"/>
      <c r="AE1122" s="1106"/>
      <c r="AF1122" s="1106"/>
      <c r="AG1122" s="1106"/>
      <c r="AH1122" s="1106"/>
      <c r="AL1122" s="1106"/>
      <c r="AT1122" s="1106"/>
      <c r="AU1122" s="1106"/>
      <c r="AV1122" s="1106"/>
      <c r="AW1122" s="1106"/>
      <c r="AX1122" s="1106"/>
      <c r="AY1122" s="1106"/>
      <c r="AZ1122" s="1106"/>
      <c r="BA1122" s="1106"/>
      <c r="BB1122" s="1106"/>
      <c r="BC1122" s="1106"/>
      <c r="BD1122" s="1106"/>
      <c r="BE1122" s="1106"/>
      <c r="BF1122" s="1106"/>
      <c r="BG1122" s="1106"/>
      <c r="BH1122" s="1106"/>
      <c r="BI1122" s="1106"/>
      <c r="BJ1122" s="1106"/>
      <c r="BK1122" s="1106"/>
      <c r="BL1122" s="1106"/>
      <c r="BM1122" s="1106"/>
      <c r="BN1122" s="1106"/>
      <c r="BO1122" s="1106"/>
      <c r="BP1122" s="1106"/>
      <c r="BQ1122" s="1106"/>
      <c r="BR1122" s="1106"/>
      <c r="BS1122" s="1106"/>
      <c r="BT1122" s="1106"/>
      <c r="BU1122" s="1106"/>
      <c r="BV1122" s="1106"/>
      <c r="BW1122" s="1106"/>
      <c r="BX1122" s="1106"/>
      <c r="BY1122" s="1106"/>
      <c r="BZ1122" s="1106"/>
      <c r="CA1122" s="1106"/>
    </row>
    <row r="1123" spans="3:79" ht="9" customHeight="1" x14ac:dyDescent="0.2">
      <c r="C1123" s="1106"/>
      <c r="D1123" s="1106"/>
      <c r="E1123" s="1106"/>
      <c r="F1123" s="1106"/>
      <c r="G1123" s="1106"/>
      <c r="H1123" s="1106"/>
      <c r="I1123" s="1106"/>
      <c r="J1123" s="1106"/>
      <c r="K1123" s="1106"/>
      <c r="L1123" s="1106"/>
      <c r="M1123" s="1106"/>
      <c r="N1123" s="1106"/>
      <c r="O1123" s="1106"/>
      <c r="AB1123" s="1106"/>
      <c r="AC1123" s="1106"/>
      <c r="AD1123" s="1106"/>
      <c r="AE1123" s="1106"/>
      <c r="AF1123" s="1106"/>
      <c r="AG1123" s="1106"/>
      <c r="AH1123" s="1106"/>
      <c r="AL1123" s="1106"/>
      <c r="AZ1123" s="1106"/>
      <c r="BA1123" s="1106"/>
      <c r="BB1123" s="1106"/>
      <c r="BC1123" s="1106"/>
      <c r="BD1123" s="1106"/>
      <c r="BE1123" s="1106"/>
      <c r="BF1123" s="1106"/>
      <c r="BG1123" s="1106"/>
      <c r="BH1123" s="1106"/>
      <c r="BI1123" s="1106"/>
      <c r="BJ1123" s="1106"/>
      <c r="BK1123" s="1106"/>
      <c r="BL1123" s="1106"/>
      <c r="BM1123" s="1106"/>
      <c r="BN1123" s="1106"/>
      <c r="BO1123" s="1106"/>
      <c r="BP1123" s="1106"/>
      <c r="BQ1123" s="1106"/>
      <c r="BR1123" s="1106"/>
      <c r="BS1123" s="1106"/>
      <c r="BT1123" s="1106"/>
      <c r="BU1123" s="1106"/>
      <c r="BV1123" s="1106"/>
      <c r="BW1123" s="1106"/>
      <c r="BX1123" s="1106"/>
      <c r="BY1123" s="1106"/>
      <c r="BZ1123" s="1106"/>
      <c r="CA1123" s="1106"/>
    </row>
    <row r="1124" spans="3:79" ht="9" customHeight="1" x14ac:dyDescent="0.2">
      <c r="C1124" s="1106"/>
      <c r="D1124" s="1106"/>
      <c r="E1124" s="1106"/>
      <c r="F1124" s="1106"/>
      <c r="G1124" s="1106"/>
      <c r="H1124" s="1106"/>
      <c r="I1124" s="1106"/>
      <c r="J1124" s="1106"/>
      <c r="K1124" s="1106"/>
      <c r="L1124" s="1106"/>
      <c r="M1124" s="1106"/>
      <c r="N1124" s="1106"/>
      <c r="O1124" s="1106"/>
      <c r="AB1124" s="1106"/>
      <c r="AC1124" s="1106"/>
      <c r="AD1124" s="1106"/>
      <c r="AE1124" s="1106"/>
      <c r="AF1124" s="1106"/>
      <c r="AG1124" s="1106"/>
      <c r="AH1124" s="1106"/>
      <c r="AL1124" s="1106"/>
      <c r="AZ1124" s="1106"/>
      <c r="BA1124" s="1106"/>
      <c r="BB1124" s="1106"/>
      <c r="BC1124" s="1106"/>
      <c r="BD1124" s="1106"/>
      <c r="BE1124" s="1106"/>
      <c r="BF1124" s="1106"/>
      <c r="BG1124" s="1106"/>
      <c r="BH1124" s="1106"/>
      <c r="BI1124" s="1106"/>
      <c r="BJ1124" s="1106"/>
      <c r="BK1124" s="1106"/>
      <c r="BL1124" s="1106"/>
      <c r="BM1124" s="1106"/>
      <c r="BN1124" s="1106"/>
      <c r="BO1124" s="1106"/>
      <c r="BP1124" s="1106"/>
      <c r="BQ1124" s="1106"/>
      <c r="BR1124" s="1106"/>
      <c r="BS1124" s="1106"/>
      <c r="BT1124" s="1106"/>
      <c r="BU1124" s="1106"/>
      <c r="BV1124" s="1106"/>
      <c r="BW1124" s="1106"/>
      <c r="BX1124" s="1106"/>
      <c r="BY1124" s="1106"/>
      <c r="BZ1124" s="1106"/>
      <c r="CA1124" s="1106"/>
    </row>
    <row r="1125" spans="3:79" ht="9" customHeight="1" x14ac:dyDescent="0.2">
      <c r="C1125" s="1106"/>
      <c r="D1125" s="1106"/>
      <c r="E1125" s="1106"/>
      <c r="F1125" s="1106"/>
      <c r="G1125" s="1106"/>
      <c r="H1125" s="1106"/>
      <c r="I1125" s="1106"/>
      <c r="J1125" s="1106"/>
      <c r="K1125" s="1106"/>
      <c r="L1125" s="1106"/>
      <c r="M1125" s="1106"/>
      <c r="N1125" s="1106"/>
      <c r="O1125" s="1106"/>
      <c r="AB1125" s="1106"/>
      <c r="AC1125" s="1106"/>
      <c r="AD1125" s="1106"/>
      <c r="AE1125" s="1106"/>
      <c r="AF1125" s="1106"/>
      <c r="AG1125" s="1106"/>
      <c r="AH1125" s="1106"/>
      <c r="AL1125" s="1106"/>
      <c r="AZ1125" s="1106"/>
      <c r="BA1125" s="1106"/>
      <c r="BB1125" s="1106"/>
      <c r="BC1125" s="1106"/>
      <c r="BD1125" s="1106"/>
      <c r="BE1125" s="1106"/>
      <c r="BF1125" s="1106"/>
      <c r="BG1125" s="1106"/>
      <c r="BH1125" s="1106"/>
      <c r="BI1125" s="1106"/>
      <c r="BJ1125" s="1106"/>
      <c r="BK1125" s="1106"/>
      <c r="BL1125" s="1106"/>
      <c r="BM1125" s="1106"/>
      <c r="BN1125" s="1106"/>
      <c r="BO1125" s="1106"/>
      <c r="BP1125" s="1106"/>
      <c r="BQ1125" s="1106"/>
      <c r="BR1125" s="1106"/>
      <c r="BS1125" s="1106"/>
      <c r="BT1125" s="1106"/>
      <c r="BU1125" s="1106"/>
      <c r="BV1125" s="1106"/>
      <c r="BW1125" s="1106"/>
      <c r="BX1125" s="1106"/>
      <c r="BY1125" s="1106"/>
      <c r="BZ1125" s="1106"/>
      <c r="CA1125" s="1106"/>
    </row>
    <row r="1126" spans="3:79" ht="9" customHeight="1" x14ac:dyDescent="0.2">
      <c r="C1126" s="1106"/>
      <c r="D1126" s="1106"/>
      <c r="E1126" s="1106"/>
      <c r="F1126" s="1106"/>
      <c r="G1126" s="1106"/>
      <c r="H1126" s="1106"/>
      <c r="I1126" s="1106"/>
      <c r="J1126" s="1106"/>
      <c r="K1126" s="1106"/>
      <c r="L1126" s="1106"/>
      <c r="M1126" s="1106"/>
      <c r="N1126" s="1106"/>
      <c r="O1126" s="1106"/>
      <c r="U1126" s="1106"/>
      <c r="AB1126" s="1106"/>
      <c r="AC1126" s="1106"/>
      <c r="AD1126" s="1106"/>
      <c r="AE1126" s="1106"/>
      <c r="AF1126" s="1106"/>
      <c r="AG1126" s="1106"/>
      <c r="AH1126" s="1106"/>
      <c r="AL1126" s="1106"/>
      <c r="AT1126" s="1106"/>
      <c r="AU1126" s="1106"/>
      <c r="AV1126" s="1106"/>
      <c r="AW1126" s="1106"/>
      <c r="AX1126" s="1106"/>
      <c r="AY1126" s="1106"/>
      <c r="AZ1126" s="1106"/>
      <c r="BA1126" s="1106"/>
      <c r="BB1126" s="1106"/>
      <c r="BC1126" s="1106"/>
      <c r="BD1126" s="1106"/>
      <c r="BE1126" s="1106"/>
      <c r="BF1126" s="1106"/>
      <c r="BG1126" s="1106"/>
      <c r="BH1126" s="1106"/>
      <c r="BI1126" s="1106"/>
      <c r="BJ1126" s="1106"/>
      <c r="BK1126" s="1106"/>
      <c r="BL1126" s="1106"/>
      <c r="BM1126" s="1106"/>
      <c r="BN1126" s="1106"/>
      <c r="BO1126" s="1106"/>
      <c r="BP1126" s="1106"/>
      <c r="BQ1126" s="1106"/>
      <c r="BR1126" s="1106"/>
      <c r="BS1126" s="1106"/>
      <c r="BT1126" s="1106"/>
      <c r="BU1126" s="1106"/>
      <c r="BV1126" s="1106"/>
      <c r="BW1126" s="1106"/>
      <c r="BX1126" s="1106"/>
      <c r="BY1126" s="1106"/>
      <c r="BZ1126" s="1106"/>
      <c r="CA1126" s="1106"/>
    </row>
    <row r="1127" spans="3:79" ht="9" customHeight="1" x14ac:dyDescent="0.2">
      <c r="C1127" s="1106"/>
      <c r="D1127" s="1106"/>
      <c r="E1127" s="1106"/>
      <c r="F1127" s="1106"/>
      <c r="G1127" s="1106"/>
      <c r="H1127" s="1106"/>
      <c r="I1127" s="1106"/>
      <c r="J1127" s="1106"/>
      <c r="K1127" s="1106"/>
      <c r="L1127" s="1106"/>
      <c r="M1127" s="1106"/>
      <c r="N1127" s="1106"/>
      <c r="O1127" s="1106"/>
      <c r="U1127" s="1106"/>
      <c r="AB1127" s="1106"/>
      <c r="AC1127" s="1106"/>
      <c r="AD1127" s="1106"/>
      <c r="AE1127" s="1106"/>
      <c r="AF1127" s="1106"/>
      <c r="AG1127" s="1106"/>
      <c r="AH1127" s="1106"/>
      <c r="AL1127" s="1106"/>
      <c r="AO1127" s="1106"/>
      <c r="AP1127" s="1106"/>
      <c r="AT1127" s="1106"/>
      <c r="AU1127" s="1106"/>
      <c r="AV1127" s="1106"/>
      <c r="AW1127" s="1106"/>
      <c r="AX1127" s="1106"/>
      <c r="AY1127" s="1106"/>
      <c r="AZ1127" s="1106"/>
      <c r="BA1127" s="1106"/>
      <c r="BB1127" s="1106"/>
      <c r="BC1127" s="1106"/>
      <c r="BD1127" s="1106"/>
      <c r="BE1127" s="1106"/>
      <c r="BF1127" s="1106"/>
      <c r="BG1127" s="1106"/>
      <c r="BH1127" s="1106"/>
      <c r="BI1127" s="1106"/>
      <c r="BJ1127" s="1106"/>
      <c r="BK1127" s="1106"/>
      <c r="BL1127" s="1106"/>
      <c r="BM1127" s="1106"/>
      <c r="BN1127" s="1106"/>
      <c r="BO1127" s="1106"/>
      <c r="BP1127" s="1106"/>
      <c r="BQ1127" s="1106"/>
      <c r="BR1127" s="1106"/>
      <c r="BS1127" s="1106"/>
      <c r="BT1127" s="1106"/>
      <c r="BU1127" s="1106"/>
      <c r="BV1127" s="1106"/>
      <c r="BW1127" s="1106"/>
      <c r="BX1127" s="1106"/>
      <c r="BY1127" s="1106"/>
      <c r="BZ1127" s="1106"/>
      <c r="CA1127" s="1106"/>
    </row>
    <row r="1128" spans="3:79" ht="9" customHeight="1" x14ac:dyDescent="0.2">
      <c r="C1128" s="1106"/>
      <c r="D1128" s="1106"/>
      <c r="E1128" s="1106"/>
      <c r="F1128" s="1106"/>
      <c r="G1128" s="1106"/>
      <c r="H1128" s="1106"/>
      <c r="I1128" s="1106"/>
      <c r="J1128" s="1106"/>
      <c r="K1128" s="1106"/>
      <c r="L1128" s="1106"/>
      <c r="M1128" s="1106"/>
      <c r="N1128" s="1106"/>
      <c r="O1128" s="1106"/>
      <c r="U1128" s="1106"/>
      <c r="AB1128" s="1106"/>
      <c r="AC1128" s="1106"/>
      <c r="AD1128" s="1106"/>
      <c r="AE1128" s="1106"/>
      <c r="AF1128" s="1106"/>
      <c r="AG1128" s="1106"/>
      <c r="AH1128" s="1106"/>
      <c r="AL1128" s="1106"/>
      <c r="AT1128" s="1106"/>
      <c r="AU1128" s="1106"/>
      <c r="AV1128" s="1106"/>
      <c r="AW1128" s="1106"/>
      <c r="AX1128" s="1106"/>
      <c r="AY1128" s="1106"/>
      <c r="AZ1128" s="1106"/>
      <c r="BA1128" s="1106"/>
      <c r="BB1128" s="1106"/>
      <c r="BC1128" s="1106"/>
      <c r="BD1128" s="1106"/>
      <c r="BE1128" s="1106"/>
      <c r="BF1128" s="1106"/>
      <c r="BG1128" s="1106"/>
      <c r="BH1128" s="1106"/>
      <c r="BI1128" s="1106"/>
      <c r="BJ1128" s="1106"/>
      <c r="BK1128" s="1106"/>
      <c r="BL1128" s="1106"/>
      <c r="BM1128" s="1106"/>
      <c r="BN1128" s="1106"/>
      <c r="BO1128" s="1106"/>
      <c r="BP1128" s="1106"/>
      <c r="BQ1128" s="1106"/>
      <c r="BR1128" s="1106"/>
      <c r="BS1128" s="1106"/>
      <c r="BT1128" s="1106"/>
      <c r="BU1128" s="1106"/>
      <c r="BV1128" s="1106"/>
      <c r="BW1128" s="1106"/>
      <c r="BX1128" s="1106"/>
      <c r="BY1128" s="1106"/>
      <c r="BZ1128" s="1106"/>
      <c r="CA1128" s="1106"/>
    </row>
    <row r="1129" spans="3:79" ht="9" customHeight="1" x14ac:dyDescent="0.2">
      <c r="C1129" s="1106"/>
      <c r="D1129" s="1106"/>
      <c r="E1129" s="1106"/>
      <c r="F1129" s="1106"/>
      <c r="G1129" s="1106"/>
      <c r="H1129" s="1106"/>
      <c r="I1129" s="1106"/>
      <c r="J1129" s="1106"/>
      <c r="K1129" s="1106"/>
      <c r="L1129" s="1106"/>
      <c r="M1129" s="1106"/>
      <c r="N1129" s="1106"/>
      <c r="O1129" s="1106"/>
      <c r="AB1129" s="1106"/>
      <c r="AC1129" s="1106"/>
      <c r="AD1129" s="1106"/>
      <c r="AE1129" s="1106"/>
      <c r="AF1129" s="1106"/>
      <c r="AG1129" s="1106"/>
      <c r="AH1129" s="1106"/>
      <c r="AL1129" s="1106"/>
      <c r="AZ1129" s="1106"/>
      <c r="BA1129" s="1106"/>
      <c r="BB1129" s="1106"/>
      <c r="BC1129" s="1106"/>
      <c r="BD1129" s="1106"/>
      <c r="BE1129" s="1106"/>
      <c r="BF1129" s="1106"/>
      <c r="BG1129" s="1106"/>
      <c r="BH1129" s="1106"/>
      <c r="BI1129" s="1106"/>
      <c r="BJ1129" s="1106"/>
      <c r="BK1129" s="1106"/>
      <c r="BL1129" s="1106"/>
      <c r="BM1129" s="1106"/>
      <c r="BN1129" s="1106"/>
      <c r="BO1129" s="1106"/>
      <c r="BP1129" s="1106"/>
      <c r="BQ1129" s="1106"/>
      <c r="BR1129" s="1106"/>
      <c r="BS1129" s="1106"/>
      <c r="BT1129" s="1106"/>
      <c r="BU1129" s="1106"/>
      <c r="BV1129" s="1106"/>
      <c r="BW1129" s="1106"/>
      <c r="BX1129" s="1106"/>
      <c r="BY1129" s="1106"/>
      <c r="BZ1129" s="1106"/>
      <c r="CA1129" s="1106"/>
    </row>
    <row r="1130" spans="3:79" ht="9" customHeight="1" x14ac:dyDescent="0.2">
      <c r="C1130" s="1106"/>
      <c r="D1130" s="1106"/>
      <c r="E1130" s="1106"/>
      <c r="F1130" s="1106"/>
      <c r="G1130" s="1106"/>
      <c r="H1130" s="1106"/>
      <c r="I1130" s="1106"/>
      <c r="J1130" s="1106"/>
      <c r="K1130" s="1106"/>
      <c r="L1130" s="1106"/>
      <c r="M1130" s="1106"/>
      <c r="N1130" s="1106"/>
      <c r="O1130" s="1106"/>
      <c r="AB1130" s="1106"/>
      <c r="AC1130" s="1106"/>
      <c r="AD1130" s="1106"/>
      <c r="AE1130" s="1106"/>
      <c r="AF1130" s="1106"/>
      <c r="AG1130" s="1106"/>
      <c r="AH1130" s="1106"/>
      <c r="AL1130" s="1106"/>
      <c r="AZ1130" s="1106"/>
      <c r="BA1130" s="1106"/>
      <c r="BB1130" s="1106"/>
      <c r="BC1130" s="1106"/>
      <c r="BD1130" s="1106"/>
      <c r="BE1130" s="1106"/>
      <c r="BF1130" s="1106"/>
      <c r="BG1130" s="1106"/>
      <c r="BH1130" s="1106"/>
      <c r="BI1130" s="1106"/>
      <c r="BJ1130" s="1106"/>
      <c r="BK1130" s="1106"/>
      <c r="BL1130" s="1106"/>
      <c r="BM1130" s="1106"/>
      <c r="BN1130" s="1106"/>
      <c r="BO1130" s="1106"/>
      <c r="BP1130" s="1106"/>
      <c r="BQ1130" s="1106"/>
      <c r="BR1130" s="1106"/>
      <c r="BS1130" s="1106"/>
      <c r="BT1130" s="1106"/>
      <c r="BU1130" s="1106"/>
      <c r="BV1130" s="1106"/>
      <c r="BW1130" s="1106"/>
      <c r="BX1130" s="1106"/>
      <c r="BY1130" s="1106"/>
      <c r="BZ1130" s="1106"/>
      <c r="CA1130" s="1106"/>
    </row>
    <row r="1131" spans="3:79" ht="9" customHeight="1" x14ac:dyDescent="0.2">
      <c r="C1131" s="1106"/>
      <c r="D1131" s="1106"/>
      <c r="E1131" s="1106"/>
      <c r="F1131" s="1106"/>
      <c r="G1131" s="1106"/>
      <c r="H1131" s="1106"/>
      <c r="I1131" s="1106"/>
      <c r="J1131" s="1106"/>
      <c r="K1131" s="1106"/>
      <c r="L1131" s="1106"/>
      <c r="M1131" s="1106"/>
      <c r="N1131" s="1106"/>
      <c r="O1131" s="1106"/>
      <c r="AB1131" s="1106"/>
      <c r="AC1131" s="1106"/>
      <c r="AD1131" s="1106"/>
      <c r="AE1131" s="1106"/>
      <c r="AF1131" s="1106"/>
      <c r="AG1131" s="1106"/>
      <c r="AH1131" s="1106"/>
      <c r="AL1131" s="1106"/>
      <c r="AZ1131" s="1106"/>
      <c r="BA1131" s="1106"/>
      <c r="BB1131" s="1106"/>
      <c r="BC1131" s="1106"/>
      <c r="BD1131" s="1106"/>
      <c r="BE1131" s="1106"/>
      <c r="BF1131" s="1106"/>
      <c r="BG1131" s="1106"/>
      <c r="BH1131" s="1106"/>
      <c r="BI1131" s="1106"/>
      <c r="BJ1131" s="1106"/>
      <c r="BK1131" s="1106"/>
      <c r="BL1131" s="1106"/>
      <c r="BM1131" s="1106"/>
      <c r="BN1131" s="1106"/>
      <c r="BO1131" s="1106"/>
      <c r="BP1131" s="1106"/>
      <c r="BQ1131" s="1106"/>
      <c r="BR1131" s="1106"/>
      <c r="BS1131" s="1106"/>
      <c r="BT1131" s="1106"/>
      <c r="BU1131" s="1106"/>
      <c r="BV1131" s="1106"/>
      <c r="BW1131" s="1106"/>
      <c r="BX1131" s="1106"/>
      <c r="BY1131" s="1106"/>
      <c r="BZ1131" s="1106"/>
      <c r="CA1131" s="1106"/>
    </row>
    <row r="1132" spans="3:79" ht="9" customHeight="1" x14ac:dyDescent="0.2">
      <c r="C1132" s="1106"/>
      <c r="D1132" s="1106"/>
      <c r="E1132" s="1106"/>
      <c r="F1132" s="1106"/>
      <c r="G1132" s="1106"/>
      <c r="H1132" s="1106"/>
      <c r="I1132" s="1106"/>
      <c r="J1132" s="1106"/>
      <c r="K1132" s="1106"/>
      <c r="L1132" s="1106"/>
      <c r="M1132" s="1106"/>
      <c r="N1132" s="1106"/>
      <c r="O1132" s="1106"/>
      <c r="U1132" s="1106"/>
      <c r="AB1132" s="1106"/>
      <c r="AC1132" s="1106"/>
      <c r="AD1132" s="1106"/>
      <c r="AE1132" s="1106"/>
      <c r="AF1132" s="1106"/>
      <c r="AG1132" s="1106"/>
      <c r="AH1132" s="1106"/>
      <c r="AL1132" s="1106"/>
      <c r="AT1132" s="1106"/>
      <c r="AU1132" s="1106"/>
      <c r="AV1132" s="1106"/>
      <c r="AW1132" s="1106"/>
      <c r="AX1132" s="1106"/>
      <c r="AY1132" s="1106"/>
      <c r="AZ1132" s="1106"/>
      <c r="BA1132" s="1106"/>
      <c r="BB1132" s="1106"/>
      <c r="BC1132" s="1106"/>
      <c r="BD1132" s="1106"/>
      <c r="BE1132" s="1106"/>
      <c r="BF1132" s="1106"/>
      <c r="BG1132" s="1106"/>
      <c r="BH1132" s="1106"/>
      <c r="BI1132" s="1106"/>
      <c r="BJ1132" s="1106"/>
      <c r="BK1132" s="1106"/>
      <c r="BL1132" s="1106"/>
      <c r="BM1132" s="1106"/>
      <c r="BN1132" s="1106"/>
      <c r="BO1132" s="1106"/>
      <c r="BP1132" s="1106"/>
      <c r="BQ1132" s="1106"/>
      <c r="BR1132" s="1106"/>
      <c r="BS1132" s="1106"/>
      <c r="BT1132" s="1106"/>
      <c r="BU1132" s="1106"/>
      <c r="BV1132" s="1106"/>
      <c r="BW1132" s="1106"/>
      <c r="BX1132" s="1106"/>
      <c r="BY1132" s="1106"/>
      <c r="BZ1132" s="1106"/>
      <c r="CA1132" s="1106"/>
    </row>
    <row r="1133" spans="3:79" ht="9" customHeight="1" x14ac:dyDescent="0.2">
      <c r="C1133" s="1106"/>
      <c r="D1133" s="1106"/>
      <c r="E1133" s="1106"/>
      <c r="F1133" s="1106"/>
      <c r="G1133" s="1106"/>
      <c r="H1133" s="1106"/>
      <c r="I1133" s="1106"/>
      <c r="J1133" s="1106"/>
      <c r="K1133" s="1106"/>
      <c r="L1133" s="1106"/>
      <c r="M1133" s="1106"/>
      <c r="N1133" s="1106"/>
      <c r="O1133" s="1106"/>
      <c r="U1133" s="1106"/>
      <c r="AB1133" s="1106"/>
      <c r="AC1133" s="1106"/>
      <c r="AD1133" s="1106"/>
      <c r="AE1133" s="1106"/>
      <c r="AF1133" s="1106"/>
      <c r="AG1133" s="1106"/>
      <c r="AH1133" s="1106"/>
      <c r="AL1133" s="1106"/>
      <c r="AO1133" s="1106"/>
      <c r="AP1133" s="1106"/>
      <c r="AT1133" s="1106"/>
      <c r="AU1133" s="1106"/>
      <c r="AV1133" s="1106"/>
      <c r="AW1133" s="1106"/>
      <c r="AX1133" s="1106"/>
      <c r="AY1133" s="1106"/>
      <c r="AZ1133" s="1106"/>
      <c r="BA1133" s="1106"/>
      <c r="BB1133" s="1106"/>
      <c r="BC1133" s="1106"/>
      <c r="BD1133" s="1106"/>
      <c r="BE1133" s="1106"/>
      <c r="BF1133" s="1106"/>
      <c r="BG1133" s="1106"/>
      <c r="BH1133" s="1106"/>
      <c r="BI1133" s="1106"/>
      <c r="BJ1133" s="1106"/>
      <c r="BK1133" s="1106"/>
      <c r="BL1133" s="1106"/>
      <c r="BM1133" s="1106"/>
      <c r="BN1133" s="1106"/>
      <c r="BO1133" s="1106"/>
      <c r="BP1133" s="1106"/>
      <c r="BQ1133" s="1106"/>
      <c r="BR1133" s="1106"/>
      <c r="BS1133" s="1106"/>
      <c r="BT1133" s="1106"/>
      <c r="BU1133" s="1106"/>
      <c r="BV1133" s="1106"/>
      <c r="BW1133" s="1106"/>
      <c r="BX1133" s="1106"/>
      <c r="BY1133" s="1106"/>
      <c r="BZ1133" s="1106"/>
      <c r="CA1133" s="1106"/>
    </row>
    <row r="1134" spans="3:79" ht="9" customHeight="1" x14ac:dyDescent="0.2">
      <c r="C1134" s="1106"/>
      <c r="D1134" s="1106"/>
      <c r="E1134" s="1106"/>
      <c r="F1134" s="1106"/>
      <c r="G1134" s="1106"/>
      <c r="H1134" s="1106"/>
      <c r="I1134" s="1106"/>
      <c r="J1134" s="1106"/>
      <c r="K1134" s="1106"/>
      <c r="L1134" s="1106"/>
      <c r="M1134" s="1106"/>
      <c r="N1134" s="1106"/>
      <c r="O1134" s="1106"/>
      <c r="U1134" s="1106"/>
      <c r="AB1134" s="1106"/>
      <c r="AC1134" s="1106"/>
      <c r="AD1134" s="1106"/>
      <c r="AE1134" s="1106"/>
      <c r="AF1134" s="1106"/>
      <c r="AG1134" s="1106"/>
      <c r="AH1134" s="1106"/>
      <c r="AL1134" s="1106"/>
      <c r="AT1134" s="1106"/>
      <c r="AU1134" s="1106"/>
      <c r="AV1134" s="1106"/>
      <c r="AW1134" s="1106"/>
      <c r="AX1134" s="1106"/>
      <c r="AY1134" s="1106"/>
      <c r="AZ1134" s="1106"/>
      <c r="BA1134" s="1106"/>
      <c r="BB1134" s="1106"/>
      <c r="BC1134" s="1106"/>
      <c r="BD1134" s="1106"/>
      <c r="BE1134" s="1106"/>
      <c r="BF1134" s="1106"/>
      <c r="BG1134" s="1106"/>
      <c r="BH1134" s="1106"/>
      <c r="BI1134" s="1106"/>
      <c r="BJ1134" s="1106"/>
      <c r="BK1134" s="1106"/>
      <c r="BL1134" s="1106"/>
      <c r="BM1134" s="1106"/>
      <c r="BN1134" s="1106"/>
      <c r="BO1134" s="1106"/>
      <c r="BP1134" s="1106"/>
      <c r="BQ1134" s="1106"/>
      <c r="BR1134" s="1106"/>
      <c r="BS1134" s="1106"/>
      <c r="BT1134" s="1106"/>
      <c r="BU1134" s="1106"/>
      <c r="BV1134" s="1106"/>
      <c r="BW1134" s="1106"/>
      <c r="BX1134" s="1106"/>
      <c r="BY1134" s="1106"/>
      <c r="BZ1134" s="1106"/>
      <c r="CA1134" s="1106"/>
    </row>
    <row r="1135" spans="3:79" ht="9" customHeight="1" x14ac:dyDescent="0.2">
      <c r="C1135" s="1106"/>
      <c r="D1135" s="1106"/>
      <c r="E1135" s="1106"/>
      <c r="F1135" s="1106"/>
      <c r="G1135" s="1106"/>
      <c r="H1135" s="1106"/>
      <c r="I1135" s="1106"/>
      <c r="J1135" s="1106"/>
      <c r="K1135" s="1106"/>
      <c r="L1135" s="1106"/>
      <c r="M1135" s="1106"/>
      <c r="N1135" s="1106"/>
      <c r="O1135" s="1106"/>
      <c r="AB1135" s="1106"/>
      <c r="AC1135" s="1106"/>
      <c r="AD1135" s="1106"/>
      <c r="AE1135" s="1106"/>
      <c r="AF1135" s="1106"/>
      <c r="AG1135" s="1106"/>
      <c r="AH1135" s="1106"/>
      <c r="AL1135" s="1106"/>
      <c r="AZ1135" s="1106"/>
      <c r="BA1135" s="1106"/>
      <c r="BB1135" s="1106"/>
      <c r="BC1135" s="1106"/>
      <c r="BD1135" s="1106"/>
      <c r="BE1135" s="1106"/>
      <c r="BF1135" s="1106"/>
      <c r="BG1135" s="1106"/>
      <c r="BH1135" s="1106"/>
      <c r="BI1135" s="1106"/>
      <c r="BJ1135" s="1106"/>
      <c r="BK1135" s="1106"/>
      <c r="BL1135" s="1106"/>
      <c r="BM1135" s="1106"/>
      <c r="BN1135" s="1106"/>
      <c r="BO1135" s="1106"/>
      <c r="BP1135" s="1106"/>
      <c r="BQ1135" s="1106"/>
      <c r="BR1135" s="1106"/>
      <c r="BS1135" s="1106"/>
      <c r="BT1135" s="1106"/>
      <c r="BU1135" s="1106"/>
      <c r="BV1135" s="1106"/>
      <c r="BW1135" s="1106"/>
      <c r="BX1135" s="1106"/>
      <c r="BY1135" s="1106"/>
      <c r="BZ1135" s="1106"/>
      <c r="CA1135" s="1106"/>
    </row>
    <row r="1136" spans="3:79" ht="9" customHeight="1" x14ac:dyDescent="0.2">
      <c r="C1136" s="1106"/>
      <c r="D1136" s="1106"/>
      <c r="E1136" s="1106"/>
      <c r="F1136" s="1106"/>
      <c r="G1136" s="1106"/>
      <c r="H1136" s="1106"/>
      <c r="I1136" s="1106"/>
      <c r="J1136" s="1106"/>
      <c r="K1136" s="1106"/>
      <c r="L1136" s="1106"/>
      <c r="M1136" s="1106"/>
      <c r="N1136" s="1106"/>
      <c r="O1136" s="1106"/>
      <c r="AB1136" s="1106"/>
      <c r="AC1136" s="1106"/>
      <c r="AD1136" s="1106"/>
      <c r="AE1136" s="1106"/>
      <c r="AF1136" s="1106"/>
      <c r="AG1136" s="1106"/>
      <c r="AH1136" s="1106"/>
      <c r="AL1136" s="1106"/>
      <c r="AZ1136" s="1106"/>
      <c r="BA1136" s="1106"/>
      <c r="BB1136" s="1106"/>
      <c r="BC1136" s="1106"/>
      <c r="BD1136" s="1106"/>
      <c r="BE1136" s="1106"/>
      <c r="BF1136" s="1106"/>
      <c r="BG1136" s="1106"/>
      <c r="BH1136" s="1106"/>
      <c r="BI1136" s="1106"/>
      <c r="BJ1136" s="1106"/>
      <c r="BK1136" s="1106"/>
      <c r="BL1136" s="1106"/>
      <c r="BM1136" s="1106"/>
      <c r="BN1136" s="1106"/>
      <c r="BO1136" s="1106"/>
      <c r="BP1136" s="1106"/>
      <c r="BQ1136" s="1106"/>
      <c r="BR1136" s="1106"/>
      <c r="BS1136" s="1106"/>
      <c r="BT1136" s="1106"/>
      <c r="BU1136" s="1106"/>
      <c r="BV1136" s="1106"/>
      <c r="BW1136" s="1106"/>
      <c r="BX1136" s="1106"/>
      <c r="BY1136" s="1106"/>
      <c r="BZ1136" s="1106"/>
      <c r="CA1136" s="1106"/>
    </row>
    <row r="1137" spans="3:79" ht="9" customHeight="1" x14ac:dyDescent="0.2">
      <c r="C1137" s="1106"/>
      <c r="D1137" s="1106"/>
      <c r="E1137" s="1106"/>
      <c r="F1137" s="1106"/>
      <c r="G1137" s="1106"/>
      <c r="H1137" s="1106"/>
      <c r="I1137" s="1106"/>
      <c r="J1137" s="1106"/>
      <c r="K1137" s="1106"/>
      <c r="L1137" s="1106"/>
      <c r="M1137" s="1106"/>
      <c r="N1137" s="1106"/>
      <c r="O1137" s="1106"/>
      <c r="AB1137" s="1106"/>
      <c r="AC1137" s="1106"/>
      <c r="AD1137" s="1106"/>
      <c r="AE1137" s="1106"/>
      <c r="AF1137" s="1106"/>
      <c r="AG1137" s="1106"/>
      <c r="AH1137" s="1106"/>
      <c r="AL1137" s="1106"/>
      <c r="AZ1137" s="1106"/>
      <c r="BA1137" s="1106"/>
      <c r="BB1137" s="1106"/>
      <c r="BC1137" s="1106"/>
      <c r="BD1137" s="1106"/>
      <c r="BE1137" s="1106"/>
      <c r="BF1137" s="1106"/>
      <c r="BG1137" s="1106"/>
      <c r="BH1137" s="1106"/>
      <c r="BI1137" s="1106"/>
      <c r="BJ1137" s="1106"/>
      <c r="BK1137" s="1106"/>
      <c r="BL1137" s="1106"/>
      <c r="BM1137" s="1106"/>
      <c r="BN1137" s="1106"/>
      <c r="BO1137" s="1106"/>
      <c r="BP1137" s="1106"/>
      <c r="BQ1137" s="1106"/>
      <c r="BR1137" s="1106"/>
      <c r="BS1137" s="1106"/>
      <c r="BT1137" s="1106"/>
      <c r="BU1137" s="1106"/>
      <c r="BV1137" s="1106"/>
      <c r="BW1137" s="1106"/>
      <c r="BX1137" s="1106"/>
      <c r="BY1137" s="1106"/>
      <c r="BZ1137" s="1106"/>
      <c r="CA1137" s="1106"/>
    </row>
    <row r="1138" spans="3:79" ht="9" customHeight="1" x14ac:dyDescent="0.2">
      <c r="C1138" s="1106"/>
      <c r="D1138" s="1106"/>
      <c r="E1138" s="1106"/>
      <c r="F1138" s="1106"/>
      <c r="G1138" s="1106"/>
      <c r="H1138" s="1106"/>
      <c r="I1138" s="1106"/>
      <c r="J1138" s="1106"/>
      <c r="K1138" s="1106"/>
      <c r="L1138" s="1106"/>
      <c r="M1138" s="1106"/>
      <c r="N1138" s="1106"/>
      <c r="O1138" s="1106"/>
      <c r="U1138" s="1106"/>
      <c r="AB1138" s="1106"/>
      <c r="AC1138" s="1106"/>
      <c r="AD1138" s="1106"/>
      <c r="AE1138" s="1106"/>
      <c r="AF1138" s="1106"/>
      <c r="AG1138" s="1106"/>
      <c r="AH1138" s="1106"/>
      <c r="AL1138" s="1106"/>
      <c r="AT1138" s="1106"/>
      <c r="AU1138" s="1106"/>
      <c r="AV1138" s="1106"/>
      <c r="AW1138" s="1106"/>
      <c r="AX1138" s="1106"/>
      <c r="AY1138" s="1106"/>
      <c r="AZ1138" s="1106"/>
      <c r="BA1138" s="1106"/>
      <c r="BB1138" s="1106"/>
      <c r="BC1138" s="1106"/>
      <c r="BD1138" s="1106"/>
      <c r="BE1138" s="1106"/>
      <c r="BF1138" s="1106"/>
      <c r="BG1138" s="1106"/>
      <c r="BH1138" s="1106"/>
      <c r="BI1138" s="1106"/>
      <c r="BJ1138" s="1106"/>
      <c r="BK1138" s="1106"/>
      <c r="BL1138" s="1106"/>
      <c r="BM1138" s="1106"/>
      <c r="BN1138" s="1106"/>
      <c r="BO1138" s="1106"/>
      <c r="BP1138" s="1106"/>
      <c r="BQ1138" s="1106"/>
      <c r="BR1138" s="1106"/>
      <c r="BS1138" s="1106"/>
      <c r="BT1138" s="1106"/>
      <c r="BU1138" s="1106"/>
      <c r="BV1138" s="1106"/>
      <c r="BW1138" s="1106"/>
      <c r="BX1138" s="1106"/>
      <c r="BY1138" s="1106"/>
      <c r="BZ1138" s="1106"/>
      <c r="CA1138" s="1106"/>
    </row>
    <row r="1139" spans="3:79" ht="9" customHeight="1" x14ac:dyDescent="0.2">
      <c r="C1139" s="1106"/>
      <c r="D1139" s="1106"/>
      <c r="E1139" s="1106"/>
      <c r="F1139" s="1106"/>
      <c r="G1139" s="1106"/>
      <c r="H1139" s="1106"/>
      <c r="I1139" s="1106"/>
      <c r="J1139" s="1106"/>
      <c r="K1139" s="1106"/>
      <c r="L1139" s="1106"/>
      <c r="M1139" s="1106"/>
      <c r="N1139" s="1106"/>
      <c r="O1139" s="1106"/>
      <c r="U1139" s="1106"/>
      <c r="AB1139" s="1106"/>
      <c r="AC1139" s="1106"/>
      <c r="AD1139" s="1106"/>
      <c r="AE1139" s="1106"/>
      <c r="AF1139" s="1106"/>
      <c r="AG1139" s="1106"/>
      <c r="AH1139" s="1106"/>
      <c r="AL1139" s="1106"/>
      <c r="AO1139" s="1106"/>
      <c r="AP1139" s="1106"/>
      <c r="AT1139" s="1106"/>
      <c r="AU1139" s="1106"/>
      <c r="AV1139" s="1106"/>
      <c r="AW1139" s="1106"/>
      <c r="AX1139" s="1106"/>
      <c r="AY1139" s="1106"/>
      <c r="AZ1139" s="1106"/>
      <c r="BA1139" s="1106"/>
      <c r="BB1139" s="1106"/>
      <c r="BC1139" s="1106"/>
      <c r="BD1139" s="1106"/>
      <c r="BE1139" s="1106"/>
      <c r="BF1139" s="1106"/>
      <c r="BG1139" s="1106"/>
      <c r="BH1139" s="1106"/>
      <c r="BI1139" s="1106"/>
      <c r="BJ1139" s="1106"/>
      <c r="BK1139" s="1106"/>
      <c r="BL1139" s="1106"/>
      <c r="BM1139" s="1106"/>
      <c r="BN1139" s="1106"/>
      <c r="BO1139" s="1106"/>
      <c r="BP1139" s="1106"/>
      <c r="BQ1139" s="1106"/>
      <c r="BR1139" s="1106"/>
      <c r="BS1139" s="1106"/>
      <c r="BT1139" s="1106"/>
      <c r="BU1139" s="1106"/>
      <c r="BV1139" s="1106"/>
      <c r="BW1139" s="1106"/>
      <c r="BX1139" s="1106"/>
      <c r="BY1139" s="1106"/>
      <c r="BZ1139" s="1106"/>
      <c r="CA1139" s="1106"/>
    </row>
    <row r="1140" spans="3:79" ht="9" customHeight="1" x14ac:dyDescent="0.2">
      <c r="C1140" s="1106"/>
      <c r="D1140" s="1106"/>
      <c r="E1140" s="1106"/>
      <c r="F1140" s="1106"/>
      <c r="G1140" s="1106"/>
      <c r="H1140" s="1106"/>
      <c r="I1140" s="1106"/>
      <c r="J1140" s="1106"/>
      <c r="K1140" s="1106"/>
      <c r="L1140" s="1106"/>
      <c r="M1140" s="1106"/>
      <c r="N1140" s="1106"/>
      <c r="O1140" s="1106"/>
      <c r="U1140" s="1106"/>
      <c r="AB1140" s="1106"/>
      <c r="AC1140" s="1106"/>
      <c r="AD1140" s="1106"/>
      <c r="AE1140" s="1106"/>
      <c r="AF1140" s="1106"/>
      <c r="AG1140" s="1106"/>
      <c r="AH1140" s="1106"/>
      <c r="AL1140" s="1106"/>
      <c r="AT1140" s="1106"/>
      <c r="AU1140" s="1106"/>
      <c r="AV1140" s="1106"/>
      <c r="AW1140" s="1106"/>
      <c r="AX1140" s="1106"/>
      <c r="AY1140" s="1106"/>
      <c r="AZ1140" s="1106"/>
      <c r="BA1140" s="1106"/>
      <c r="BB1140" s="1106"/>
      <c r="BC1140" s="1106"/>
      <c r="BD1140" s="1106"/>
      <c r="BE1140" s="1106"/>
      <c r="BF1140" s="1106"/>
      <c r="BG1140" s="1106"/>
      <c r="BH1140" s="1106"/>
      <c r="BI1140" s="1106"/>
      <c r="BJ1140" s="1106"/>
      <c r="BK1140" s="1106"/>
      <c r="BL1140" s="1106"/>
      <c r="BM1140" s="1106"/>
      <c r="BN1140" s="1106"/>
      <c r="BO1140" s="1106"/>
      <c r="BP1140" s="1106"/>
      <c r="BQ1140" s="1106"/>
      <c r="BR1140" s="1106"/>
      <c r="BS1140" s="1106"/>
      <c r="BT1140" s="1106"/>
      <c r="BU1140" s="1106"/>
      <c r="BV1140" s="1106"/>
      <c r="BW1140" s="1106"/>
      <c r="BX1140" s="1106"/>
      <c r="BY1140" s="1106"/>
      <c r="BZ1140" s="1106"/>
      <c r="CA1140" s="1106"/>
    </row>
    <row r="1141" spans="3:79" ht="9" customHeight="1" x14ac:dyDescent="0.2">
      <c r="C1141" s="1106"/>
      <c r="D1141" s="1106"/>
      <c r="E1141" s="1106"/>
      <c r="F1141" s="1106"/>
      <c r="G1141" s="1106"/>
      <c r="H1141" s="1106"/>
      <c r="I1141" s="1106"/>
      <c r="J1141" s="1106"/>
      <c r="K1141" s="1106"/>
      <c r="L1141" s="1106"/>
      <c r="M1141" s="1106"/>
      <c r="N1141" s="1106"/>
      <c r="O1141" s="1106"/>
      <c r="AB1141" s="1106"/>
      <c r="AC1141" s="1106"/>
      <c r="AD1141" s="1106"/>
      <c r="AE1141" s="1106"/>
      <c r="AF1141" s="1106"/>
      <c r="AG1141" s="1106"/>
      <c r="AH1141" s="1106"/>
      <c r="AL1141" s="1106"/>
      <c r="AZ1141" s="1106"/>
      <c r="BA1141" s="1106"/>
      <c r="BB1141" s="1106"/>
      <c r="BC1141" s="1106"/>
      <c r="BD1141" s="1106"/>
      <c r="BE1141" s="1106"/>
      <c r="BF1141" s="1106"/>
      <c r="BG1141" s="1106"/>
      <c r="BH1141" s="1106"/>
      <c r="BI1141" s="1106"/>
      <c r="BJ1141" s="1106"/>
      <c r="BK1141" s="1106"/>
      <c r="BL1141" s="1106"/>
      <c r="BM1141" s="1106"/>
      <c r="BN1141" s="1106"/>
      <c r="BO1141" s="1106"/>
      <c r="BP1141" s="1106"/>
      <c r="BQ1141" s="1106"/>
      <c r="BR1141" s="1106"/>
      <c r="BS1141" s="1106"/>
      <c r="BT1141" s="1106"/>
      <c r="BU1141" s="1106"/>
      <c r="BV1141" s="1106"/>
      <c r="BW1141" s="1106"/>
      <c r="BX1141" s="1106"/>
      <c r="BY1141" s="1106"/>
      <c r="BZ1141" s="1106"/>
      <c r="CA1141" s="1106"/>
    </row>
    <row r="1142" spans="3:79" ht="9" customHeight="1" x14ac:dyDescent="0.2">
      <c r="C1142" s="1106"/>
      <c r="D1142" s="1106"/>
      <c r="E1142" s="1106"/>
      <c r="F1142" s="1106"/>
      <c r="G1142" s="1106"/>
      <c r="H1142" s="1106"/>
      <c r="I1142" s="1106"/>
      <c r="J1142" s="1106"/>
      <c r="K1142" s="1106"/>
      <c r="L1142" s="1106"/>
      <c r="M1142" s="1106"/>
      <c r="N1142" s="1106"/>
      <c r="O1142" s="1106"/>
      <c r="AB1142" s="1106"/>
      <c r="AC1142" s="1106"/>
      <c r="AD1142" s="1106"/>
      <c r="AE1142" s="1106"/>
      <c r="AF1142" s="1106"/>
      <c r="AG1142" s="1106"/>
      <c r="AH1142" s="1106"/>
      <c r="AL1142" s="1106"/>
      <c r="AZ1142" s="1106"/>
      <c r="BA1142" s="1106"/>
      <c r="BB1142" s="1106"/>
      <c r="BC1142" s="1106"/>
      <c r="BD1142" s="1106"/>
      <c r="BE1142" s="1106"/>
      <c r="BF1142" s="1106"/>
      <c r="BG1142" s="1106"/>
      <c r="BH1142" s="1106"/>
      <c r="BI1142" s="1106"/>
      <c r="BJ1142" s="1106"/>
      <c r="BK1142" s="1106"/>
      <c r="BL1142" s="1106"/>
      <c r="BM1142" s="1106"/>
      <c r="BN1142" s="1106"/>
      <c r="BO1142" s="1106"/>
      <c r="BP1142" s="1106"/>
      <c r="BQ1142" s="1106"/>
      <c r="BR1142" s="1106"/>
      <c r="BS1142" s="1106"/>
      <c r="BT1142" s="1106"/>
      <c r="BU1142" s="1106"/>
      <c r="BV1142" s="1106"/>
      <c r="BW1142" s="1106"/>
      <c r="BX1142" s="1106"/>
      <c r="BY1142" s="1106"/>
      <c r="BZ1142" s="1106"/>
      <c r="CA1142" s="1106"/>
    </row>
    <row r="1143" spans="3:79" ht="9" customHeight="1" x14ac:dyDescent="0.2">
      <c r="C1143" s="1106"/>
      <c r="D1143" s="1106"/>
      <c r="E1143" s="1106"/>
      <c r="F1143" s="1106"/>
      <c r="G1143" s="1106"/>
      <c r="H1143" s="1106"/>
      <c r="I1143" s="1106"/>
      <c r="J1143" s="1106"/>
      <c r="K1143" s="1106"/>
      <c r="L1143" s="1106"/>
      <c r="M1143" s="1106"/>
      <c r="N1143" s="1106"/>
      <c r="O1143" s="1106"/>
      <c r="AB1143" s="1106"/>
      <c r="AC1143" s="1106"/>
      <c r="AD1143" s="1106"/>
      <c r="AE1143" s="1106"/>
      <c r="AF1143" s="1106"/>
      <c r="AG1143" s="1106"/>
      <c r="AH1143" s="1106"/>
      <c r="AL1143" s="1106"/>
      <c r="AZ1143" s="1106"/>
      <c r="BA1143" s="1106"/>
      <c r="BB1143" s="1106"/>
      <c r="BC1143" s="1106"/>
      <c r="BD1143" s="1106"/>
      <c r="BE1143" s="1106"/>
      <c r="BF1143" s="1106"/>
      <c r="BG1143" s="1106"/>
      <c r="BH1143" s="1106"/>
      <c r="BI1143" s="1106"/>
      <c r="BJ1143" s="1106"/>
      <c r="BK1143" s="1106"/>
      <c r="BL1143" s="1106"/>
      <c r="BM1143" s="1106"/>
      <c r="BN1143" s="1106"/>
      <c r="BO1143" s="1106"/>
      <c r="BP1143" s="1106"/>
      <c r="BQ1143" s="1106"/>
      <c r="BR1143" s="1106"/>
      <c r="BS1143" s="1106"/>
      <c r="BT1143" s="1106"/>
      <c r="BU1143" s="1106"/>
      <c r="BV1143" s="1106"/>
      <c r="BW1143" s="1106"/>
      <c r="BX1143" s="1106"/>
      <c r="BY1143" s="1106"/>
      <c r="BZ1143" s="1106"/>
      <c r="CA1143" s="1106"/>
    </row>
    <row r="1144" spans="3:79" ht="9" customHeight="1" x14ac:dyDescent="0.2">
      <c r="C1144" s="1106"/>
      <c r="D1144" s="1106"/>
      <c r="E1144" s="1106"/>
      <c r="F1144" s="1106"/>
      <c r="G1144" s="1106"/>
      <c r="H1144" s="1106"/>
      <c r="I1144" s="1106"/>
      <c r="J1144" s="1106"/>
      <c r="K1144" s="1106"/>
      <c r="L1144" s="1106"/>
      <c r="M1144" s="1106"/>
      <c r="N1144" s="1106"/>
      <c r="O1144" s="1106"/>
      <c r="U1144" s="1106"/>
      <c r="AB1144" s="1106"/>
      <c r="AC1144" s="1106"/>
      <c r="AD1144" s="1106"/>
      <c r="AE1144" s="1106"/>
      <c r="AF1144" s="1106"/>
      <c r="AG1144" s="1106"/>
      <c r="AH1144" s="1106"/>
      <c r="AL1144" s="1106"/>
      <c r="AT1144" s="1106"/>
      <c r="AU1144" s="1106"/>
      <c r="AV1144" s="1106"/>
      <c r="AW1144" s="1106"/>
      <c r="AX1144" s="1106"/>
      <c r="AY1144" s="1106"/>
      <c r="AZ1144" s="1106"/>
      <c r="BA1144" s="1106"/>
      <c r="BB1144" s="1106"/>
      <c r="BC1144" s="1106"/>
      <c r="BD1144" s="1106"/>
      <c r="BE1144" s="1106"/>
      <c r="BF1144" s="1106"/>
      <c r="BG1144" s="1106"/>
      <c r="BH1144" s="1106"/>
      <c r="BI1144" s="1106"/>
      <c r="BJ1144" s="1106"/>
      <c r="BK1144" s="1106"/>
      <c r="BL1144" s="1106"/>
      <c r="BM1144" s="1106"/>
      <c r="BN1144" s="1106"/>
      <c r="BO1144" s="1106"/>
      <c r="BP1144" s="1106"/>
      <c r="BQ1144" s="1106"/>
      <c r="BR1144" s="1106"/>
      <c r="BS1144" s="1106"/>
      <c r="BT1144" s="1106"/>
      <c r="BU1144" s="1106"/>
      <c r="BV1144" s="1106"/>
      <c r="BW1144" s="1106"/>
      <c r="BX1144" s="1106"/>
      <c r="BY1144" s="1106"/>
      <c r="BZ1144" s="1106"/>
      <c r="CA1144" s="1106"/>
    </row>
    <row r="1145" spans="3:79" ht="9" customHeight="1" x14ac:dyDescent="0.2">
      <c r="C1145" s="1106"/>
      <c r="D1145" s="1106"/>
      <c r="E1145" s="1106"/>
      <c r="F1145" s="1106"/>
      <c r="G1145" s="1106"/>
      <c r="H1145" s="1106"/>
      <c r="I1145" s="1106"/>
      <c r="J1145" s="1106"/>
      <c r="K1145" s="1106"/>
      <c r="L1145" s="1106"/>
      <c r="M1145" s="1106"/>
      <c r="N1145" s="1106"/>
      <c r="O1145" s="1106"/>
      <c r="U1145" s="1106"/>
      <c r="AB1145" s="1106"/>
      <c r="AC1145" s="1106"/>
      <c r="AD1145" s="1106"/>
      <c r="AE1145" s="1106"/>
      <c r="AF1145" s="1106"/>
      <c r="AG1145" s="1106"/>
      <c r="AH1145" s="1106"/>
      <c r="AL1145" s="1106"/>
      <c r="AO1145" s="1106"/>
      <c r="AP1145" s="1106"/>
      <c r="AT1145" s="1106"/>
      <c r="AU1145" s="1106"/>
      <c r="AV1145" s="1106"/>
      <c r="AW1145" s="1106"/>
      <c r="AX1145" s="1106"/>
      <c r="AY1145" s="1106"/>
      <c r="AZ1145" s="1106"/>
      <c r="BA1145" s="1106"/>
      <c r="BB1145" s="1106"/>
      <c r="BC1145" s="1106"/>
      <c r="BD1145" s="1106"/>
      <c r="BE1145" s="1106"/>
      <c r="BF1145" s="1106"/>
      <c r="BG1145" s="1106"/>
      <c r="BH1145" s="1106"/>
      <c r="BI1145" s="1106"/>
      <c r="BJ1145" s="1106"/>
      <c r="BK1145" s="1106"/>
      <c r="BL1145" s="1106"/>
      <c r="BM1145" s="1106"/>
      <c r="BN1145" s="1106"/>
      <c r="BO1145" s="1106"/>
      <c r="BP1145" s="1106"/>
      <c r="BQ1145" s="1106"/>
      <c r="BR1145" s="1106"/>
      <c r="BS1145" s="1106"/>
      <c r="BT1145" s="1106"/>
      <c r="BU1145" s="1106"/>
      <c r="BV1145" s="1106"/>
      <c r="BW1145" s="1106"/>
      <c r="BX1145" s="1106"/>
      <c r="BY1145" s="1106"/>
      <c r="BZ1145" s="1106"/>
      <c r="CA1145" s="1106"/>
    </row>
    <row r="1146" spans="3:79" ht="9" customHeight="1" x14ac:dyDescent="0.2">
      <c r="C1146" s="1106"/>
      <c r="D1146" s="1106"/>
      <c r="E1146" s="1106"/>
      <c r="F1146" s="1106"/>
      <c r="G1146" s="1106"/>
      <c r="H1146" s="1106"/>
      <c r="I1146" s="1106"/>
      <c r="J1146" s="1106"/>
      <c r="K1146" s="1106"/>
      <c r="L1146" s="1106"/>
      <c r="M1146" s="1106"/>
      <c r="N1146" s="1106"/>
      <c r="O1146" s="1106"/>
      <c r="U1146" s="1106"/>
      <c r="AB1146" s="1106"/>
      <c r="AC1146" s="1106"/>
      <c r="AD1146" s="1106"/>
      <c r="AE1146" s="1106"/>
      <c r="AF1146" s="1106"/>
      <c r="AG1146" s="1106"/>
      <c r="AH1146" s="1106"/>
      <c r="AL1146" s="1106"/>
      <c r="AT1146" s="1106"/>
      <c r="AU1146" s="1106"/>
      <c r="AV1146" s="1106"/>
      <c r="AW1146" s="1106"/>
      <c r="AX1146" s="1106"/>
      <c r="AY1146" s="1106"/>
      <c r="AZ1146" s="1106"/>
      <c r="BA1146" s="1106"/>
      <c r="BB1146" s="1106"/>
      <c r="BC1146" s="1106"/>
      <c r="BD1146" s="1106"/>
      <c r="BE1146" s="1106"/>
      <c r="BF1146" s="1106"/>
      <c r="BG1146" s="1106"/>
      <c r="BH1146" s="1106"/>
      <c r="BI1146" s="1106"/>
      <c r="BJ1146" s="1106"/>
      <c r="BK1146" s="1106"/>
      <c r="BL1146" s="1106"/>
      <c r="BM1146" s="1106"/>
      <c r="BN1146" s="1106"/>
      <c r="BO1146" s="1106"/>
      <c r="BP1146" s="1106"/>
      <c r="BQ1146" s="1106"/>
      <c r="BR1146" s="1106"/>
      <c r="BS1146" s="1106"/>
      <c r="BT1146" s="1106"/>
      <c r="BU1146" s="1106"/>
      <c r="BV1146" s="1106"/>
      <c r="BW1146" s="1106"/>
      <c r="BX1146" s="1106"/>
      <c r="BY1146" s="1106"/>
      <c r="BZ1146" s="1106"/>
      <c r="CA1146" s="1106"/>
    </row>
    <row r="1147" spans="3:79" ht="9" customHeight="1" x14ac:dyDescent="0.2">
      <c r="C1147" s="1106"/>
      <c r="D1147" s="1106"/>
      <c r="E1147" s="1106"/>
      <c r="F1147" s="1106"/>
      <c r="G1147" s="1106"/>
      <c r="H1147" s="1106"/>
      <c r="I1147" s="1106"/>
      <c r="J1147" s="1106"/>
      <c r="K1147" s="1106"/>
      <c r="L1147" s="1106"/>
      <c r="M1147" s="1106"/>
      <c r="N1147" s="1106"/>
      <c r="O1147" s="1106"/>
      <c r="AB1147" s="1106"/>
      <c r="AC1147" s="1106"/>
      <c r="AD1147" s="1106"/>
      <c r="AE1147" s="1106"/>
      <c r="AF1147" s="1106"/>
      <c r="AG1147" s="1106"/>
      <c r="AH1147" s="1106"/>
      <c r="AL1147" s="1106"/>
      <c r="AZ1147" s="1106"/>
      <c r="BA1147" s="1106"/>
      <c r="BB1147" s="1106"/>
      <c r="BC1147" s="1106"/>
      <c r="BD1147" s="1106"/>
      <c r="BE1147" s="1106"/>
      <c r="BF1147" s="1106"/>
      <c r="BG1147" s="1106"/>
      <c r="BH1147" s="1106"/>
      <c r="BI1147" s="1106"/>
      <c r="BJ1147" s="1106"/>
      <c r="BK1147" s="1106"/>
      <c r="BL1147" s="1106"/>
      <c r="BM1147" s="1106"/>
      <c r="BN1147" s="1106"/>
      <c r="BO1147" s="1106"/>
      <c r="BP1147" s="1106"/>
      <c r="BQ1147" s="1106"/>
      <c r="BR1147" s="1106"/>
      <c r="BS1147" s="1106"/>
      <c r="BT1147" s="1106"/>
      <c r="BU1147" s="1106"/>
      <c r="BV1147" s="1106"/>
      <c r="BW1147" s="1106"/>
      <c r="BX1147" s="1106"/>
      <c r="BY1147" s="1106"/>
      <c r="BZ1147" s="1106"/>
      <c r="CA1147" s="1106"/>
    </row>
    <row r="1148" spans="3:79" ht="9" customHeight="1" x14ac:dyDescent="0.2">
      <c r="C1148" s="1106"/>
      <c r="D1148" s="1106"/>
      <c r="E1148" s="1106"/>
      <c r="F1148" s="1106"/>
      <c r="G1148" s="1106"/>
      <c r="H1148" s="1106"/>
      <c r="I1148" s="1106"/>
      <c r="J1148" s="1106"/>
      <c r="K1148" s="1106"/>
      <c r="L1148" s="1106"/>
      <c r="M1148" s="1106"/>
      <c r="N1148" s="1106"/>
      <c r="O1148" s="1106"/>
      <c r="AB1148" s="1106"/>
      <c r="AC1148" s="1106"/>
      <c r="AD1148" s="1106"/>
      <c r="AE1148" s="1106"/>
      <c r="AF1148" s="1106"/>
      <c r="AG1148" s="1106"/>
      <c r="AH1148" s="1106"/>
      <c r="AL1148" s="1106"/>
      <c r="AZ1148" s="1106"/>
      <c r="BA1148" s="1106"/>
      <c r="BB1148" s="1106"/>
      <c r="BC1148" s="1106"/>
      <c r="BD1148" s="1106"/>
      <c r="BE1148" s="1106"/>
      <c r="BF1148" s="1106"/>
      <c r="BG1148" s="1106"/>
      <c r="BH1148" s="1106"/>
      <c r="BI1148" s="1106"/>
      <c r="BJ1148" s="1106"/>
      <c r="BK1148" s="1106"/>
      <c r="BL1148" s="1106"/>
      <c r="BM1148" s="1106"/>
      <c r="BN1148" s="1106"/>
      <c r="BO1148" s="1106"/>
      <c r="BP1148" s="1106"/>
      <c r="BQ1148" s="1106"/>
      <c r="BR1148" s="1106"/>
      <c r="BS1148" s="1106"/>
      <c r="BT1148" s="1106"/>
      <c r="BU1148" s="1106"/>
      <c r="BV1148" s="1106"/>
      <c r="BW1148" s="1106"/>
      <c r="BX1148" s="1106"/>
      <c r="BY1148" s="1106"/>
      <c r="BZ1148" s="1106"/>
      <c r="CA1148" s="1106"/>
    </row>
    <row r="1149" spans="3:79" ht="9" customHeight="1" x14ac:dyDescent="0.2">
      <c r="C1149" s="1106"/>
      <c r="D1149" s="1106"/>
      <c r="E1149" s="1106"/>
      <c r="F1149" s="1106"/>
      <c r="G1149" s="1106"/>
      <c r="H1149" s="1106"/>
      <c r="I1149" s="1106"/>
      <c r="J1149" s="1106"/>
      <c r="K1149" s="1106"/>
      <c r="L1149" s="1106"/>
      <c r="M1149" s="1106"/>
      <c r="N1149" s="1106"/>
      <c r="O1149" s="1106"/>
      <c r="AB1149" s="1106"/>
      <c r="AC1149" s="1106"/>
      <c r="AD1149" s="1106"/>
      <c r="AE1149" s="1106"/>
      <c r="AF1149" s="1106"/>
      <c r="AG1149" s="1106"/>
      <c r="AH1149" s="1106"/>
      <c r="AL1149" s="1106"/>
      <c r="AZ1149" s="1106"/>
      <c r="BA1149" s="1106"/>
      <c r="BB1149" s="1106"/>
      <c r="BC1149" s="1106"/>
      <c r="BD1149" s="1106"/>
      <c r="BE1149" s="1106"/>
      <c r="BF1149" s="1106"/>
      <c r="BG1149" s="1106"/>
      <c r="BH1149" s="1106"/>
      <c r="BI1149" s="1106"/>
      <c r="BJ1149" s="1106"/>
      <c r="BK1149" s="1106"/>
      <c r="BL1149" s="1106"/>
      <c r="BM1149" s="1106"/>
      <c r="BN1149" s="1106"/>
      <c r="BO1149" s="1106"/>
      <c r="BP1149" s="1106"/>
      <c r="BQ1149" s="1106"/>
      <c r="BR1149" s="1106"/>
      <c r="BS1149" s="1106"/>
      <c r="BT1149" s="1106"/>
      <c r="BU1149" s="1106"/>
      <c r="BV1149" s="1106"/>
      <c r="BW1149" s="1106"/>
      <c r="BX1149" s="1106"/>
      <c r="BY1149" s="1106"/>
      <c r="BZ1149" s="1106"/>
      <c r="CA1149" s="1106"/>
    </row>
    <row r="1150" spans="3:79" ht="9" customHeight="1" x14ac:dyDescent="0.2">
      <c r="C1150" s="1106"/>
      <c r="D1150" s="1106"/>
      <c r="E1150" s="1106"/>
      <c r="F1150" s="1106"/>
      <c r="G1150" s="1106"/>
      <c r="H1150" s="1106"/>
      <c r="I1150" s="1106"/>
      <c r="J1150" s="1106"/>
      <c r="K1150" s="1106"/>
      <c r="L1150" s="1106"/>
      <c r="M1150" s="1106"/>
      <c r="N1150" s="1106"/>
      <c r="O1150" s="1106"/>
      <c r="U1150" s="1106"/>
      <c r="AB1150" s="1106"/>
      <c r="AC1150" s="1106"/>
      <c r="AD1150" s="1106"/>
      <c r="AE1150" s="1106"/>
      <c r="AF1150" s="1106"/>
      <c r="AG1150" s="1106"/>
      <c r="AH1150" s="1106"/>
      <c r="AL1150" s="1106"/>
      <c r="AT1150" s="1106"/>
      <c r="AU1150" s="1106"/>
      <c r="AV1150" s="1106"/>
      <c r="AW1150" s="1106"/>
      <c r="AX1150" s="1106"/>
      <c r="AY1150" s="1106"/>
      <c r="AZ1150" s="1106"/>
      <c r="BA1150" s="1106"/>
      <c r="BB1150" s="1106"/>
      <c r="BC1150" s="1106"/>
      <c r="BD1150" s="1106"/>
      <c r="BE1150" s="1106"/>
      <c r="BF1150" s="1106"/>
      <c r="BG1150" s="1106"/>
      <c r="BH1150" s="1106"/>
      <c r="BI1150" s="1106"/>
      <c r="BJ1150" s="1106"/>
      <c r="BK1150" s="1106"/>
      <c r="BL1150" s="1106"/>
      <c r="BM1150" s="1106"/>
      <c r="BN1150" s="1106"/>
      <c r="BO1150" s="1106"/>
      <c r="BP1150" s="1106"/>
      <c r="BQ1150" s="1106"/>
      <c r="BR1150" s="1106"/>
      <c r="BS1150" s="1106"/>
      <c r="BT1150" s="1106"/>
      <c r="BU1150" s="1106"/>
      <c r="BV1150" s="1106"/>
      <c r="BW1150" s="1106"/>
      <c r="BX1150" s="1106"/>
      <c r="BY1150" s="1106"/>
      <c r="BZ1150" s="1106"/>
      <c r="CA1150" s="1106"/>
    </row>
    <row r="1151" spans="3:79" ht="9" customHeight="1" x14ac:dyDescent="0.2">
      <c r="C1151" s="1106"/>
      <c r="D1151" s="1106"/>
      <c r="E1151" s="1106"/>
      <c r="F1151" s="1106"/>
      <c r="G1151" s="1106"/>
      <c r="H1151" s="1106"/>
      <c r="I1151" s="1106"/>
      <c r="J1151" s="1106"/>
      <c r="K1151" s="1106"/>
      <c r="L1151" s="1106"/>
      <c r="M1151" s="1106"/>
      <c r="N1151" s="1106"/>
      <c r="O1151" s="1106"/>
      <c r="U1151" s="1106"/>
      <c r="AB1151" s="1106"/>
      <c r="AC1151" s="1106"/>
      <c r="AD1151" s="1106"/>
      <c r="AE1151" s="1106"/>
      <c r="AF1151" s="1106"/>
      <c r="AG1151" s="1106"/>
      <c r="AH1151" s="1106"/>
      <c r="AL1151" s="1106"/>
      <c r="AO1151" s="1106"/>
      <c r="AP1151" s="1106"/>
      <c r="AT1151" s="1106"/>
      <c r="AU1151" s="1106"/>
      <c r="AV1151" s="1106"/>
      <c r="AW1151" s="1106"/>
      <c r="AX1151" s="1106"/>
      <c r="AY1151" s="1106"/>
      <c r="AZ1151" s="1106"/>
      <c r="BA1151" s="1106"/>
      <c r="BB1151" s="1106"/>
      <c r="BC1151" s="1106"/>
      <c r="BD1151" s="1106"/>
      <c r="BE1151" s="1106"/>
      <c r="BF1151" s="1106"/>
      <c r="BG1151" s="1106"/>
      <c r="BH1151" s="1106"/>
      <c r="BI1151" s="1106"/>
      <c r="BJ1151" s="1106"/>
      <c r="BK1151" s="1106"/>
      <c r="BL1151" s="1106"/>
      <c r="BM1151" s="1106"/>
      <c r="BN1151" s="1106"/>
      <c r="BO1151" s="1106"/>
      <c r="BP1151" s="1106"/>
      <c r="BQ1151" s="1106"/>
      <c r="BR1151" s="1106"/>
      <c r="BS1151" s="1106"/>
      <c r="BT1151" s="1106"/>
      <c r="BU1151" s="1106"/>
      <c r="BV1151" s="1106"/>
      <c r="BW1151" s="1106"/>
      <c r="BX1151" s="1106"/>
      <c r="BY1151" s="1106"/>
      <c r="BZ1151" s="1106"/>
      <c r="CA1151" s="1106"/>
    </row>
    <row r="1152" spans="3:79" ht="9" customHeight="1" x14ac:dyDescent="0.2">
      <c r="C1152" s="1106"/>
      <c r="D1152" s="1106"/>
      <c r="E1152" s="1106"/>
      <c r="F1152" s="1106"/>
      <c r="G1152" s="1106"/>
      <c r="H1152" s="1106"/>
      <c r="I1152" s="1106"/>
      <c r="J1152" s="1106"/>
      <c r="K1152" s="1106"/>
      <c r="L1152" s="1106"/>
      <c r="M1152" s="1106"/>
      <c r="N1152" s="1106"/>
      <c r="O1152" s="1106"/>
      <c r="U1152" s="1106"/>
      <c r="AB1152" s="1106"/>
      <c r="AC1152" s="1106"/>
      <c r="AD1152" s="1106"/>
      <c r="AE1152" s="1106"/>
      <c r="AF1152" s="1106"/>
      <c r="AG1152" s="1106"/>
      <c r="AH1152" s="1106"/>
      <c r="AL1152" s="1106"/>
      <c r="AT1152" s="1106"/>
      <c r="AU1152" s="1106"/>
      <c r="AV1152" s="1106"/>
      <c r="AW1152" s="1106"/>
      <c r="AX1152" s="1106"/>
      <c r="AY1152" s="1106"/>
      <c r="AZ1152" s="1106"/>
      <c r="BA1152" s="1106"/>
      <c r="BB1152" s="1106"/>
      <c r="BC1152" s="1106"/>
      <c r="BD1152" s="1106"/>
      <c r="BE1152" s="1106"/>
      <c r="BF1152" s="1106"/>
      <c r="BG1152" s="1106"/>
      <c r="BH1152" s="1106"/>
      <c r="BI1152" s="1106"/>
      <c r="BJ1152" s="1106"/>
      <c r="BK1152" s="1106"/>
      <c r="BL1152" s="1106"/>
      <c r="BM1152" s="1106"/>
      <c r="BN1152" s="1106"/>
      <c r="BO1152" s="1106"/>
      <c r="BP1152" s="1106"/>
      <c r="BQ1152" s="1106"/>
      <c r="BR1152" s="1106"/>
      <c r="BS1152" s="1106"/>
      <c r="BT1152" s="1106"/>
      <c r="BU1152" s="1106"/>
      <c r="BV1152" s="1106"/>
      <c r="BW1152" s="1106"/>
      <c r="BX1152" s="1106"/>
      <c r="BY1152" s="1106"/>
      <c r="BZ1152" s="1106"/>
      <c r="CA1152" s="1106"/>
    </row>
    <row r="1153" spans="3:79" ht="9" customHeight="1" x14ac:dyDescent="0.2">
      <c r="C1153" s="1106"/>
      <c r="D1153" s="1106"/>
      <c r="E1153" s="1106"/>
      <c r="F1153" s="1106"/>
      <c r="G1153" s="1106"/>
      <c r="H1153" s="1106"/>
      <c r="I1153" s="1106"/>
      <c r="J1153" s="1106"/>
      <c r="K1153" s="1106"/>
      <c r="L1153" s="1106"/>
      <c r="M1153" s="1106"/>
      <c r="N1153" s="1106"/>
      <c r="O1153" s="1106"/>
      <c r="AB1153" s="1106"/>
      <c r="AC1153" s="1106"/>
      <c r="AD1153" s="1106"/>
      <c r="AE1153" s="1106"/>
      <c r="AF1153" s="1106"/>
      <c r="AG1153" s="1106"/>
      <c r="AH1153" s="1106"/>
      <c r="AL1153" s="1106"/>
      <c r="AZ1153" s="1106"/>
      <c r="BA1153" s="1106"/>
      <c r="BB1153" s="1106"/>
      <c r="BC1153" s="1106"/>
      <c r="BD1153" s="1106"/>
      <c r="BE1153" s="1106"/>
      <c r="BF1153" s="1106"/>
      <c r="BG1153" s="1106"/>
      <c r="BH1153" s="1106"/>
      <c r="BI1153" s="1106"/>
      <c r="BJ1153" s="1106"/>
      <c r="BK1153" s="1106"/>
      <c r="BL1153" s="1106"/>
      <c r="BM1153" s="1106"/>
      <c r="BN1153" s="1106"/>
      <c r="BO1153" s="1106"/>
      <c r="BP1153" s="1106"/>
      <c r="BQ1153" s="1106"/>
      <c r="BR1153" s="1106"/>
      <c r="BS1153" s="1106"/>
      <c r="BT1153" s="1106"/>
      <c r="BU1153" s="1106"/>
      <c r="BV1153" s="1106"/>
      <c r="BW1153" s="1106"/>
      <c r="BX1153" s="1106"/>
      <c r="BY1153" s="1106"/>
      <c r="BZ1153" s="1106"/>
      <c r="CA1153" s="1106"/>
    </row>
    <row r="1154" spans="3:79" ht="9" customHeight="1" x14ac:dyDescent="0.2">
      <c r="C1154" s="1106"/>
      <c r="D1154" s="1106"/>
      <c r="E1154" s="1106"/>
      <c r="F1154" s="1106"/>
      <c r="G1154" s="1106"/>
      <c r="H1154" s="1106"/>
      <c r="I1154" s="1106"/>
      <c r="J1154" s="1106"/>
      <c r="K1154" s="1106"/>
      <c r="L1154" s="1106"/>
      <c r="M1154" s="1106"/>
      <c r="N1154" s="1106"/>
      <c r="O1154" s="1106"/>
      <c r="AB1154" s="1106"/>
      <c r="AC1154" s="1106"/>
      <c r="AD1154" s="1106"/>
      <c r="AE1154" s="1106"/>
      <c r="AF1154" s="1106"/>
      <c r="AG1154" s="1106"/>
      <c r="AH1154" s="1106"/>
      <c r="AL1154" s="1106"/>
      <c r="AZ1154" s="1106"/>
      <c r="BA1154" s="1106"/>
      <c r="BB1154" s="1106"/>
      <c r="BC1154" s="1106"/>
      <c r="BD1154" s="1106"/>
      <c r="BE1154" s="1106"/>
      <c r="BF1154" s="1106"/>
      <c r="BG1154" s="1106"/>
      <c r="BH1154" s="1106"/>
      <c r="BI1154" s="1106"/>
      <c r="BJ1154" s="1106"/>
      <c r="BK1154" s="1106"/>
      <c r="BL1154" s="1106"/>
      <c r="BM1154" s="1106"/>
      <c r="BN1154" s="1106"/>
      <c r="BO1154" s="1106"/>
      <c r="BP1154" s="1106"/>
      <c r="BQ1154" s="1106"/>
      <c r="BR1154" s="1106"/>
      <c r="BS1154" s="1106"/>
      <c r="BT1154" s="1106"/>
      <c r="BU1154" s="1106"/>
      <c r="BV1154" s="1106"/>
      <c r="BW1154" s="1106"/>
      <c r="BX1154" s="1106"/>
      <c r="BY1154" s="1106"/>
      <c r="BZ1154" s="1106"/>
      <c r="CA1154" s="1106"/>
    </row>
    <row r="1155" spans="3:79" ht="9" customHeight="1" x14ac:dyDescent="0.2">
      <c r="C1155" s="1106"/>
      <c r="D1155" s="1106"/>
      <c r="E1155" s="1106"/>
      <c r="F1155" s="1106"/>
      <c r="G1155" s="1106"/>
      <c r="H1155" s="1106"/>
      <c r="I1155" s="1106"/>
      <c r="J1155" s="1106"/>
      <c r="K1155" s="1106"/>
      <c r="L1155" s="1106"/>
      <c r="M1155" s="1106"/>
      <c r="N1155" s="1106"/>
      <c r="O1155" s="1106"/>
      <c r="AB1155" s="1106"/>
      <c r="AC1155" s="1106"/>
      <c r="AD1155" s="1106"/>
      <c r="AE1155" s="1106"/>
      <c r="AF1155" s="1106"/>
      <c r="AG1155" s="1106"/>
      <c r="AH1155" s="1106"/>
      <c r="AL1155" s="1106"/>
      <c r="AZ1155" s="1106"/>
      <c r="BA1155" s="1106"/>
      <c r="BB1155" s="1106"/>
      <c r="BC1155" s="1106"/>
      <c r="BD1155" s="1106"/>
      <c r="BE1155" s="1106"/>
      <c r="BF1155" s="1106"/>
      <c r="BG1155" s="1106"/>
      <c r="BH1155" s="1106"/>
      <c r="BI1155" s="1106"/>
      <c r="BJ1155" s="1106"/>
      <c r="BK1155" s="1106"/>
      <c r="BL1155" s="1106"/>
      <c r="BM1155" s="1106"/>
      <c r="BN1155" s="1106"/>
      <c r="BO1155" s="1106"/>
      <c r="BP1155" s="1106"/>
      <c r="BQ1155" s="1106"/>
      <c r="BR1155" s="1106"/>
      <c r="BS1155" s="1106"/>
      <c r="BT1155" s="1106"/>
      <c r="BU1155" s="1106"/>
      <c r="BV1155" s="1106"/>
      <c r="BW1155" s="1106"/>
      <c r="BX1155" s="1106"/>
      <c r="BY1155" s="1106"/>
      <c r="BZ1155" s="1106"/>
      <c r="CA1155" s="1106"/>
    </row>
    <row r="1156" spans="3:79" ht="9" customHeight="1" x14ac:dyDescent="0.2">
      <c r="C1156" s="1106"/>
      <c r="D1156" s="1106"/>
      <c r="E1156" s="1106"/>
      <c r="F1156" s="1106"/>
      <c r="G1156" s="1106"/>
      <c r="H1156" s="1106"/>
      <c r="I1156" s="1106"/>
      <c r="J1156" s="1106"/>
      <c r="K1156" s="1106"/>
      <c r="L1156" s="1106"/>
      <c r="M1156" s="1106"/>
      <c r="N1156" s="1106"/>
      <c r="O1156" s="1106"/>
      <c r="U1156" s="1106"/>
      <c r="AB1156" s="1106"/>
      <c r="AC1156" s="1106"/>
      <c r="AD1156" s="1106"/>
      <c r="AE1156" s="1106"/>
      <c r="AF1156" s="1106"/>
      <c r="AG1156" s="1106"/>
      <c r="AH1156" s="1106"/>
      <c r="AL1156" s="1106"/>
      <c r="AT1156" s="1106"/>
      <c r="AU1156" s="1106"/>
      <c r="AV1156" s="1106"/>
      <c r="AW1156" s="1106"/>
      <c r="AX1156" s="1106"/>
      <c r="AY1156" s="1106"/>
      <c r="AZ1156" s="1106"/>
      <c r="BA1156" s="1106"/>
      <c r="BB1156" s="1106"/>
      <c r="BC1156" s="1106"/>
      <c r="BD1156" s="1106"/>
      <c r="BE1156" s="1106"/>
      <c r="BF1156" s="1106"/>
      <c r="BG1156" s="1106"/>
      <c r="BH1156" s="1106"/>
      <c r="BI1156" s="1106"/>
      <c r="BJ1156" s="1106"/>
      <c r="BK1156" s="1106"/>
      <c r="BL1156" s="1106"/>
      <c r="BM1156" s="1106"/>
      <c r="BN1156" s="1106"/>
      <c r="BO1156" s="1106"/>
      <c r="BP1156" s="1106"/>
      <c r="BQ1156" s="1106"/>
      <c r="BR1156" s="1106"/>
      <c r="BS1156" s="1106"/>
      <c r="BT1156" s="1106"/>
      <c r="BU1156" s="1106"/>
      <c r="BV1156" s="1106"/>
      <c r="BW1156" s="1106"/>
      <c r="BX1156" s="1106"/>
      <c r="BY1156" s="1106"/>
      <c r="BZ1156" s="1106"/>
      <c r="CA1156" s="1106"/>
    </row>
    <row r="1157" spans="3:79" ht="9" customHeight="1" x14ac:dyDescent="0.2">
      <c r="C1157" s="1106"/>
      <c r="D1157" s="1106"/>
      <c r="E1157" s="1106"/>
      <c r="F1157" s="1106"/>
      <c r="G1157" s="1106"/>
      <c r="H1157" s="1106"/>
      <c r="I1157" s="1106"/>
      <c r="J1157" s="1106"/>
      <c r="K1157" s="1106"/>
      <c r="L1157" s="1106"/>
      <c r="M1157" s="1106"/>
      <c r="N1157" s="1106"/>
      <c r="O1157" s="1106"/>
      <c r="U1157" s="1106"/>
      <c r="AB1157" s="1106"/>
      <c r="AC1157" s="1106"/>
      <c r="AD1157" s="1106"/>
      <c r="AE1157" s="1106"/>
      <c r="AF1157" s="1106"/>
      <c r="AG1157" s="1106"/>
      <c r="AH1157" s="1106"/>
      <c r="AL1157" s="1106"/>
      <c r="AO1157" s="1106"/>
      <c r="AP1157" s="1106"/>
      <c r="AT1157" s="1106"/>
      <c r="AU1157" s="1106"/>
      <c r="AV1157" s="1106"/>
      <c r="AW1157" s="1106"/>
      <c r="AX1157" s="1106"/>
      <c r="AY1157" s="1106"/>
      <c r="AZ1157" s="1106"/>
      <c r="BA1157" s="1106"/>
      <c r="BB1157" s="1106"/>
      <c r="BC1157" s="1106"/>
      <c r="BD1157" s="1106"/>
      <c r="BE1157" s="1106"/>
      <c r="BF1157" s="1106"/>
      <c r="BG1157" s="1106"/>
      <c r="BH1157" s="1106"/>
      <c r="BI1157" s="1106"/>
      <c r="BJ1157" s="1106"/>
      <c r="BK1157" s="1106"/>
      <c r="BL1157" s="1106"/>
      <c r="BM1157" s="1106"/>
      <c r="BN1157" s="1106"/>
      <c r="BO1157" s="1106"/>
      <c r="BP1157" s="1106"/>
      <c r="BQ1157" s="1106"/>
      <c r="BR1157" s="1106"/>
      <c r="BS1157" s="1106"/>
      <c r="BT1157" s="1106"/>
      <c r="BU1157" s="1106"/>
      <c r="BV1157" s="1106"/>
      <c r="BW1157" s="1106"/>
      <c r="BX1157" s="1106"/>
      <c r="BY1157" s="1106"/>
      <c r="BZ1157" s="1106"/>
      <c r="CA1157" s="1106"/>
    </row>
    <row r="1158" spans="3:79" ht="9" customHeight="1" x14ac:dyDescent="0.2">
      <c r="C1158" s="1106"/>
      <c r="D1158" s="1106"/>
      <c r="E1158" s="1106"/>
      <c r="F1158" s="1106"/>
      <c r="G1158" s="1106"/>
      <c r="H1158" s="1106"/>
      <c r="I1158" s="1106"/>
      <c r="J1158" s="1106"/>
      <c r="K1158" s="1106"/>
      <c r="L1158" s="1106"/>
      <c r="M1158" s="1106"/>
      <c r="N1158" s="1106"/>
      <c r="O1158" s="1106"/>
      <c r="U1158" s="1106"/>
      <c r="AB1158" s="1106"/>
      <c r="AC1158" s="1106"/>
      <c r="AD1158" s="1106"/>
      <c r="AE1158" s="1106"/>
      <c r="AF1158" s="1106"/>
      <c r="AG1158" s="1106"/>
      <c r="AH1158" s="1106"/>
      <c r="AL1158" s="1106"/>
      <c r="AT1158" s="1106"/>
      <c r="AU1158" s="1106"/>
      <c r="AV1158" s="1106"/>
      <c r="AW1158" s="1106"/>
      <c r="AX1158" s="1106"/>
      <c r="AY1158" s="1106"/>
      <c r="AZ1158" s="1106"/>
      <c r="BA1158" s="1106"/>
      <c r="BB1158" s="1106"/>
      <c r="BC1158" s="1106"/>
      <c r="BD1158" s="1106"/>
      <c r="BE1158" s="1106"/>
      <c r="BF1158" s="1106"/>
      <c r="BG1158" s="1106"/>
      <c r="BH1158" s="1106"/>
      <c r="BI1158" s="1106"/>
      <c r="BJ1158" s="1106"/>
      <c r="BK1158" s="1106"/>
      <c r="BL1158" s="1106"/>
      <c r="BM1158" s="1106"/>
      <c r="BN1158" s="1106"/>
      <c r="BO1158" s="1106"/>
      <c r="BP1158" s="1106"/>
      <c r="BQ1158" s="1106"/>
      <c r="BR1158" s="1106"/>
      <c r="BS1158" s="1106"/>
      <c r="BT1158" s="1106"/>
      <c r="BU1158" s="1106"/>
      <c r="BV1158" s="1106"/>
      <c r="BW1158" s="1106"/>
      <c r="BX1158" s="1106"/>
      <c r="BY1158" s="1106"/>
      <c r="BZ1158" s="1106"/>
      <c r="CA1158" s="1106"/>
    </row>
    <row r="1159" spans="3:79" ht="9" customHeight="1" x14ac:dyDescent="0.2">
      <c r="C1159" s="1106"/>
      <c r="D1159" s="1106"/>
      <c r="E1159" s="1106"/>
      <c r="F1159" s="1106"/>
      <c r="G1159" s="1106"/>
      <c r="H1159" s="1106"/>
      <c r="I1159" s="1106"/>
      <c r="J1159" s="1106"/>
      <c r="K1159" s="1106"/>
      <c r="L1159" s="1106"/>
      <c r="M1159" s="1106"/>
      <c r="N1159" s="1106"/>
      <c r="O1159" s="1106"/>
      <c r="AB1159" s="1106"/>
      <c r="AC1159" s="1106"/>
      <c r="AD1159" s="1106"/>
      <c r="AE1159" s="1106"/>
      <c r="AF1159" s="1106"/>
      <c r="AG1159" s="1106"/>
      <c r="AH1159" s="1106"/>
      <c r="AL1159" s="1106"/>
      <c r="AZ1159" s="1106"/>
      <c r="BA1159" s="1106"/>
      <c r="BB1159" s="1106"/>
      <c r="BC1159" s="1106"/>
      <c r="BD1159" s="1106"/>
      <c r="BE1159" s="1106"/>
      <c r="BF1159" s="1106"/>
      <c r="BG1159" s="1106"/>
      <c r="BH1159" s="1106"/>
      <c r="BI1159" s="1106"/>
      <c r="BJ1159" s="1106"/>
      <c r="BK1159" s="1106"/>
      <c r="BL1159" s="1106"/>
      <c r="BM1159" s="1106"/>
      <c r="BN1159" s="1106"/>
      <c r="BO1159" s="1106"/>
      <c r="BP1159" s="1106"/>
      <c r="BQ1159" s="1106"/>
      <c r="BR1159" s="1106"/>
      <c r="BS1159" s="1106"/>
      <c r="BT1159" s="1106"/>
      <c r="BU1159" s="1106"/>
      <c r="BV1159" s="1106"/>
      <c r="BW1159" s="1106"/>
      <c r="BX1159" s="1106"/>
      <c r="BY1159" s="1106"/>
      <c r="BZ1159" s="1106"/>
      <c r="CA1159" s="1106"/>
    </row>
    <row r="1160" spans="3:79" ht="9" customHeight="1" x14ac:dyDescent="0.2">
      <c r="C1160" s="1106"/>
      <c r="D1160" s="1106"/>
      <c r="E1160" s="1106"/>
      <c r="F1160" s="1106"/>
      <c r="G1160" s="1106"/>
      <c r="H1160" s="1106"/>
      <c r="I1160" s="1106"/>
      <c r="J1160" s="1106"/>
      <c r="K1160" s="1106"/>
      <c r="L1160" s="1106"/>
      <c r="M1160" s="1106"/>
      <c r="N1160" s="1106"/>
      <c r="O1160" s="1106"/>
      <c r="AB1160" s="1106"/>
      <c r="AC1160" s="1106"/>
      <c r="AD1160" s="1106"/>
      <c r="AE1160" s="1106"/>
      <c r="AF1160" s="1106"/>
      <c r="AG1160" s="1106"/>
      <c r="AH1160" s="1106"/>
      <c r="AL1160" s="1106"/>
      <c r="AZ1160" s="1106"/>
      <c r="BA1160" s="1106"/>
      <c r="BB1160" s="1106"/>
      <c r="BC1160" s="1106"/>
      <c r="BD1160" s="1106"/>
      <c r="BE1160" s="1106"/>
      <c r="BF1160" s="1106"/>
      <c r="BG1160" s="1106"/>
      <c r="BH1160" s="1106"/>
      <c r="BI1160" s="1106"/>
      <c r="BJ1160" s="1106"/>
      <c r="BK1160" s="1106"/>
      <c r="BL1160" s="1106"/>
      <c r="BM1160" s="1106"/>
      <c r="BN1160" s="1106"/>
      <c r="BO1160" s="1106"/>
      <c r="BP1160" s="1106"/>
      <c r="BQ1160" s="1106"/>
      <c r="BR1160" s="1106"/>
      <c r="BS1160" s="1106"/>
      <c r="BT1160" s="1106"/>
      <c r="BU1160" s="1106"/>
      <c r="BV1160" s="1106"/>
      <c r="BW1160" s="1106"/>
      <c r="BX1160" s="1106"/>
      <c r="BY1160" s="1106"/>
      <c r="BZ1160" s="1106"/>
      <c r="CA1160" s="1106"/>
    </row>
    <row r="1161" spans="3:79" ht="9" customHeight="1" x14ac:dyDescent="0.2">
      <c r="C1161" s="1106"/>
      <c r="D1161" s="1106"/>
      <c r="E1161" s="1106"/>
      <c r="F1161" s="1106"/>
      <c r="G1161" s="1106"/>
      <c r="H1161" s="1106"/>
      <c r="I1161" s="1106"/>
      <c r="J1161" s="1106"/>
      <c r="K1161" s="1106"/>
      <c r="L1161" s="1106"/>
      <c r="M1161" s="1106"/>
      <c r="N1161" s="1106"/>
      <c r="O1161" s="1106"/>
      <c r="AB1161" s="1106"/>
      <c r="AC1161" s="1106"/>
      <c r="AD1161" s="1106"/>
      <c r="AE1161" s="1106"/>
      <c r="AF1161" s="1106"/>
      <c r="AG1161" s="1106"/>
      <c r="AH1161" s="1106"/>
      <c r="AL1161" s="1106"/>
      <c r="AZ1161" s="1106"/>
      <c r="BA1161" s="1106"/>
      <c r="BB1161" s="1106"/>
      <c r="BC1161" s="1106"/>
      <c r="BD1161" s="1106"/>
      <c r="BE1161" s="1106"/>
      <c r="BF1161" s="1106"/>
      <c r="BG1161" s="1106"/>
      <c r="BH1161" s="1106"/>
      <c r="BI1161" s="1106"/>
      <c r="BJ1161" s="1106"/>
      <c r="BK1161" s="1106"/>
      <c r="BL1161" s="1106"/>
      <c r="BM1161" s="1106"/>
      <c r="BN1161" s="1106"/>
      <c r="BO1161" s="1106"/>
      <c r="BP1161" s="1106"/>
      <c r="BQ1161" s="1106"/>
      <c r="BR1161" s="1106"/>
      <c r="BS1161" s="1106"/>
      <c r="BT1161" s="1106"/>
      <c r="BU1161" s="1106"/>
      <c r="BV1161" s="1106"/>
      <c r="BW1161" s="1106"/>
      <c r="BX1161" s="1106"/>
      <c r="BY1161" s="1106"/>
      <c r="BZ1161" s="1106"/>
      <c r="CA1161" s="1106"/>
    </row>
    <row r="1162" spans="3:79" ht="9" customHeight="1" x14ac:dyDescent="0.2">
      <c r="C1162" s="1106"/>
      <c r="D1162" s="1106"/>
      <c r="E1162" s="1106"/>
      <c r="F1162" s="1106"/>
      <c r="G1162" s="1106"/>
      <c r="H1162" s="1106"/>
      <c r="I1162" s="1106"/>
      <c r="J1162" s="1106"/>
      <c r="K1162" s="1106"/>
      <c r="L1162" s="1106"/>
      <c r="M1162" s="1106"/>
      <c r="N1162" s="1106"/>
      <c r="O1162" s="1106"/>
      <c r="U1162" s="1106"/>
      <c r="AB1162" s="1106"/>
      <c r="AC1162" s="1106"/>
      <c r="AD1162" s="1106"/>
      <c r="AE1162" s="1106"/>
      <c r="AF1162" s="1106"/>
      <c r="AG1162" s="1106"/>
      <c r="AH1162" s="1106"/>
      <c r="AL1162" s="1106"/>
      <c r="AT1162" s="1106"/>
      <c r="AU1162" s="1106"/>
      <c r="AV1162" s="1106"/>
      <c r="AW1162" s="1106"/>
      <c r="AX1162" s="1106"/>
      <c r="AY1162" s="1106"/>
      <c r="AZ1162" s="1106"/>
      <c r="BA1162" s="1106"/>
      <c r="BB1162" s="1106"/>
      <c r="BC1162" s="1106"/>
      <c r="BD1162" s="1106"/>
      <c r="BE1162" s="1106"/>
      <c r="BF1162" s="1106"/>
      <c r="BG1162" s="1106"/>
      <c r="BH1162" s="1106"/>
      <c r="BI1162" s="1106"/>
      <c r="BJ1162" s="1106"/>
      <c r="BK1162" s="1106"/>
      <c r="BL1162" s="1106"/>
      <c r="BM1162" s="1106"/>
      <c r="BN1162" s="1106"/>
      <c r="BO1162" s="1106"/>
      <c r="BP1162" s="1106"/>
      <c r="BQ1162" s="1106"/>
      <c r="BR1162" s="1106"/>
      <c r="BS1162" s="1106"/>
      <c r="BT1162" s="1106"/>
      <c r="BU1162" s="1106"/>
      <c r="BV1162" s="1106"/>
      <c r="BW1162" s="1106"/>
      <c r="BX1162" s="1106"/>
      <c r="BY1162" s="1106"/>
      <c r="BZ1162" s="1106"/>
      <c r="CA1162" s="1106"/>
    </row>
    <row r="1163" spans="3:79" ht="9" customHeight="1" x14ac:dyDescent="0.2">
      <c r="C1163" s="1106"/>
      <c r="D1163" s="1106"/>
      <c r="E1163" s="1106"/>
      <c r="F1163" s="1106"/>
      <c r="G1163" s="1106"/>
      <c r="H1163" s="1106"/>
      <c r="I1163" s="1106"/>
      <c r="J1163" s="1106"/>
      <c r="K1163" s="1106"/>
      <c r="L1163" s="1106"/>
      <c r="M1163" s="1106"/>
      <c r="N1163" s="1106"/>
      <c r="O1163" s="1106"/>
      <c r="U1163" s="1106"/>
      <c r="AB1163" s="1106"/>
      <c r="AC1163" s="1106"/>
      <c r="AD1163" s="1106"/>
      <c r="AE1163" s="1106"/>
      <c r="AF1163" s="1106"/>
      <c r="AG1163" s="1106"/>
      <c r="AH1163" s="1106"/>
      <c r="AL1163" s="1106"/>
      <c r="AO1163" s="1106"/>
      <c r="AP1163" s="1106"/>
      <c r="AT1163" s="1106"/>
      <c r="AU1163" s="1106"/>
      <c r="AV1163" s="1106"/>
      <c r="AW1163" s="1106"/>
      <c r="AX1163" s="1106"/>
      <c r="AY1163" s="1106"/>
      <c r="AZ1163" s="1106"/>
      <c r="BA1163" s="1106"/>
      <c r="BB1163" s="1106"/>
      <c r="BC1163" s="1106"/>
      <c r="BD1163" s="1106"/>
      <c r="BE1163" s="1106"/>
      <c r="BF1163" s="1106"/>
      <c r="BG1163" s="1106"/>
      <c r="BH1163" s="1106"/>
      <c r="BI1163" s="1106"/>
      <c r="BJ1163" s="1106"/>
      <c r="BK1163" s="1106"/>
      <c r="BL1163" s="1106"/>
      <c r="BM1163" s="1106"/>
      <c r="BN1163" s="1106"/>
      <c r="BO1163" s="1106"/>
      <c r="BP1163" s="1106"/>
      <c r="BQ1163" s="1106"/>
      <c r="BR1163" s="1106"/>
      <c r="BS1163" s="1106"/>
      <c r="BT1163" s="1106"/>
      <c r="BU1163" s="1106"/>
      <c r="BV1163" s="1106"/>
      <c r="BW1163" s="1106"/>
      <c r="BX1163" s="1106"/>
      <c r="BY1163" s="1106"/>
      <c r="BZ1163" s="1106"/>
      <c r="CA1163" s="1106"/>
    </row>
    <row r="1164" spans="3:79" ht="9" customHeight="1" x14ac:dyDescent="0.2">
      <c r="C1164" s="1106"/>
      <c r="D1164" s="1106"/>
      <c r="E1164" s="1106"/>
      <c r="F1164" s="1106"/>
      <c r="G1164" s="1106"/>
      <c r="H1164" s="1106"/>
      <c r="I1164" s="1106"/>
      <c r="J1164" s="1106"/>
      <c r="K1164" s="1106"/>
      <c r="L1164" s="1106"/>
      <c r="M1164" s="1106"/>
      <c r="N1164" s="1106"/>
      <c r="O1164" s="1106"/>
      <c r="U1164" s="1106"/>
      <c r="AB1164" s="1106"/>
      <c r="AC1164" s="1106"/>
      <c r="AD1164" s="1106"/>
      <c r="AE1164" s="1106"/>
      <c r="AF1164" s="1106"/>
      <c r="AG1164" s="1106"/>
      <c r="AH1164" s="1106"/>
      <c r="AL1164" s="1106"/>
      <c r="AT1164" s="1106"/>
      <c r="AU1164" s="1106"/>
      <c r="AV1164" s="1106"/>
      <c r="AW1164" s="1106"/>
      <c r="AX1164" s="1106"/>
      <c r="AY1164" s="1106"/>
      <c r="AZ1164" s="1106"/>
      <c r="BA1164" s="1106"/>
      <c r="BB1164" s="1106"/>
      <c r="BC1164" s="1106"/>
      <c r="BD1164" s="1106"/>
      <c r="BE1164" s="1106"/>
      <c r="BF1164" s="1106"/>
      <c r="BG1164" s="1106"/>
      <c r="BH1164" s="1106"/>
      <c r="BI1164" s="1106"/>
      <c r="BJ1164" s="1106"/>
      <c r="BK1164" s="1106"/>
      <c r="BL1164" s="1106"/>
      <c r="BM1164" s="1106"/>
      <c r="BN1164" s="1106"/>
      <c r="BO1164" s="1106"/>
      <c r="BP1164" s="1106"/>
      <c r="BQ1164" s="1106"/>
      <c r="BR1164" s="1106"/>
      <c r="BS1164" s="1106"/>
      <c r="BT1164" s="1106"/>
      <c r="BU1164" s="1106"/>
      <c r="BV1164" s="1106"/>
      <c r="BW1164" s="1106"/>
      <c r="BX1164" s="1106"/>
      <c r="BY1164" s="1106"/>
      <c r="BZ1164" s="1106"/>
      <c r="CA1164" s="1106"/>
    </row>
    <row r="1165" spans="3:79" ht="9" customHeight="1" x14ac:dyDescent="0.2">
      <c r="C1165" s="1106"/>
      <c r="D1165" s="1106"/>
      <c r="E1165" s="1106"/>
      <c r="F1165" s="1106"/>
      <c r="G1165" s="1106"/>
      <c r="H1165" s="1106"/>
      <c r="I1165" s="1106"/>
      <c r="J1165" s="1106"/>
      <c r="K1165" s="1106"/>
      <c r="L1165" s="1106"/>
      <c r="M1165" s="1106"/>
      <c r="N1165" s="1106"/>
      <c r="O1165" s="1106"/>
      <c r="AB1165" s="1106"/>
      <c r="AC1165" s="1106"/>
      <c r="AD1165" s="1106"/>
      <c r="AE1165" s="1106"/>
      <c r="AF1165" s="1106"/>
      <c r="AG1165" s="1106"/>
      <c r="AH1165" s="1106"/>
      <c r="AL1165" s="1106"/>
      <c r="AZ1165" s="1106"/>
      <c r="BA1165" s="1106"/>
      <c r="BB1165" s="1106"/>
      <c r="BC1165" s="1106"/>
      <c r="BD1165" s="1106"/>
      <c r="BE1165" s="1106"/>
      <c r="BF1165" s="1106"/>
      <c r="BG1165" s="1106"/>
      <c r="BH1165" s="1106"/>
      <c r="BI1165" s="1106"/>
      <c r="BJ1165" s="1106"/>
      <c r="BK1165" s="1106"/>
      <c r="BL1165" s="1106"/>
      <c r="BM1165" s="1106"/>
      <c r="BN1165" s="1106"/>
      <c r="BO1165" s="1106"/>
      <c r="BP1165" s="1106"/>
      <c r="BQ1165" s="1106"/>
      <c r="BR1165" s="1106"/>
      <c r="BS1165" s="1106"/>
      <c r="BT1165" s="1106"/>
      <c r="BU1165" s="1106"/>
      <c r="BV1165" s="1106"/>
      <c r="BW1165" s="1106"/>
      <c r="BX1165" s="1106"/>
      <c r="BY1165" s="1106"/>
      <c r="BZ1165" s="1106"/>
      <c r="CA1165" s="1106"/>
    </row>
    <row r="1166" spans="3:79" ht="9" customHeight="1" x14ac:dyDescent="0.2">
      <c r="C1166" s="1106"/>
      <c r="D1166" s="1106"/>
      <c r="E1166" s="1106"/>
      <c r="F1166" s="1106"/>
      <c r="G1166" s="1106"/>
      <c r="H1166" s="1106"/>
      <c r="I1166" s="1106"/>
      <c r="J1166" s="1106"/>
      <c r="K1166" s="1106"/>
      <c r="L1166" s="1106"/>
      <c r="M1166" s="1106"/>
      <c r="N1166" s="1106"/>
      <c r="O1166" s="1106"/>
      <c r="AB1166" s="1106"/>
      <c r="AC1166" s="1106"/>
      <c r="AD1166" s="1106"/>
      <c r="AE1166" s="1106"/>
      <c r="AF1166" s="1106"/>
      <c r="AG1166" s="1106"/>
      <c r="AH1166" s="1106"/>
      <c r="AL1166" s="1106"/>
      <c r="AZ1166" s="1106"/>
      <c r="BA1166" s="1106"/>
      <c r="BB1166" s="1106"/>
      <c r="BC1166" s="1106"/>
      <c r="BD1166" s="1106"/>
      <c r="BE1166" s="1106"/>
      <c r="BF1166" s="1106"/>
      <c r="BG1166" s="1106"/>
      <c r="BH1166" s="1106"/>
      <c r="BI1166" s="1106"/>
      <c r="BJ1166" s="1106"/>
      <c r="BK1166" s="1106"/>
      <c r="BL1166" s="1106"/>
      <c r="BM1166" s="1106"/>
      <c r="BN1166" s="1106"/>
      <c r="BO1166" s="1106"/>
      <c r="BP1166" s="1106"/>
      <c r="BQ1166" s="1106"/>
      <c r="BR1166" s="1106"/>
      <c r="BS1166" s="1106"/>
      <c r="BT1166" s="1106"/>
      <c r="BU1166" s="1106"/>
      <c r="BV1166" s="1106"/>
      <c r="BW1166" s="1106"/>
      <c r="BX1166" s="1106"/>
      <c r="BY1166" s="1106"/>
      <c r="BZ1166" s="1106"/>
      <c r="CA1166" s="1106"/>
    </row>
    <row r="1167" spans="3:79" ht="9" customHeight="1" x14ac:dyDescent="0.2">
      <c r="C1167" s="1106"/>
      <c r="D1167" s="1106"/>
      <c r="E1167" s="1106"/>
      <c r="F1167" s="1106"/>
      <c r="G1167" s="1106"/>
      <c r="H1167" s="1106"/>
      <c r="I1167" s="1106"/>
      <c r="J1167" s="1106"/>
      <c r="K1167" s="1106"/>
      <c r="L1167" s="1106"/>
      <c r="M1167" s="1106"/>
      <c r="N1167" s="1106"/>
      <c r="O1167" s="1106"/>
      <c r="AB1167" s="1106"/>
      <c r="AC1167" s="1106"/>
      <c r="AD1167" s="1106"/>
      <c r="AE1167" s="1106"/>
      <c r="AF1167" s="1106"/>
      <c r="AG1167" s="1106"/>
      <c r="AH1167" s="1106"/>
      <c r="AL1167" s="1106"/>
      <c r="AZ1167" s="1106"/>
      <c r="BA1167" s="1106"/>
      <c r="BB1167" s="1106"/>
      <c r="BC1167" s="1106"/>
      <c r="BD1167" s="1106"/>
      <c r="BE1167" s="1106"/>
      <c r="BF1167" s="1106"/>
      <c r="BG1167" s="1106"/>
      <c r="BH1167" s="1106"/>
      <c r="BI1167" s="1106"/>
      <c r="BJ1167" s="1106"/>
      <c r="BK1167" s="1106"/>
      <c r="BL1167" s="1106"/>
      <c r="BM1167" s="1106"/>
      <c r="BN1167" s="1106"/>
      <c r="BO1167" s="1106"/>
      <c r="BP1167" s="1106"/>
      <c r="BQ1167" s="1106"/>
      <c r="BR1167" s="1106"/>
      <c r="BS1167" s="1106"/>
      <c r="BT1167" s="1106"/>
      <c r="BU1167" s="1106"/>
      <c r="BV1167" s="1106"/>
      <c r="BW1167" s="1106"/>
      <c r="BX1167" s="1106"/>
      <c r="BY1167" s="1106"/>
      <c r="BZ1167" s="1106"/>
      <c r="CA1167" s="1106"/>
    </row>
    <row r="1168" spans="3:79" ht="9" customHeight="1" x14ac:dyDescent="0.2">
      <c r="C1168" s="1106"/>
      <c r="D1168" s="1106"/>
      <c r="E1168" s="1106"/>
      <c r="F1168" s="1106"/>
      <c r="G1168" s="1106"/>
      <c r="H1168" s="1106"/>
      <c r="I1168" s="1106"/>
      <c r="J1168" s="1106"/>
      <c r="K1168" s="1106"/>
      <c r="L1168" s="1106"/>
      <c r="M1168" s="1106"/>
      <c r="N1168" s="1106"/>
      <c r="O1168" s="1106"/>
      <c r="U1168" s="1106"/>
      <c r="AB1168" s="1106"/>
      <c r="AC1168" s="1106"/>
      <c r="AD1168" s="1106"/>
      <c r="AE1168" s="1106"/>
      <c r="AF1168" s="1106"/>
      <c r="AG1168" s="1106"/>
      <c r="AH1168" s="1106"/>
      <c r="AL1168" s="1106"/>
      <c r="AT1168" s="1106"/>
      <c r="AU1168" s="1106"/>
      <c r="AV1168" s="1106"/>
      <c r="AW1168" s="1106"/>
      <c r="AX1168" s="1106"/>
      <c r="AY1168" s="1106"/>
      <c r="AZ1168" s="1106"/>
      <c r="BA1168" s="1106"/>
      <c r="BB1168" s="1106"/>
      <c r="BC1168" s="1106"/>
      <c r="BD1168" s="1106"/>
      <c r="BE1168" s="1106"/>
      <c r="BF1168" s="1106"/>
      <c r="BG1168" s="1106"/>
      <c r="BH1168" s="1106"/>
      <c r="BI1168" s="1106"/>
      <c r="BJ1168" s="1106"/>
      <c r="BK1168" s="1106"/>
      <c r="BL1168" s="1106"/>
      <c r="BM1168" s="1106"/>
      <c r="BN1168" s="1106"/>
      <c r="BO1168" s="1106"/>
      <c r="BP1168" s="1106"/>
      <c r="BQ1168" s="1106"/>
      <c r="BR1168" s="1106"/>
      <c r="BS1168" s="1106"/>
      <c r="BT1168" s="1106"/>
      <c r="BU1168" s="1106"/>
      <c r="BV1168" s="1106"/>
      <c r="BW1168" s="1106"/>
      <c r="BX1168" s="1106"/>
      <c r="BY1168" s="1106"/>
      <c r="BZ1168" s="1106"/>
      <c r="CA1168" s="1106"/>
    </row>
    <row r="1169" spans="3:79" ht="9" customHeight="1" x14ac:dyDescent="0.2">
      <c r="C1169" s="1106"/>
      <c r="D1169" s="1106"/>
      <c r="E1169" s="1106"/>
      <c r="F1169" s="1106"/>
      <c r="G1169" s="1106"/>
      <c r="H1169" s="1106"/>
      <c r="I1169" s="1106"/>
      <c r="J1169" s="1106"/>
      <c r="K1169" s="1106"/>
      <c r="L1169" s="1106"/>
      <c r="M1169" s="1106"/>
      <c r="N1169" s="1106"/>
      <c r="O1169" s="1106"/>
      <c r="U1169" s="1106"/>
      <c r="AB1169" s="1106"/>
      <c r="AC1169" s="1106"/>
      <c r="AD1169" s="1106"/>
      <c r="AE1169" s="1106"/>
      <c r="AF1169" s="1106"/>
      <c r="AG1169" s="1106"/>
      <c r="AH1169" s="1106"/>
      <c r="AL1169" s="1106"/>
      <c r="AO1169" s="1106"/>
      <c r="AP1169" s="1106"/>
      <c r="AT1169" s="1106"/>
      <c r="AU1169" s="1106"/>
      <c r="AV1169" s="1106"/>
      <c r="AW1169" s="1106"/>
      <c r="AX1169" s="1106"/>
      <c r="AY1169" s="1106"/>
      <c r="AZ1169" s="1106"/>
      <c r="BA1169" s="1106"/>
      <c r="BB1169" s="1106"/>
      <c r="BC1169" s="1106"/>
      <c r="BD1169" s="1106"/>
      <c r="BE1169" s="1106"/>
      <c r="BF1169" s="1106"/>
      <c r="BG1169" s="1106"/>
      <c r="BH1169" s="1106"/>
      <c r="BI1169" s="1106"/>
      <c r="BJ1169" s="1106"/>
      <c r="BK1169" s="1106"/>
      <c r="BL1169" s="1106"/>
      <c r="BM1169" s="1106"/>
      <c r="BN1169" s="1106"/>
      <c r="BO1169" s="1106"/>
      <c r="BP1169" s="1106"/>
      <c r="BQ1169" s="1106"/>
      <c r="BR1169" s="1106"/>
      <c r="BS1169" s="1106"/>
      <c r="BT1169" s="1106"/>
      <c r="BU1169" s="1106"/>
      <c r="BV1169" s="1106"/>
      <c r="BW1169" s="1106"/>
      <c r="BX1169" s="1106"/>
      <c r="BY1169" s="1106"/>
      <c r="BZ1169" s="1106"/>
      <c r="CA1169" s="1106"/>
    </row>
    <row r="1170" spans="3:79" ht="9" customHeight="1" x14ac:dyDescent="0.2">
      <c r="C1170" s="1106"/>
      <c r="D1170" s="1106"/>
      <c r="E1170" s="1106"/>
      <c r="F1170" s="1106"/>
      <c r="G1170" s="1106"/>
      <c r="H1170" s="1106"/>
      <c r="I1170" s="1106"/>
      <c r="J1170" s="1106"/>
      <c r="K1170" s="1106"/>
      <c r="L1170" s="1106"/>
      <c r="M1170" s="1106"/>
      <c r="N1170" s="1106"/>
      <c r="O1170" s="1106"/>
      <c r="U1170" s="1106"/>
      <c r="AB1170" s="1106"/>
      <c r="AC1170" s="1106"/>
      <c r="AD1170" s="1106"/>
      <c r="AE1170" s="1106"/>
      <c r="AF1170" s="1106"/>
      <c r="AG1170" s="1106"/>
      <c r="AH1170" s="1106"/>
      <c r="AL1170" s="1106"/>
      <c r="AT1170" s="1106"/>
      <c r="AU1170" s="1106"/>
      <c r="AV1170" s="1106"/>
      <c r="AW1170" s="1106"/>
      <c r="AX1170" s="1106"/>
      <c r="AY1170" s="1106"/>
      <c r="AZ1170" s="1106"/>
      <c r="BA1170" s="1106"/>
      <c r="BB1170" s="1106"/>
      <c r="BC1170" s="1106"/>
      <c r="BD1170" s="1106"/>
      <c r="BE1170" s="1106"/>
      <c r="BF1170" s="1106"/>
      <c r="BG1170" s="1106"/>
      <c r="BH1170" s="1106"/>
      <c r="BI1170" s="1106"/>
      <c r="BJ1170" s="1106"/>
      <c r="BK1170" s="1106"/>
      <c r="BL1170" s="1106"/>
      <c r="BM1170" s="1106"/>
      <c r="BN1170" s="1106"/>
      <c r="BO1170" s="1106"/>
      <c r="BP1170" s="1106"/>
      <c r="BQ1170" s="1106"/>
      <c r="BR1170" s="1106"/>
      <c r="BS1170" s="1106"/>
      <c r="BT1170" s="1106"/>
      <c r="BU1170" s="1106"/>
      <c r="BV1170" s="1106"/>
      <c r="BW1170" s="1106"/>
      <c r="BX1170" s="1106"/>
      <c r="BY1170" s="1106"/>
      <c r="BZ1170" s="1106"/>
      <c r="CA1170" s="1106"/>
    </row>
    <row r="1171" spans="3:79" ht="9" customHeight="1" x14ac:dyDescent="0.2">
      <c r="C1171" s="1106"/>
      <c r="D1171" s="1106"/>
      <c r="E1171" s="1106"/>
      <c r="F1171" s="1106"/>
      <c r="G1171" s="1106"/>
      <c r="H1171" s="1106"/>
      <c r="I1171" s="1106"/>
      <c r="J1171" s="1106"/>
      <c r="K1171" s="1106"/>
      <c r="L1171" s="1106"/>
      <c r="M1171" s="1106"/>
      <c r="N1171" s="1106"/>
      <c r="O1171" s="1106"/>
      <c r="AB1171" s="1106"/>
      <c r="AC1171" s="1106"/>
      <c r="AD1171" s="1106"/>
      <c r="AE1171" s="1106"/>
      <c r="AF1171" s="1106"/>
      <c r="AG1171" s="1106"/>
      <c r="AH1171" s="1106"/>
      <c r="AL1171" s="1106"/>
      <c r="AZ1171" s="1106"/>
      <c r="BA1171" s="1106"/>
      <c r="BB1171" s="1106"/>
      <c r="BC1171" s="1106"/>
      <c r="BD1171" s="1106"/>
      <c r="BE1171" s="1106"/>
      <c r="BF1171" s="1106"/>
      <c r="BG1171" s="1106"/>
      <c r="BH1171" s="1106"/>
      <c r="BI1171" s="1106"/>
      <c r="BJ1171" s="1106"/>
      <c r="BK1171" s="1106"/>
      <c r="BL1171" s="1106"/>
      <c r="BM1171" s="1106"/>
      <c r="BN1171" s="1106"/>
      <c r="BO1171" s="1106"/>
      <c r="BP1171" s="1106"/>
      <c r="BQ1171" s="1106"/>
      <c r="BR1171" s="1106"/>
      <c r="BS1171" s="1106"/>
      <c r="BT1171" s="1106"/>
      <c r="BU1171" s="1106"/>
      <c r="BV1171" s="1106"/>
      <c r="BW1171" s="1106"/>
      <c r="BX1171" s="1106"/>
      <c r="BY1171" s="1106"/>
      <c r="BZ1171" s="1106"/>
      <c r="CA1171" s="1106"/>
    </row>
    <row r="1172" spans="3:79" ht="9" customHeight="1" x14ac:dyDescent="0.2">
      <c r="C1172" s="1106"/>
      <c r="D1172" s="1106"/>
      <c r="E1172" s="1106"/>
      <c r="F1172" s="1106"/>
      <c r="G1172" s="1106"/>
      <c r="H1172" s="1106"/>
      <c r="I1172" s="1106"/>
      <c r="J1172" s="1106"/>
      <c r="K1172" s="1106"/>
      <c r="L1172" s="1106"/>
      <c r="M1172" s="1106"/>
      <c r="N1172" s="1106"/>
      <c r="O1172" s="1106"/>
      <c r="AB1172" s="1106"/>
      <c r="AC1172" s="1106"/>
      <c r="AD1172" s="1106"/>
      <c r="AE1172" s="1106"/>
      <c r="AF1172" s="1106"/>
      <c r="AG1172" s="1106"/>
      <c r="AH1172" s="1106"/>
      <c r="AL1172" s="1106"/>
      <c r="AZ1172" s="1106"/>
      <c r="BA1172" s="1106"/>
      <c r="BB1172" s="1106"/>
      <c r="BC1172" s="1106"/>
      <c r="BD1172" s="1106"/>
      <c r="BE1172" s="1106"/>
      <c r="BF1172" s="1106"/>
      <c r="BG1172" s="1106"/>
      <c r="BH1172" s="1106"/>
      <c r="BI1172" s="1106"/>
      <c r="BJ1172" s="1106"/>
      <c r="BK1172" s="1106"/>
      <c r="BL1172" s="1106"/>
      <c r="BM1172" s="1106"/>
      <c r="BN1172" s="1106"/>
      <c r="BO1172" s="1106"/>
      <c r="BP1172" s="1106"/>
      <c r="BQ1172" s="1106"/>
      <c r="BR1172" s="1106"/>
      <c r="BS1172" s="1106"/>
      <c r="BT1172" s="1106"/>
      <c r="BU1172" s="1106"/>
      <c r="BV1172" s="1106"/>
      <c r="BW1172" s="1106"/>
      <c r="BX1172" s="1106"/>
      <c r="BY1172" s="1106"/>
      <c r="BZ1172" s="1106"/>
      <c r="CA1172" s="1106"/>
    </row>
    <row r="1173" spans="3:79" ht="9" customHeight="1" x14ac:dyDescent="0.2">
      <c r="C1173" s="1106"/>
      <c r="D1173" s="1106"/>
      <c r="E1173" s="1106"/>
      <c r="F1173" s="1106"/>
      <c r="G1173" s="1106"/>
      <c r="H1173" s="1106"/>
      <c r="I1173" s="1106"/>
      <c r="J1173" s="1106"/>
      <c r="K1173" s="1106"/>
      <c r="L1173" s="1106"/>
      <c r="M1173" s="1106"/>
      <c r="N1173" s="1106"/>
      <c r="O1173" s="1106"/>
      <c r="AB1173" s="1106"/>
      <c r="AC1173" s="1106"/>
      <c r="AD1173" s="1106"/>
      <c r="AE1173" s="1106"/>
      <c r="AF1173" s="1106"/>
      <c r="AG1173" s="1106"/>
      <c r="AH1173" s="1106"/>
      <c r="AL1173" s="1106"/>
      <c r="AZ1173" s="1106"/>
      <c r="BA1173" s="1106"/>
      <c r="BB1173" s="1106"/>
      <c r="BC1173" s="1106"/>
      <c r="BD1173" s="1106"/>
      <c r="BE1173" s="1106"/>
      <c r="BF1173" s="1106"/>
      <c r="BG1173" s="1106"/>
      <c r="BH1173" s="1106"/>
      <c r="BI1173" s="1106"/>
      <c r="BJ1173" s="1106"/>
      <c r="BK1173" s="1106"/>
      <c r="BL1173" s="1106"/>
      <c r="BM1173" s="1106"/>
      <c r="BN1173" s="1106"/>
      <c r="BO1173" s="1106"/>
      <c r="BP1173" s="1106"/>
      <c r="BQ1173" s="1106"/>
      <c r="BR1173" s="1106"/>
      <c r="BS1173" s="1106"/>
      <c r="BT1173" s="1106"/>
      <c r="BU1173" s="1106"/>
      <c r="BV1173" s="1106"/>
      <c r="BW1173" s="1106"/>
      <c r="BX1173" s="1106"/>
      <c r="BY1173" s="1106"/>
      <c r="BZ1173" s="1106"/>
      <c r="CA1173" s="1106"/>
    </row>
    <row r="1174" spans="3:79" ht="9" customHeight="1" x14ac:dyDescent="0.2">
      <c r="C1174" s="1106"/>
      <c r="D1174" s="1106"/>
      <c r="E1174" s="1106"/>
      <c r="F1174" s="1106"/>
      <c r="G1174" s="1106"/>
      <c r="H1174" s="1106"/>
      <c r="I1174" s="1106"/>
      <c r="J1174" s="1106"/>
      <c r="K1174" s="1106"/>
      <c r="L1174" s="1106"/>
      <c r="M1174" s="1106"/>
      <c r="N1174" s="1106"/>
      <c r="O1174" s="1106"/>
      <c r="U1174" s="1106"/>
      <c r="AB1174" s="1106"/>
      <c r="AC1174" s="1106"/>
      <c r="AD1174" s="1106"/>
      <c r="AE1174" s="1106"/>
      <c r="AF1174" s="1106"/>
      <c r="AG1174" s="1106"/>
      <c r="AH1174" s="1106"/>
      <c r="AL1174" s="1106"/>
      <c r="AT1174" s="1106"/>
      <c r="AU1174" s="1106"/>
      <c r="AV1174" s="1106"/>
      <c r="AW1174" s="1106"/>
      <c r="AX1174" s="1106"/>
      <c r="AY1174" s="1106"/>
      <c r="AZ1174" s="1106"/>
      <c r="BA1174" s="1106"/>
      <c r="BB1174" s="1106"/>
      <c r="BC1174" s="1106"/>
      <c r="BD1174" s="1106"/>
      <c r="BE1174" s="1106"/>
      <c r="BF1174" s="1106"/>
      <c r="BG1174" s="1106"/>
      <c r="BH1174" s="1106"/>
      <c r="BI1174" s="1106"/>
      <c r="BJ1174" s="1106"/>
      <c r="BK1174" s="1106"/>
      <c r="BL1174" s="1106"/>
      <c r="BM1174" s="1106"/>
      <c r="BN1174" s="1106"/>
      <c r="BO1174" s="1106"/>
      <c r="BP1174" s="1106"/>
      <c r="BQ1174" s="1106"/>
      <c r="BR1174" s="1106"/>
      <c r="BS1174" s="1106"/>
      <c r="BT1174" s="1106"/>
      <c r="BU1174" s="1106"/>
      <c r="BV1174" s="1106"/>
      <c r="BW1174" s="1106"/>
      <c r="BX1174" s="1106"/>
      <c r="BY1174" s="1106"/>
      <c r="BZ1174" s="1106"/>
      <c r="CA1174" s="1106"/>
    </row>
    <row r="1175" spans="3:79" ht="9" customHeight="1" x14ac:dyDescent="0.2">
      <c r="C1175" s="1106"/>
      <c r="D1175" s="1106"/>
      <c r="E1175" s="1106"/>
      <c r="F1175" s="1106"/>
      <c r="G1175" s="1106"/>
      <c r="H1175" s="1106"/>
      <c r="I1175" s="1106"/>
      <c r="J1175" s="1106"/>
      <c r="K1175" s="1106"/>
      <c r="L1175" s="1106"/>
      <c r="M1175" s="1106"/>
      <c r="N1175" s="1106"/>
      <c r="O1175" s="1106"/>
      <c r="U1175" s="1106"/>
      <c r="AB1175" s="1106"/>
      <c r="AC1175" s="1106"/>
      <c r="AD1175" s="1106"/>
      <c r="AE1175" s="1106"/>
      <c r="AF1175" s="1106"/>
      <c r="AG1175" s="1106"/>
      <c r="AH1175" s="1106"/>
      <c r="AL1175" s="1106"/>
      <c r="AO1175" s="1106"/>
      <c r="AP1175" s="1106"/>
      <c r="AT1175" s="1106"/>
      <c r="AU1175" s="1106"/>
      <c r="AV1175" s="1106"/>
      <c r="AW1175" s="1106"/>
      <c r="AX1175" s="1106"/>
      <c r="AY1175" s="1106"/>
      <c r="AZ1175" s="1106"/>
      <c r="BA1175" s="1106"/>
      <c r="BB1175" s="1106"/>
      <c r="BC1175" s="1106"/>
      <c r="BD1175" s="1106"/>
      <c r="BE1175" s="1106"/>
      <c r="BF1175" s="1106"/>
      <c r="BG1175" s="1106"/>
      <c r="BH1175" s="1106"/>
      <c r="BI1175" s="1106"/>
      <c r="BJ1175" s="1106"/>
      <c r="BK1175" s="1106"/>
      <c r="BL1175" s="1106"/>
      <c r="BM1175" s="1106"/>
      <c r="BN1175" s="1106"/>
      <c r="BO1175" s="1106"/>
      <c r="BP1175" s="1106"/>
      <c r="BQ1175" s="1106"/>
      <c r="BR1175" s="1106"/>
      <c r="BS1175" s="1106"/>
      <c r="BT1175" s="1106"/>
      <c r="BU1175" s="1106"/>
      <c r="BV1175" s="1106"/>
      <c r="BW1175" s="1106"/>
      <c r="BX1175" s="1106"/>
      <c r="BY1175" s="1106"/>
      <c r="BZ1175" s="1106"/>
      <c r="CA1175" s="1106"/>
    </row>
    <row r="1176" spans="3:79" ht="9" customHeight="1" x14ac:dyDescent="0.2">
      <c r="C1176" s="1106"/>
      <c r="D1176" s="1106"/>
      <c r="E1176" s="1106"/>
      <c r="F1176" s="1106"/>
      <c r="G1176" s="1106"/>
      <c r="H1176" s="1106"/>
      <c r="I1176" s="1106"/>
      <c r="J1176" s="1106"/>
      <c r="K1176" s="1106"/>
      <c r="L1176" s="1106"/>
      <c r="M1176" s="1106"/>
      <c r="N1176" s="1106"/>
      <c r="O1176" s="1106"/>
      <c r="U1176" s="1106"/>
      <c r="AB1176" s="1106"/>
      <c r="AC1176" s="1106"/>
      <c r="AD1176" s="1106"/>
      <c r="AE1176" s="1106"/>
      <c r="AF1176" s="1106"/>
      <c r="AG1176" s="1106"/>
      <c r="AH1176" s="1106"/>
      <c r="AL1176" s="1106"/>
      <c r="AT1176" s="1106"/>
      <c r="AU1176" s="1106"/>
      <c r="AV1176" s="1106"/>
      <c r="AW1176" s="1106"/>
      <c r="AX1176" s="1106"/>
      <c r="AY1176" s="1106"/>
      <c r="AZ1176" s="1106"/>
      <c r="BA1176" s="1106"/>
      <c r="BB1176" s="1106"/>
      <c r="BC1176" s="1106"/>
      <c r="BD1176" s="1106"/>
      <c r="BE1176" s="1106"/>
      <c r="BF1176" s="1106"/>
      <c r="BG1176" s="1106"/>
      <c r="BH1176" s="1106"/>
      <c r="BI1176" s="1106"/>
      <c r="BJ1176" s="1106"/>
      <c r="BK1176" s="1106"/>
      <c r="BL1176" s="1106"/>
      <c r="BM1176" s="1106"/>
      <c r="BN1176" s="1106"/>
      <c r="BO1176" s="1106"/>
      <c r="BP1176" s="1106"/>
      <c r="BQ1176" s="1106"/>
      <c r="BR1176" s="1106"/>
      <c r="BS1176" s="1106"/>
      <c r="BT1176" s="1106"/>
      <c r="BU1176" s="1106"/>
      <c r="BV1176" s="1106"/>
      <c r="BW1176" s="1106"/>
      <c r="BX1176" s="1106"/>
      <c r="BY1176" s="1106"/>
      <c r="BZ1176" s="1106"/>
      <c r="CA1176" s="1106"/>
    </row>
    <row r="1177" spans="3:79" ht="9" customHeight="1" x14ac:dyDescent="0.2">
      <c r="C1177" s="1106"/>
      <c r="D1177" s="1106"/>
      <c r="E1177" s="1106"/>
      <c r="F1177" s="1106"/>
      <c r="G1177" s="1106"/>
      <c r="H1177" s="1106"/>
      <c r="I1177" s="1106"/>
      <c r="J1177" s="1106"/>
      <c r="K1177" s="1106"/>
      <c r="L1177" s="1106"/>
      <c r="M1177" s="1106"/>
      <c r="N1177" s="1106"/>
      <c r="O1177" s="1106"/>
      <c r="AB1177" s="1106"/>
      <c r="AC1177" s="1106"/>
      <c r="AD1177" s="1106"/>
      <c r="AE1177" s="1106"/>
      <c r="AF1177" s="1106"/>
      <c r="AG1177" s="1106"/>
      <c r="AH1177" s="1106"/>
      <c r="AL1177" s="1106"/>
      <c r="AZ1177" s="1106"/>
      <c r="BA1177" s="1106"/>
      <c r="BB1177" s="1106"/>
      <c r="BC1177" s="1106"/>
      <c r="BD1177" s="1106"/>
      <c r="BE1177" s="1106"/>
      <c r="BF1177" s="1106"/>
      <c r="BG1177" s="1106"/>
      <c r="BH1177" s="1106"/>
      <c r="BI1177" s="1106"/>
      <c r="BJ1177" s="1106"/>
      <c r="BK1177" s="1106"/>
      <c r="BL1177" s="1106"/>
      <c r="BM1177" s="1106"/>
      <c r="BN1177" s="1106"/>
      <c r="BO1177" s="1106"/>
      <c r="BP1177" s="1106"/>
      <c r="BQ1177" s="1106"/>
      <c r="BR1177" s="1106"/>
      <c r="BS1177" s="1106"/>
      <c r="BT1177" s="1106"/>
      <c r="BU1177" s="1106"/>
      <c r="BV1177" s="1106"/>
      <c r="BW1177" s="1106"/>
      <c r="BX1177" s="1106"/>
      <c r="BY1177" s="1106"/>
      <c r="BZ1177" s="1106"/>
      <c r="CA1177" s="1106"/>
    </row>
    <row r="1178" spans="3:79" ht="9" customHeight="1" x14ac:dyDescent="0.2">
      <c r="C1178" s="1106"/>
      <c r="D1178" s="1106"/>
      <c r="E1178" s="1106"/>
      <c r="F1178" s="1106"/>
      <c r="G1178" s="1106"/>
      <c r="H1178" s="1106"/>
      <c r="I1178" s="1106"/>
      <c r="J1178" s="1106"/>
      <c r="K1178" s="1106"/>
      <c r="L1178" s="1106"/>
      <c r="M1178" s="1106"/>
      <c r="N1178" s="1106"/>
      <c r="O1178" s="1106"/>
      <c r="AB1178" s="1106"/>
      <c r="AC1178" s="1106"/>
      <c r="AD1178" s="1106"/>
      <c r="AE1178" s="1106"/>
      <c r="AF1178" s="1106"/>
      <c r="AG1178" s="1106"/>
      <c r="AH1178" s="1106"/>
      <c r="AL1178" s="1106"/>
      <c r="AZ1178" s="1106"/>
      <c r="BA1178" s="1106"/>
      <c r="BB1178" s="1106"/>
      <c r="BC1178" s="1106"/>
      <c r="BD1178" s="1106"/>
      <c r="BE1178" s="1106"/>
      <c r="BF1178" s="1106"/>
      <c r="BG1178" s="1106"/>
      <c r="BH1178" s="1106"/>
      <c r="BI1178" s="1106"/>
      <c r="BJ1178" s="1106"/>
      <c r="BK1178" s="1106"/>
      <c r="BL1178" s="1106"/>
      <c r="BM1178" s="1106"/>
      <c r="BN1178" s="1106"/>
      <c r="BO1178" s="1106"/>
      <c r="BP1178" s="1106"/>
      <c r="BQ1178" s="1106"/>
      <c r="BR1178" s="1106"/>
      <c r="BS1178" s="1106"/>
      <c r="BT1178" s="1106"/>
      <c r="BU1178" s="1106"/>
      <c r="BV1178" s="1106"/>
      <c r="BW1178" s="1106"/>
      <c r="BX1178" s="1106"/>
      <c r="BY1178" s="1106"/>
      <c r="BZ1178" s="1106"/>
      <c r="CA1178" s="1106"/>
    </row>
    <row r="1179" spans="3:79" ht="9" customHeight="1" x14ac:dyDescent="0.2">
      <c r="C1179" s="1106"/>
      <c r="D1179" s="1106"/>
      <c r="E1179" s="1106"/>
      <c r="F1179" s="1106"/>
      <c r="G1179" s="1106"/>
      <c r="H1179" s="1106"/>
      <c r="I1179" s="1106"/>
      <c r="J1179" s="1106"/>
      <c r="K1179" s="1106"/>
      <c r="L1179" s="1106"/>
      <c r="M1179" s="1106"/>
      <c r="N1179" s="1106"/>
      <c r="O1179" s="1106"/>
      <c r="AB1179" s="1106"/>
      <c r="AC1179" s="1106"/>
      <c r="AD1179" s="1106"/>
      <c r="AE1179" s="1106"/>
      <c r="AF1179" s="1106"/>
      <c r="AG1179" s="1106"/>
      <c r="AH1179" s="1106"/>
      <c r="AL1179" s="1106"/>
      <c r="AZ1179" s="1106"/>
      <c r="BA1179" s="1106"/>
      <c r="BB1179" s="1106"/>
      <c r="BC1179" s="1106"/>
      <c r="BD1179" s="1106"/>
      <c r="BE1179" s="1106"/>
      <c r="BF1179" s="1106"/>
      <c r="BG1179" s="1106"/>
      <c r="BH1179" s="1106"/>
      <c r="BI1179" s="1106"/>
      <c r="BJ1179" s="1106"/>
      <c r="BK1179" s="1106"/>
      <c r="BL1179" s="1106"/>
      <c r="BM1179" s="1106"/>
      <c r="BN1179" s="1106"/>
      <c r="BO1179" s="1106"/>
      <c r="BP1179" s="1106"/>
      <c r="BQ1179" s="1106"/>
      <c r="BR1179" s="1106"/>
      <c r="BS1179" s="1106"/>
      <c r="BT1179" s="1106"/>
      <c r="BU1179" s="1106"/>
      <c r="BV1179" s="1106"/>
      <c r="BW1179" s="1106"/>
      <c r="BX1179" s="1106"/>
      <c r="BY1179" s="1106"/>
      <c r="BZ1179" s="1106"/>
      <c r="CA1179" s="1106"/>
    </row>
    <row r="1180" spans="3:79" ht="9" customHeight="1" x14ac:dyDescent="0.2">
      <c r="C1180" s="1106"/>
      <c r="D1180" s="1106"/>
      <c r="E1180" s="1106"/>
      <c r="F1180" s="1106"/>
      <c r="G1180" s="1106"/>
      <c r="H1180" s="1106"/>
      <c r="I1180" s="1106"/>
      <c r="J1180" s="1106"/>
      <c r="K1180" s="1106"/>
      <c r="L1180" s="1106"/>
      <c r="M1180" s="1106"/>
      <c r="N1180" s="1106"/>
      <c r="O1180" s="1106"/>
      <c r="U1180" s="1106"/>
      <c r="AB1180" s="1106"/>
      <c r="AC1180" s="1106"/>
      <c r="AD1180" s="1106"/>
      <c r="AE1180" s="1106"/>
      <c r="AF1180" s="1106"/>
      <c r="AG1180" s="1106"/>
      <c r="AH1180" s="1106"/>
      <c r="AL1180" s="1106"/>
      <c r="AT1180" s="1106"/>
      <c r="AU1180" s="1106"/>
      <c r="AV1180" s="1106"/>
      <c r="AW1180" s="1106"/>
      <c r="AX1180" s="1106"/>
      <c r="AY1180" s="1106"/>
      <c r="AZ1180" s="1106"/>
      <c r="BA1180" s="1106"/>
      <c r="BB1180" s="1106"/>
      <c r="BC1180" s="1106"/>
      <c r="BD1180" s="1106"/>
      <c r="BE1180" s="1106"/>
      <c r="BF1180" s="1106"/>
      <c r="BG1180" s="1106"/>
      <c r="BH1180" s="1106"/>
      <c r="BI1180" s="1106"/>
      <c r="BJ1180" s="1106"/>
      <c r="BK1180" s="1106"/>
      <c r="BL1180" s="1106"/>
      <c r="BM1180" s="1106"/>
      <c r="BN1180" s="1106"/>
      <c r="BO1180" s="1106"/>
      <c r="BP1180" s="1106"/>
      <c r="BQ1180" s="1106"/>
      <c r="BR1180" s="1106"/>
      <c r="BS1180" s="1106"/>
      <c r="BT1180" s="1106"/>
      <c r="BU1180" s="1106"/>
      <c r="BV1180" s="1106"/>
      <c r="BW1180" s="1106"/>
      <c r="BX1180" s="1106"/>
      <c r="BY1180" s="1106"/>
      <c r="BZ1180" s="1106"/>
      <c r="CA1180" s="1106"/>
    </row>
    <row r="1181" spans="3:79" ht="9" customHeight="1" x14ac:dyDescent="0.2">
      <c r="C1181" s="1106"/>
      <c r="D1181" s="1106"/>
      <c r="E1181" s="1106"/>
      <c r="F1181" s="1106"/>
      <c r="G1181" s="1106"/>
      <c r="H1181" s="1106"/>
      <c r="I1181" s="1106"/>
      <c r="J1181" s="1106"/>
      <c r="K1181" s="1106"/>
      <c r="L1181" s="1106"/>
      <c r="M1181" s="1106"/>
      <c r="N1181" s="1106"/>
      <c r="O1181" s="1106"/>
      <c r="U1181" s="1106"/>
      <c r="AB1181" s="1106"/>
      <c r="AC1181" s="1106"/>
      <c r="AD1181" s="1106"/>
      <c r="AE1181" s="1106"/>
      <c r="AF1181" s="1106"/>
      <c r="AG1181" s="1106"/>
      <c r="AH1181" s="1106"/>
      <c r="AL1181" s="1106"/>
      <c r="AO1181" s="1106"/>
      <c r="AP1181" s="1106"/>
      <c r="AT1181" s="1106"/>
      <c r="AU1181" s="1106"/>
      <c r="AV1181" s="1106"/>
      <c r="AW1181" s="1106"/>
      <c r="AX1181" s="1106"/>
      <c r="AY1181" s="1106"/>
      <c r="AZ1181" s="1106"/>
      <c r="BA1181" s="1106"/>
      <c r="BB1181" s="1106"/>
      <c r="BC1181" s="1106"/>
      <c r="BD1181" s="1106"/>
      <c r="BE1181" s="1106"/>
      <c r="BF1181" s="1106"/>
      <c r="BG1181" s="1106"/>
      <c r="BH1181" s="1106"/>
      <c r="BI1181" s="1106"/>
      <c r="BJ1181" s="1106"/>
      <c r="BK1181" s="1106"/>
      <c r="BL1181" s="1106"/>
      <c r="BM1181" s="1106"/>
      <c r="BN1181" s="1106"/>
      <c r="BO1181" s="1106"/>
      <c r="BP1181" s="1106"/>
      <c r="BQ1181" s="1106"/>
      <c r="BR1181" s="1106"/>
      <c r="BS1181" s="1106"/>
      <c r="BT1181" s="1106"/>
      <c r="BU1181" s="1106"/>
      <c r="BV1181" s="1106"/>
      <c r="BW1181" s="1106"/>
      <c r="BX1181" s="1106"/>
      <c r="BY1181" s="1106"/>
      <c r="BZ1181" s="1106"/>
      <c r="CA1181" s="1106"/>
    </row>
    <row r="1182" spans="3:79" ht="9" customHeight="1" x14ac:dyDescent="0.2">
      <c r="C1182" s="1106"/>
      <c r="D1182" s="1106"/>
      <c r="E1182" s="1106"/>
      <c r="F1182" s="1106"/>
      <c r="G1182" s="1106"/>
      <c r="H1182" s="1106"/>
      <c r="I1182" s="1106"/>
      <c r="J1182" s="1106"/>
      <c r="K1182" s="1106"/>
      <c r="L1182" s="1106"/>
      <c r="M1182" s="1106"/>
      <c r="N1182" s="1106"/>
      <c r="O1182" s="1106"/>
      <c r="U1182" s="1106"/>
      <c r="AB1182" s="1106"/>
      <c r="AC1182" s="1106"/>
      <c r="AD1182" s="1106"/>
      <c r="AE1182" s="1106"/>
      <c r="AF1182" s="1106"/>
      <c r="AG1182" s="1106"/>
      <c r="AH1182" s="1106"/>
      <c r="AL1182" s="1106"/>
      <c r="AT1182" s="1106"/>
      <c r="AU1182" s="1106"/>
      <c r="AV1182" s="1106"/>
      <c r="AW1182" s="1106"/>
      <c r="AX1182" s="1106"/>
      <c r="AY1182" s="1106"/>
      <c r="AZ1182" s="1106"/>
      <c r="BA1182" s="1106"/>
      <c r="BB1182" s="1106"/>
      <c r="BC1182" s="1106"/>
      <c r="BD1182" s="1106"/>
      <c r="BE1182" s="1106"/>
      <c r="BF1182" s="1106"/>
      <c r="BG1182" s="1106"/>
      <c r="BH1182" s="1106"/>
      <c r="BI1182" s="1106"/>
      <c r="BJ1182" s="1106"/>
      <c r="BK1182" s="1106"/>
      <c r="BL1182" s="1106"/>
      <c r="BM1182" s="1106"/>
      <c r="BN1182" s="1106"/>
      <c r="BO1182" s="1106"/>
      <c r="BP1182" s="1106"/>
      <c r="BQ1182" s="1106"/>
      <c r="BR1182" s="1106"/>
      <c r="BS1182" s="1106"/>
      <c r="BT1182" s="1106"/>
      <c r="BU1182" s="1106"/>
      <c r="BV1182" s="1106"/>
      <c r="BW1182" s="1106"/>
      <c r="BX1182" s="1106"/>
      <c r="BY1182" s="1106"/>
      <c r="BZ1182" s="1106"/>
      <c r="CA1182" s="1106"/>
    </row>
    <row r="1183" spans="3:79" ht="9" customHeight="1" x14ac:dyDescent="0.2">
      <c r="C1183" s="1106"/>
      <c r="D1183" s="1106"/>
      <c r="E1183" s="1106"/>
      <c r="F1183" s="1106"/>
      <c r="G1183" s="1106"/>
      <c r="H1183" s="1106"/>
      <c r="I1183" s="1106"/>
      <c r="J1183" s="1106"/>
      <c r="K1183" s="1106"/>
      <c r="L1183" s="1106"/>
      <c r="M1183" s="1106"/>
      <c r="N1183" s="1106"/>
      <c r="O1183" s="1106"/>
      <c r="AB1183" s="1106"/>
      <c r="AC1183" s="1106"/>
      <c r="AD1183" s="1106"/>
      <c r="AE1183" s="1106"/>
      <c r="AF1183" s="1106"/>
      <c r="AG1183" s="1106"/>
      <c r="AH1183" s="1106"/>
      <c r="AL1183" s="1106"/>
      <c r="AZ1183" s="1106"/>
      <c r="BA1183" s="1106"/>
      <c r="BB1183" s="1106"/>
      <c r="BC1183" s="1106"/>
      <c r="BD1183" s="1106"/>
      <c r="BE1183" s="1106"/>
      <c r="BF1183" s="1106"/>
      <c r="BG1183" s="1106"/>
      <c r="BH1183" s="1106"/>
      <c r="BI1183" s="1106"/>
      <c r="BJ1183" s="1106"/>
      <c r="BK1183" s="1106"/>
      <c r="BL1183" s="1106"/>
      <c r="BM1183" s="1106"/>
      <c r="BN1183" s="1106"/>
      <c r="BO1183" s="1106"/>
      <c r="BP1183" s="1106"/>
      <c r="BQ1183" s="1106"/>
      <c r="BR1183" s="1106"/>
      <c r="BS1183" s="1106"/>
      <c r="BT1183" s="1106"/>
      <c r="BU1183" s="1106"/>
      <c r="BV1183" s="1106"/>
      <c r="BW1183" s="1106"/>
      <c r="BX1183" s="1106"/>
      <c r="BY1183" s="1106"/>
      <c r="BZ1183" s="1106"/>
      <c r="CA1183" s="1106"/>
    </row>
    <row r="1184" spans="3:79" ht="9" customHeight="1" x14ac:dyDescent="0.2">
      <c r="C1184" s="1106"/>
      <c r="D1184" s="1106"/>
      <c r="E1184" s="1106"/>
      <c r="F1184" s="1106"/>
      <c r="G1184" s="1106"/>
      <c r="H1184" s="1106"/>
      <c r="I1184" s="1106"/>
      <c r="J1184" s="1106"/>
      <c r="K1184" s="1106"/>
      <c r="L1184" s="1106"/>
      <c r="M1184" s="1106"/>
      <c r="N1184" s="1106"/>
      <c r="O1184" s="1106"/>
      <c r="AB1184" s="1106"/>
      <c r="AC1184" s="1106"/>
      <c r="AD1184" s="1106"/>
      <c r="AE1184" s="1106"/>
      <c r="AF1184" s="1106"/>
      <c r="AG1184" s="1106"/>
      <c r="AH1184" s="1106"/>
      <c r="AL1184" s="1106"/>
      <c r="AZ1184" s="1106"/>
      <c r="BA1184" s="1106"/>
      <c r="BB1184" s="1106"/>
      <c r="BC1184" s="1106"/>
      <c r="BD1184" s="1106"/>
      <c r="BE1184" s="1106"/>
      <c r="BF1184" s="1106"/>
      <c r="BG1184" s="1106"/>
      <c r="BH1184" s="1106"/>
      <c r="BI1184" s="1106"/>
      <c r="BJ1184" s="1106"/>
      <c r="BK1184" s="1106"/>
      <c r="BL1184" s="1106"/>
      <c r="BM1184" s="1106"/>
      <c r="BN1184" s="1106"/>
      <c r="BO1184" s="1106"/>
      <c r="BP1184" s="1106"/>
      <c r="BQ1184" s="1106"/>
      <c r="BR1184" s="1106"/>
      <c r="BS1184" s="1106"/>
      <c r="BT1184" s="1106"/>
      <c r="BU1184" s="1106"/>
      <c r="BV1184" s="1106"/>
      <c r="BW1184" s="1106"/>
      <c r="BX1184" s="1106"/>
      <c r="BY1184" s="1106"/>
      <c r="BZ1184" s="1106"/>
      <c r="CA1184" s="1106"/>
    </row>
    <row r="1185" spans="3:79" ht="9" customHeight="1" x14ac:dyDescent="0.2">
      <c r="C1185" s="1106"/>
      <c r="D1185" s="1106"/>
      <c r="E1185" s="1106"/>
      <c r="F1185" s="1106"/>
      <c r="G1185" s="1106"/>
      <c r="H1185" s="1106"/>
      <c r="I1185" s="1106"/>
      <c r="J1185" s="1106"/>
      <c r="K1185" s="1106"/>
      <c r="L1185" s="1106"/>
      <c r="M1185" s="1106"/>
      <c r="N1185" s="1106"/>
      <c r="O1185" s="1106"/>
      <c r="AB1185" s="1106"/>
      <c r="AC1185" s="1106"/>
      <c r="AD1185" s="1106"/>
      <c r="AE1185" s="1106"/>
      <c r="AF1185" s="1106"/>
      <c r="AG1185" s="1106"/>
      <c r="AH1185" s="1106"/>
      <c r="AL1185" s="1106"/>
      <c r="AZ1185" s="1106"/>
      <c r="BA1185" s="1106"/>
      <c r="BB1185" s="1106"/>
      <c r="BC1185" s="1106"/>
      <c r="BD1185" s="1106"/>
      <c r="BE1185" s="1106"/>
      <c r="BF1185" s="1106"/>
      <c r="BG1185" s="1106"/>
      <c r="BH1185" s="1106"/>
      <c r="BI1185" s="1106"/>
      <c r="BJ1185" s="1106"/>
      <c r="BK1185" s="1106"/>
      <c r="BL1185" s="1106"/>
      <c r="BM1185" s="1106"/>
      <c r="BN1185" s="1106"/>
      <c r="BO1185" s="1106"/>
      <c r="BP1185" s="1106"/>
      <c r="BQ1185" s="1106"/>
      <c r="BR1185" s="1106"/>
      <c r="BS1185" s="1106"/>
      <c r="BT1185" s="1106"/>
      <c r="BU1185" s="1106"/>
      <c r="BV1185" s="1106"/>
      <c r="BW1185" s="1106"/>
      <c r="BX1185" s="1106"/>
      <c r="BY1185" s="1106"/>
      <c r="BZ1185" s="1106"/>
      <c r="CA1185" s="1106"/>
    </row>
    <row r="1186" spans="3:79" ht="9" customHeight="1" x14ac:dyDescent="0.2">
      <c r="C1186" s="1106"/>
      <c r="D1186" s="1106"/>
      <c r="E1186" s="1106"/>
      <c r="F1186" s="1106"/>
      <c r="G1186" s="1106"/>
      <c r="H1186" s="1106"/>
      <c r="I1186" s="1106"/>
      <c r="J1186" s="1106"/>
      <c r="K1186" s="1106"/>
      <c r="L1186" s="1106"/>
      <c r="M1186" s="1106"/>
      <c r="N1186" s="1106"/>
      <c r="O1186" s="1106"/>
      <c r="U1186" s="1106"/>
      <c r="AB1186" s="1106"/>
      <c r="AC1186" s="1106"/>
      <c r="AD1186" s="1106"/>
      <c r="AE1186" s="1106"/>
      <c r="AF1186" s="1106"/>
      <c r="AG1186" s="1106"/>
      <c r="AH1186" s="1106"/>
      <c r="AL1186" s="1106"/>
      <c r="AT1186" s="1106"/>
      <c r="AU1186" s="1106"/>
      <c r="AV1186" s="1106"/>
      <c r="AW1186" s="1106"/>
      <c r="AX1186" s="1106"/>
      <c r="AY1186" s="1106"/>
      <c r="AZ1186" s="1106"/>
      <c r="BA1186" s="1106"/>
      <c r="BB1186" s="1106"/>
      <c r="BC1186" s="1106"/>
      <c r="BD1186" s="1106"/>
      <c r="BE1186" s="1106"/>
      <c r="BF1186" s="1106"/>
      <c r="BG1186" s="1106"/>
      <c r="BH1186" s="1106"/>
      <c r="BI1186" s="1106"/>
      <c r="BJ1186" s="1106"/>
      <c r="BK1186" s="1106"/>
      <c r="BL1186" s="1106"/>
      <c r="BM1186" s="1106"/>
      <c r="BN1186" s="1106"/>
      <c r="BO1186" s="1106"/>
      <c r="BP1186" s="1106"/>
      <c r="BQ1186" s="1106"/>
      <c r="BR1186" s="1106"/>
      <c r="BS1186" s="1106"/>
      <c r="BT1186" s="1106"/>
      <c r="BU1186" s="1106"/>
      <c r="BV1186" s="1106"/>
      <c r="BW1186" s="1106"/>
      <c r="BX1186" s="1106"/>
      <c r="BY1186" s="1106"/>
      <c r="BZ1186" s="1106"/>
      <c r="CA1186" s="1106"/>
    </row>
    <row r="1187" spans="3:79" ht="9" customHeight="1" x14ac:dyDescent="0.2">
      <c r="C1187" s="1106"/>
      <c r="D1187" s="1106"/>
      <c r="E1187" s="1106"/>
      <c r="F1187" s="1106"/>
      <c r="G1187" s="1106"/>
      <c r="H1187" s="1106"/>
      <c r="I1187" s="1106"/>
      <c r="J1187" s="1106"/>
      <c r="K1187" s="1106"/>
      <c r="L1187" s="1106"/>
      <c r="M1187" s="1106"/>
      <c r="N1187" s="1106"/>
      <c r="O1187" s="1106"/>
      <c r="U1187" s="1106"/>
      <c r="AB1187" s="1106"/>
      <c r="AC1187" s="1106"/>
      <c r="AD1187" s="1106"/>
      <c r="AE1187" s="1106"/>
      <c r="AF1187" s="1106"/>
      <c r="AG1187" s="1106"/>
      <c r="AH1187" s="1106"/>
      <c r="AL1187" s="1106"/>
      <c r="AO1187" s="1106"/>
      <c r="AP1187" s="1106"/>
      <c r="AT1187" s="1106"/>
      <c r="AU1187" s="1106"/>
      <c r="AV1187" s="1106"/>
      <c r="AW1187" s="1106"/>
      <c r="AX1187" s="1106"/>
      <c r="AY1187" s="1106"/>
      <c r="AZ1187" s="1106"/>
      <c r="BA1187" s="1106"/>
      <c r="BB1187" s="1106"/>
      <c r="BC1187" s="1106"/>
      <c r="BD1187" s="1106"/>
      <c r="BE1187" s="1106"/>
      <c r="BF1187" s="1106"/>
      <c r="BG1187" s="1106"/>
      <c r="BH1187" s="1106"/>
      <c r="BI1187" s="1106"/>
      <c r="BJ1187" s="1106"/>
      <c r="BK1187" s="1106"/>
      <c r="BL1187" s="1106"/>
      <c r="BM1187" s="1106"/>
      <c r="BN1187" s="1106"/>
      <c r="BO1187" s="1106"/>
      <c r="BP1187" s="1106"/>
      <c r="BQ1187" s="1106"/>
      <c r="BR1187" s="1106"/>
      <c r="BS1187" s="1106"/>
      <c r="BT1187" s="1106"/>
      <c r="BU1187" s="1106"/>
      <c r="BV1187" s="1106"/>
      <c r="BW1187" s="1106"/>
      <c r="BX1187" s="1106"/>
      <c r="BY1187" s="1106"/>
      <c r="BZ1187" s="1106"/>
      <c r="CA1187" s="1106"/>
    </row>
    <row r="1188" spans="3:79" ht="9" customHeight="1" x14ac:dyDescent="0.2">
      <c r="C1188" s="1106"/>
      <c r="D1188" s="1106"/>
      <c r="E1188" s="1106"/>
      <c r="F1188" s="1106"/>
      <c r="G1188" s="1106"/>
      <c r="H1188" s="1106"/>
      <c r="I1188" s="1106"/>
      <c r="J1188" s="1106"/>
      <c r="K1188" s="1106"/>
      <c r="L1188" s="1106"/>
      <c r="M1188" s="1106"/>
      <c r="N1188" s="1106"/>
      <c r="O1188" s="1106"/>
      <c r="U1188" s="1106"/>
      <c r="AB1188" s="1106"/>
      <c r="AC1188" s="1106"/>
      <c r="AD1188" s="1106"/>
      <c r="AE1188" s="1106"/>
      <c r="AF1188" s="1106"/>
      <c r="AG1188" s="1106"/>
      <c r="AH1188" s="1106"/>
      <c r="AL1188" s="1106"/>
      <c r="AT1188" s="1106"/>
      <c r="AU1188" s="1106"/>
      <c r="AV1188" s="1106"/>
      <c r="AW1188" s="1106"/>
      <c r="AX1188" s="1106"/>
      <c r="AY1188" s="1106"/>
      <c r="AZ1188" s="1106"/>
      <c r="BA1188" s="1106"/>
      <c r="BB1188" s="1106"/>
      <c r="BC1188" s="1106"/>
      <c r="BD1188" s="1106"/>
      <c r="BE1188" s="1106"/>
      <c r="BF1188" s="1106"/>
      <c r="BG1188" s="1106"/>
      <c r="BH1188" s="1106"/>
      <c r="BI1188" s="1106"/>
      <c r="BJ1188" s="1106"/>
      <c r="BK1188" s="1106"/>
      <c r="BL1188" s="1106"/>
      <c r="BM1188" s="1106"/>
      <c r="BN1188" s="1106"/>
      <c r="BO1188" s="1106"/>
      <c r="BP1188" s="1106"/>
      <c r="BQ1188" s="1106"/>
      <c r="BR1188" s="1106"/>
      <c r="BS1188" s="1106"/>
      <c r="BT1188" s="1106"/>
      <c r="BU1188" s="1106"/>
      <c r="BV1188" s="1106"/>
      <c r="BW1188" s="1106"/>
      <c r="BX1188" s="1106"/>
      <c r="BY1188" s="1106"/>
      <c r="BZ1188" s="1106"/>
      <c r="CA1188" s="1106"/>
    </row>
    <row r="1189" spans="3:79" ht="9" customHeight="1" x14ac:dyDescent="0.2">
      <c r="C1189" s="1106"/>
      <c r="D1189" s="1106"/>
      <c r="E1189" s="1106"/>
      <c r="F1189" s="1106"/>
      <c r="G1189" s="1106"/>
      <c r="H1189" s="1106"/>
      <c r="I1189" s="1106"/>
      <c r="J1189" s="1106"/>
      <c r="K1189" s="1106"/>
      <c r="L1189" s="1106"/>
      <c r="M1189" s="1106"/>
      <c r="N1189" s="1106"/>
      <c r="O1189" s="1106"/>
      <c r="AB1189" s="1106"/>
      <c r="AC1189" s="1106"/>
      <c r="AD1189" s="1106"/>
      <c r="AE1189" s="1106"/>
      <c r="AF1189" s="1106"/>
      <c r="AG1189" s="1106"/>
      <c r="AH1189" s="1106"/>
      <c r="AL1189" s="1106"/>
      <c r="AZ1189" s="1106"/>
      <c r="BA1189" s="1106"/>
      <c r="BB1189" s="1106"/>
      <c r="BC1189" s="1106"/>
      <c r="BD1189" s="1106"/>
      <c r="BE1189" s="1106"/>
      <c r="BF1189" s="1106"/>
      <c r="BG1189" s="1106"/>
      <c r="BH1189" s="1106"/>
      <c r="BI1189" s="1106"/>
      <c r="BJ1189" s="1106"/>
      <c r="BK1189" s="1106"/>
      <c r="BL1189" s="1106"/>
      <c r="BM1189" s="1106"/>
      <c r="BN1189" s="1106"/>
      <c r="BO1189" s="1106"/>
      <c r="BP1189" s="1106"/>
      <c r="BQ1189" s="1106"/>
      <c r="BR1189" s="1106"/>
      <c r="BS1189" s="1106"/>
      <c r="BT1189" s="1106"/>
      <c r="BU1189" s="1106"/>
      <c r="BV1189" s="1106"/>
      <c r="BW1189" s="1106"/>
      <c r="BX1189" s="1106"/>
      <c r="BY1189" s="1106"/>
      <c r="BZ1189" s="1106"/>
      <c r="CA1189" s="1106"/>
    </row>
    <row r="1190" spans="3:79" ht="9" customHeight="1" x14ac:dyDescent="0.2">
      <c r="C1190" s="1106"/>
      <c r="D1190" s="1106"/>
      <c r="E1190" s="1106"/>
      <c r="F1190" s="1106"/>
      <c r="G1190" s="1106"/>
      <c r="H1190" s="1106"/>
      <c r="I1190" s="1106"/>
      <c r="J1190" s="1106"/>
      <c r="K1190" s="1106"/>
      <c r="L1190" s="1106"/>
      <c r="M1190" s="1106"/>
      <c r="N1190" s="1106"/>
      <c r="O1190" s="1106"/>
      <c r="AB1190" s="1106"/>
      <c r="AC1190" s="1106"/>
      <c r="AD1190" s="1106"/>
      <c r="AE1190" s="1106"/>
      <c r="AF1190" s="1106"/>
      <c r="AG1190" s="1106"/>
      <c r="AH1190" s="1106"/>
      <c r="AL1190" s="1106"/>
      <c r="AZ1190" s="1106"/>
      <c r="BA1190" s="1106"/>
      <c r="BB1190" s="1106"/>
      <c r="BC1190" s="1106"/>
      <c r="BD1190" s="1106"/>
      <c r="BE1190" s="1106"/>
      <c r="BF1190" s="1106"/>
      <c r="BG1190" s="1106"/>
      <c r="BH1190" s="1106"/>
      <c r="BI1190" s="1106"/>
      <c r="BJ1190" s="1106"/>
      <c r="BK1190" s="1106"/>
      <c r="BL1190" s="1106"/>
      <c r="BM1190" s="1106"/>
      <c r="BN1190" s="1106"/>
      <c r="BO1190" s="1106"/>
      <c r="BP1190" s="1106"/>
      <c r="BQ1190" s="1106"/>
      <c r="BR1190" s="1106"/>
      <c r="BS1190" s="1106"/>
      <c r="BT1190" s="1106"/>
      <c r="BU1190" s="1106"/>
      <c r="BV1190" s="1106"/>
      <c r="BW1190" s="1106"/>
      <c r="BX1190" s="1106"/>
      <c r="BY1190" s="1106"/>
      <c r="BZ1190" s="1106"/>
      <c r="CA1190" s="1106"/>
    </row>
    <row r="1191" spans="3:79" ht="9" customHeight="1" x14ac:dyDescent="0.2">
      <c r="C1191" s="1106"/>
      <c r="D1191" s="1106"/>
      <c r="E1191" s="1106"/>
      <c r="F1191" s="1106"/>
      <c r="G1191" s="1106"/>
      <c r="H1191" s="1106"/>
      <c r="I1191" s="1106"/>
      <c r="J1191" s="1106"/>
      <c r="K1191" s="1106"/>
      <c r="L1191" s="1106"/>
      <c r="M1191" s="1106"/>
      <c r="N1191" s="1106"/>
      <c r="O1191" s="1106"/>
      <c r="AB1191" s="1106"/>
      <c r="AC1191" s="1106"/>
      <c r="AD1191" s="1106"/>
      <c r="AE1191" s="1106"/>
      <c r="AF1191" s="1106"/>
      <c r="AG1191" s="1106"/>
      <c r="AH1191" s="1106"/>
      <c r="AL1191" s="1106"/>
      <c r="AZ1191" s="1106"/>
      <c r="BA1191" s="1106"/>
      <c r="BB1191" s="1106"/>
      <c r="BC1191" s="1106"/>
      <c r="BD1191" s="1106"/>
      <c r="BE1191" s="1106"/>
      <c r="BF1191" s="1106"/>
      <c r="BG1191" s="1106"/>
      <c r="BH1191" s="1106"/>
      <c r="BI1191" s="1106"/>
      <c r="BJ1191" s="1106"/>
      <c r="BK1191" s="1106"/>
      <c r="BL1191" s="1106"/>
      <c r="BM1191" s="1106"/>
      <c r="BN1191" s="1106"/>
      <c r="BO1191" s="1106"/>
      <c r="BP1191" s="1106"/>
      <c r="BQ1191" s="1106"/>
      <c r="BR1191" s="1106"/>
      <c r="BS1191" s="1106"/>
      <c r="BT1191" s="1106"/>
      <c r="BU1191" s="1106"/>
      <c r="BV1191" s="1106"/>
      <c r="BW1191" s="1106"/>
      <c r="BX1191" s="1106"/>
      <c r="BY1191" s="1106"/>
      <c r="BZ1191" s="1106"/>
      <c r="CA1191" s="1106"/>
    </row>
    <row r="1192" spans="3:79" ht="9" customHeight="1" x14ac:dyDescent="0.2">
      <c r="C1192" s="1106"/>
      <c r="D1192" s="1106"/>
      <c r="E1192" s="1106"/>
      <c r="F1192" s="1106"/>
      <c r="G1192" s="1106"/>
      <c r="H1192" s="1106"/>
      <c r="I1192" s="1106"/>
      <c r="J1192" s="1106"/>
      <c r="K1192" s="1106"/>
      <c r="L1192" s="1106"/>
      <c r="M1192" s="1106"/>
      <c r="N1192" s="1106"/>
      <c r="O1192" s="1106"/>
      <c r="U1192" s="1106"/>
      <c r="AB1192" s="1106"/>
      <c r="AC1192" s="1106"/>
      <c r="AD1192" s="1106"/>
      <c r="AE1192" s="1106"/>
      <c r="AF1192" s="1106"/>
      <c r="AG1192" s="1106"/>
      <c r="AH1192" s="1106"/>
      <c r="AL1192" s="1106"/>
      <c r="AT1192" s="1106"/>
      <c r="AU1192" s="1106"/>
      <c r="AV1192" s="1106"/>
      <c r="AW1192" s="1106"/>
      <c r="AX1192" s="1106"/>
      <c r="AY1192" s="1106"/>
      <c r="AZ1192" s="1106"/>
      <c r="BA1192" s="1106"/>
      <c r="BB1192" s="1106"/>
      <c r="BC1192" s="1106"/>
      <c r="BD1192" s="1106"/>
      <c r="BE1192" s="1106"/>
      <c r="BF1192" s="1106"/>
      <c r="BG1192" s="1106"/>
      <c r="BH1192" s="1106"/>
      <c r="BI1192" s="1106"/>
      <c r="BJ1192" s="1106"/>
      <c r="BK1192" s="1106"/>
      <c r="BL1192" s="1106"/>
      <c r="BM1192" s="1106"/>
      <c r="BN1192" s="1106"/>
      <c r="BO1192" s="1106"/>
      <c r="BP1192" s="1106"/>
      <c r="BQ1192" s="1106"/>
      <c r="BR1192" s="1106"/>
      <c r="BS1192" s="1106"/>
      <c r="BT1192" s="1106"/>
      <c r="BU1192" s="1106"/>
      <c r="BV1192" s="1106"/>
      <c r="BW1192" s="1106"/>
      <c r="BX1192" s="1106"/>
      <c r="BY1192" s="1106"/>
      <c r="BZ1192" s="1106"/>
      <c r="CA1192" s="1106"/>
    </row>
    <row r="1193" spans="3:79" ht="9" customHeight="1" x14ac:dyDescent="0.2">
      <c r="C1193" s="1106"/>
      <c r="D1193" s="1106"/>
      <c r="E1193" s="1106"/>
      <c r="F1193" s="1106"/>
      <c r="G1193" s="1106"/>
      <c r="H1193" s="1106"/>
      <c r="I1193" s="1106"/>
      <c r="J1193" s="1106"/>
      <c r="K1193" s="1106"/>
      <c r="L1193" s="1106"/>
      <c r="M1193" s="1106"/>
      <c r="N1193" s="1106"/>
      <c r="O1193" s="1106"/>
      <c r="U1193" s="1106"/>
      <c r="AB1193" s="1106"/>
      <c r="AC1193" s="1106"/>
      <c r="AD1193" s="1106"/>
      <c r="AE1193" s="1106"/>
      <c r="AF1193" s="1106"/>
      <c r="AG1193" s="1106"/>
      <c r="AH1193" s="1106"/>
      <c r="AL1193" s="1106"/>
      <c r="AO1193" s="1106"/>
      <c r="AP1193" s="1106"/>
      <c r="AT1193" s="1106"/>
      <c r="AU1193" s="1106"/>
      <c r="AV1193" s="1106"/>
      <c r="AW1193" s="1106"/>
      <c r="AX1193" s="1106"/>
      <c r="AY1193" s="1106"/>
      <c r="AZ1193" s="1106"/>
      <c r="BA1193" s="1106"/>
      <c r="BB1193" s="1106"/>
      <c r="BC1193" s="1106"/>
      <c r="BD1193" s="1106"/>
      <c r="BE1193" s="1106"/>
      <c r="BF1193" s="1106"/>
      <c r="BG1193" s="1106"/>
      <c r="BH1193" s="1106"/>
      <c r="BI1193" s="1106"/>
      <c r="BJ1193" s="1106"/>
      <c r="BK1193" s="1106"/>
      <c r="BL1193" s="1106"/>
      <c r="BM1193" s="1106"/>
      <c r="BN1193" s="1106"/>
      <c r="BO1193" s="1106"/>
      <c r="BP1193" s="1106"/>
      <c r="BQ1193" s="1106"/>
      <c r="BR1193" s="1106"/>
      <c r="BS1193" s="1106"/>
      <c r="BT1193" s="1106"/>
      <c r="BU1193" s="1106"/>
      <c r="BV1193" s="1106"/>
      <c r="BW1193" s="1106"/>
      <c r="BX1193" s="1106"/>
      <c r="BY1193" s="1106"/>
      <c r="BZ1193" s="1106"/>
      <c r="CA1193" s="1106"/>
    </row>
    <row r="1194" spans="3:79" ht="9" customHeight="1" x14ac:dyDescent="0.2">
      <c r="C1194" s="1106"/>
      <c r="D1194" s="1106"/>
      <c r="E1194" s="1106"/>
      <c r="F1194" s="1106"/>
      <c r="G1194" s="1106"/>
      <c r="H1194" s="1106"/>
      <c r="I1194" s="1106"/>
      <c r="J1194" s="1106"/>
      <c r="K1194" s="1106"/>
      <c r="L1194" s="1106"/>
      <c r="M1194" s="1106"/>
      <c r="N1194" s="1106"/>
      <c r="O1194" s="1106"/>
      <c r="U1194" s="1106"/>
      <c r="AB1194" s="1106"/>
      <c r="AC1194" s="1106"/>
      <c r="AD1194" s="1106"/>
      <c r="AE1194" s="1106"/>
      <c r="AF1194" s="1106"/>
      <c r="AG1194" s="1106"/>
      <c r="AH1194" s="1106"/>
      <c r="AL1194" s="1106"/>
      <c r="AT1194" s="1106"/>
      <c r="AU1194" s="1106"/>
      <c r="AV1194" s="1106"/>
      <c r="AW1194" s="1106"/>
      <c r="AX1194" s="1106"/>
      <c r="AY1194" s="1106"/>
      <c r="AZ1194" s="1106"/>
      <c r="BA1194" s="1106"/>
      <c r="BB1194" s="1106"/>
      <c r="BC1194" s="1106"/>
      <c r="BD1194" s="1106"/>
      <c r="BE1194" s="1106"/>
      <c r="BF1194" s="1106"/>
      <c r="BG1194" s="1106"/>
      <c r="BH1194" s="1106"/>
      <c r="BI1194" s="1106"/>
      <c r="BJ1194" s="1106"/>
      <c r="BK1194" s="1106"/>
      <c r="BL1194" s="1106"/>
      <c r="BM1194" s="1106"/>
      <c r="BN1194" s="1106"/>
      <c r="BO1194" s="1106"/>
      <c r="BP1194" s="1106"/>
      <c r="BQ1194" s="1106"/>
      <c r="BR1194" s="1106"/>
      <c r="BS1194" s="1106"/>
      <c r="BT1194" s="1106"/>
      <c r="BU1194" s="1106"/>
      <c r="BV1194" s="1106"/>
      <c r="BW1194" s="1106"/>
      <c r="BX1194" s="1106"/>
      <c r="BY1194" s="1106"/>
      <c r="BZ1194" s="1106"/>
      <c r="CA1194" s="1106"/>
    </row>
    <row r="1195" spans="3:79" ht="9" customHeight="1" x14ac:dyDescent="0.2">
      <c r="C1195" s="1106"/>
      <c r="D1195" s="1106"/>
      <c r="E1195" s="1106"/>
      <c r="F1195" s="1106"/>
      <c r="G1195" s="1106"/>
      <c r="H1195" s="1106"/>
      <c r="I1195" s="1106"/>
      <c r="J1195" s="1106"/>
      <c r="K1195" s="1106"/>
      <c r="L1195" s="1106"/>
      <c r="M1195" s="1106"/>
      <c r="N1195" s="1106"/>
      <c r="O1195" s="1106"/>
      <c r="AB1195" s="1106"/>
      <c r="AC1195" s="1106"/>
      <c r="AD1195" s="1106"/>
      <c r="AE1195" s="1106"/>
      <c r="AF1195" s="1106"/>
      <c r="AG1195" s="1106"/>
      <c r="AH1195" s="1106"/>
      <c r="AL1195" s="1106"/>
      <c r="AZ1195" s="1106"/>
      <c r="BA1195" s="1106"/>
      <c r="BB1195" s="1106"/>
      <c r="BC1195" s="1106"/>
      <c r="BD1195" s="1106"/>
      <c r="BE1195" s="1106"/>
      <c r="BF1195" s="1106"/>
      <c r="BG1195" s="1106"/>
      <c r="BH1195" s="1106"/>
      <c r="BI1195" s="1106"/>
      <c r="BJ1195" s="1106"/>
      <c r="BK1195" s="1106"/>
      <c r="BL1195" s="1106"/>
      <c r="BM1195" s="1106"/>
      <c r="BN1195" s="1106"/>
      <c r="BO1195" s="1106"/>
      <c r="BP1195" s="1106"/>
      <c r="BQ1195" s="1106"/>
      <c r="BR1195" s="1106"/>
      <c r="BS1195" s="1106"/>
      <c r="BT1195" s="1106"/>
      <c r="BU1195" s="1106"/>
      <c r="BV1195" s="1106"/>
      <c r="BW1195" s="1106"/>
      <c r="BX1195" s="1106"/>
      <c r="BY1195" s="1106"/>
      <c r="BZ1195" s="1106"/>
      <c r="CA1195" s="1106"/>
    </row>
    <row r="1196" spans="3:79" ht="9" customHeight="1" x14ac:dyDescent="0.2">
      <c r="C1196" s="1106"/>
      <c r="D1196" s="1106"/>
      <c r="E1196" s="1106"/>
      <c r="F1196" s="1106"/>
      <c r="G1196" s="1106"/>
      <c r="H1196" s="1106"/>
      <c r="I1196" s="1106"/>
      <c r="J1196" s="1106"/>
      <c r="K1196" s="1106"/>
      <c r="L1196" s="1106"/>
      <c r="M1196" s="1106"/>
      <c r="N1196" s="1106"/>
      <c r="O1196" s="1106"/>
      <c r="AB1196" s="1106"/>
      <c r="AC1196" s="1106"/>
      <c r="AD1196" s="1106"/>
      <c r="AE1196" s="1106"/>
      <c r="AF1196" s="1106"/>
      <c r="AG1196" s="1106"/>
      <c r="AH1196" s="1106"/>
      <c r="AL1196" s="1106"/>
      <c r="AZ1196" s="1106"/>
      <c r="BA1196" s="1106"/>
      <c r="BB1196" s="1106"/>
      <c r="BC1196" s="1106"/>
      <c r="BD1196" s="1106"/>
      <c r="BE1196" s="1106"/>
      <c r="BF1196" s="1106"/>
      <c r="BG1196" s="1106"/>
      <c r="BH1196" s="1106"/>
      <c r="BI1196" s="1106"/>
      <c r="BJ1196" s="1106"/>
      <c r="BK1196" s="1106"/>
      <c r="BL1196" s="1106"/>
      <c r="BM1196" s="1106"/>
      <c r="BN1196" s="1106"/>
      <c r="BO1196" s="1106"/>
      <c r="BP1196" s="1106"/>
      <c r="BQ1196" s="1106"/>
      <c r="BR1196" s="1106"/>
      <c r="BS1196" s="1106"/>
      <c r="BT1196" s="1106"/>
      <c r="BU1196" s="1106"/>
      <c r="BV1196" s="1106"/>
      <c r="BW1196" s="1106"/>
      <c r="BX1196" s="1106"/>
      <c r="BY1196" s="1106"/>
      <c r="BZ1196" s="1106"/>
      <c r="CA1196" s="1106"/>
    </row>
    <row r="1197" spans="3:79" ht="9" customHeight="1" x14ac:dyDescent="0.2">
      <c r="C1197" s="1106"/>
      <c r="D1197" s="1106"/>
      <c r="E1197" s="1106"/>
      <c r="F1197" s="1106"/>
      <c r="G1197" s="1106"/>
      <c r="H1197" s="1106"/>
      <c r="I1197" s="1106"/>
      <c r="J1197" s="1106"/>
      <c r="K1197" s="1106"/>
      <c r="L1197" s="1106"/>
      <c r="M1197" s="1106"/>
      <c r="N1197" s="1106"/>
      <c r="O1197" s="1106"/>
      <c r="AB1197" s="1106"/>
      <c r="AC1197" s="1106"/>
      <c r="AD1197" s="1106"/>
      <c r="AE1197" s="1106"/>
      <c r="AF1197" s="1106"/>
      <c r="AG1197" s="1106"/>
      <c r="AH1197" s="1106"/>
      <c r="AL1197" s="1106"/>
      <c r="AZ1197" s="1106"/>
      <c r="BA1197" s="1106"/>
      <c r="BB1197" s="1106"/>
      <c r="BC1197" s="1106"/>
      <c r="BD1197" s="1106"/>
      <c r="BE1197" s="1106"/>
      <c r="BF1197" s="1106"/>
      <c r="BG1197" s="1106"/>
      <c r="BH1197" s="1106"/>
      <c r="BI1197" s="1106"/>
      <c r="BJ1197" s="1106"/>
      <c r="BK1197" s="1106"/>
      <c r="BL1197" s="1106"/>
      <c r="BM1197" s="1106"/>
      <c r="BN1197" s="1106"/>
      <c r="BO1197" s="1106"/>
      <c r="BP1197" s="1106"/>
      <c r="BQ1197" s="1106"/>
      <c r="BR1197" s="1106"/>
      <c r="BS1197" s="1106"/>
      <c r="BT1197" s="1106"/>
      <c r="BU1197" s="1106"/>
      <c r="BV1197" s="1106"/>
      <c r="BW1197" s="1106"/>
      <c r="BX1197" s="1106"/>
      <c r="BY1197" s="1106"/>
      <c r="BZ1197" s="1106"/>
      <c r="CA1197" s="1106"/>
    </row>
    <row r="1198" spans="3:79" ht="9" customHeight="1" x14ac:dyDescent="0.2">
      <c r="C1198" s="1106"/>
      <c r="D1198" s="1106"/>
      <c r="E1198" s="1106"/>
      <c r="F1198" s="1106"/>
      <c r="G1198" s="1106"/>
      <c r="H1198" s="1106"/>
      <c r="I1198" s="1106"/>
      <c r="J1198" s="1106"/>
      <c r="K1198" s="1106"/>
      <c r="L1198" s="1106"/>
      <c r="M1198" s="1106"/>
      <c r="N1198" s="1106"/>
      <c r="O1198" s="1106"/>
      <c r="U1198" s="1106"/>
      <c r="AB1198" s="1106"/>
      <c r="AC1198" s="1106"/>
      <c r="AD1198" s="1106"/>
      <c r="AE1198" s="1106"/>
      <c r="AF1198" s="1106"/>
      <c r="AG1198" s="1106"/>
      <c r="AH1198" s="1106"/>
      <c r="AL1198" s="1106"/>
      <c r="AT1198" s="1106"/>
      <c r="AU1198" s="1106"/>
      <c r="AV1198" s="1106"/>
      <c r="AW1198" s="1106"/>
      <c r="AX1198" s="1106"/>
      <c r="AY1198" s="1106"/>
      <c r="AZ1198" s="1106"/>
      <c r="BA1198" s="1106"/>
      <c r="BB1198" s="1106"/>
      <c r="BC1198" s="1106"/>
      <c r="BD1198" s="1106"/>
      <c r="BE1198" s="1106"/>
      <c r="BF1198" s="1106"/>
      <c r="BG1198" s="1106"/>
      <c r="BH1198" s="1106"/>
      <c r="BI1198" s="1106"/>
      <c r="BJ1198" s="1106"/>
      <c r="BK1198" s="1106"/>
      <c r="BL1198" s="1106"/>
      <c r="BM1198" s="1106"/>
      <c r="BN1198" s="1106"/>
      <c r="BO1198" s="1106"/>
      <c r="BP1198" s="1106"/>
      <c r="BQ1198" s="1106"/>
      <c r="BR1198" s="1106"/>
      <c r="BS1198" s="1106"/>
      <c r="BT1198" s="1106"/>
      <c r="BU1198" s="1106"/>
      <c r="BV1198" s="1106"/>
      <c r="BW1198" s="1106"/>
      <c r="BX1198" s="1106"/>
      <c r="BY1198" s="1106"/>
      <c r="BZ1198" s="1106"/>
      <c r="CA1198" s="1106"/>
    </row>
    <row r="1199" spans="3:79" ht="9" customHeight="1" x14ac:dyDescent="0.2">
      <c r="C1199" s="1106"/>
      <c r="D1199" s="1106"/>
      <c r="E1199" s="1106"/>
      <c r="F1199" s="1106"/>
      <c r="G1199" s="1106"/>
      <c r="H1199" s="1106"/>
      <c r="I1199" s="1106"/>
      <c r="J1199" s="1106"/>
      <c r="K1199" s="1106"/>
      <c r="L1199" s="1106"/>
      <c r="M1199" s="1106"/>
      <c r="N1199" s="1106"/>
      <c r="O1199" s="1106"/>
      <c r="U1199" s="1106"/>
      <c r="AB1199" s="1106"/>
      <c r="AC1199" s="1106"/>
      <c r="AD1199" s="1106"/>
      <c r="AE1199" s="1106"/>
      <c r="AF1199" s="1106"/>
      <c r="AG1199" s="1106"/>
      <c r="AH1199" s="1106"/>
      <c r="AL1199" s="1106"/>
      <c r="AO1199" s="1106"/>
      <c r="AP1199" s="1106"/>
      <c r="AT1199" s="1106"/>
      <c r="AU1199" s="1106"/>
      <c r="AV1199" s="1106"/>
      <c r="AW1199" s="1106"/>
      <c r="AX1199" s="1106"/>
      <c r="AY1199" s="1106"/>
      <c r="AZ1199" s="1106"/>
      <c r="BA1199" s="1106"/>
      <c r="BB1199" s="1106"/>
      <c r="BC1199" s="1106"/>
      <c r="BD1199" s="1106"/>
      <c r="BE1199" s="1106"/>
      <c r="BF1199" s="1106"/>
      <c r="BG1199" s="1106"/>
      <c r="BH1199" s="1106"/>
      <c r="BI1199" s="1106"/>
      <c r="BJ1199" s="1106"/>
      <c r="BK1199" s="1106"/>
      <c r="BL1199" s="1106"/>
      <c r="BM1199" s="1106"/>
      <c r="BN1199" s="1106"/>
      <c r="BO1199" s="1106"/>
      <c r="BP1199" s="1106"/>
      <c r="BQ1199" s="1106"/>
      <c r="BR1199" s="1106"/>
      <c r="BS1199" s="1106"/>
      <c r="BT1199" s="1106"/>
      <c r="BU1199" s="1106"/>
      <c r="BV1199" s="1106"/>
      <c r="BW1199" s="1106"/>
      <c r="BX1199" s="1106"/>
      <c r="BY1199" s="1106"/>
      <c r="BZ1199" s="1106"/>
      <c r="CA1199" s="1106"/>
    </row>
    <row r="1200" spans="3:79" ht="9" customHeight="1" x14ac:dyDescent="0.2">
      <c r="C1200" s="1106"/>
      <c r="D1200" s="1106"/>
      <c r="E1200" s="1106"/>
      <c r="F1200" s="1106"/>
      <c r="G1200" s="1106"/>
      <c r="H1200" s="1106"/>
      <c r="I1200" s="1106"/>
      <c r="J1200" s="1106"/>
      <c r="K1200" s="1106"/>
      <c r="L1200" s="1106"/>
      <c r="M1200" s="1106"/>
      <c r="N1200" s="1106"/>
      <c r="O1200" s="1106"/>
      <c r="U1200" s="1106"/>
      <c r="AB1200" s="1106"/>
      <c r="AC1200" s="1106"/>
      <c r="AD1200" s="1106"/>
      <c r="AE1200" s="1106"/>
      <c r="AF1200" s="1106"/>
      <c r="AG1200" s="1106"/>
      <c r="AH1200" s="1106"/>
      <c r="AL1200" s="1106"/>
      <c r="AT1200" s="1106"/>
      <c r="AU1200" s="1106"/>
      <c r="AV1200" s="1106"/>
      <c r="AW1200" s="1106"/>
      <c r="AX1200" s="1106"/>
      <c r="AY1200" s="1106"/>
      <c r="AZ1200" s="1106"/>
      <c r="BA1200" s="1106"/>
      <c r="BB1200" s="1106"/>
      <c r="BC1200" s="1106"/>
      <c r="BD1200" s="1106"/>
      <c r="BE1200" s="1106"/>
      <c r="BF1200" s="1106"/>
      <c r="BG1200" s="1106"/>
      <c r="BH1200" s="1106"/>
      <c r="BI1200" s="1106"/>
      <c r="BJ1200" s="1106"/>
      <c r="BK1200" s="1106"/>
      <c r="BL1200" s="1106"/>
      <c r="BM1200" s="1106"/>
      <c r="BN1200" s="1106"/>
      <c r="BO1200" s="1106"/>
      <c r="BP1200" s="1106"/>
      <c r="BQ1200" s="1106"/>
      <c r="BR1200" s="1106"/>
      <c r="BS1200" s="1106"/>
      <c r="BT1200" s="1106"/>
      <c r="BU1200" s="1106"/>
      <c r="BV1200" s="1106"/>
      <c r="BW1200" s="1106"/>
      <c r="BX1200" s="1106"/>
      <c r="BY1200" s="1106"/>
      <c r="BZ1200" s="1106"/>
      <c r="CA1200" s="1106"/>
    </row>
    <row r="1201" spans="3:79" ht="9" customHeight="1" x14ac:dyDescent="0.2">
      <c r="C1201" s="1106"/>
      <c r="D1201" s="1106"/>
      <c r="E1201" s="1106"/>
      <c r="F1201" s="1106"/>
      <c r="G1201" s="1106"/>
      <c r="H1201" s="1106"/>
      <c r="I1201" s="1106"/>
      <c r="J1201" s="1106"/>
      <c r="K1201" s="1106"/>
      <c r="L1201" s="1106"/>
      <c r="M1201" s="1106"/>
      <c r="N1201" s="1106"/>
      <c r="O1201" s="1106"/>
      <c r="AB1201" s="1106"/>
      <c r="AC1201" s="1106"/>
      <c r="AD1201" s="1106"/>
      <c r="AE1201" s="1106"/>
      <c r="AF1201" s="1106"/>
      <c r="AG1201" s="1106"/>
      <c r="AH1201" s="1106"/>
      <c r="AL1201" s="1106"/>
      <c r="AZ1201" s="1106"/>
      <c r="BA1201" s="1106"/>
      <c r="BB1201" s="1106"/>
      <c r="BC1201" s="1106"/>
      <c r="BD1201" s="1106"/>
      <c r="BE1201" s="1106"/>
      <c r="BF1201" s="1106"/>
      <c r="BG1201" s="1106"/>
      <c r="BH1201" s="1106"/>
      <c r="BI1201" s="1106"/>
      <c r="BJ1201" s="1106"/>
      <c r="BK1201" s="1106"/>
      <c r="BL1201" s="1106"/>
      <c r="BM1201" s="1106"/>
      <c r="BN1201" s="1106"/>
      <c r="BO1201" s="1106"/>
      <c r="BP1201" s="1106"/>
      <c r="BQ1201" s="1106"/>
      <c r="BR1201" s="1106"/>
      <c r="BS1201" s="1106"/>
      <c r="BT1201" s="1106"/>
      <c r="BU1201" s="1106"/>
      <c r="BV1201" s="1106"/>
      <c r="BW1201" s="1106"/>
      <c r="BX1201" s="1106"/>
      <c r="BY1201" s="1106"/>
      <c r="BZ1201" s="1106"/>
      <c r="CA1201" s="1106"/>
    </row>
    <row r="1202" spans="3:79" ht="9" customHeight="1" x14ac:dyDescent="0.2">
      <c r="C1202" s="1106"/>
      <c r="D1202" s="1106"/>
      <c r="E1202" s="1106"/>
      <c r="F1202" s="1106"/>
      <c r="G1202" s="1106"/>
      <c r="H1202" s="1106"/>
      <c r="I1202" s="1106"/>
      <c r="J1202" s="1106"/>
      <c r="K1202" s="1106"/>
      <c r="L1202" s="1106"/>
      <c r="M1202" s="1106"/>
      <c r="N1202" s="1106"/>
      <c r="O1202" s="1106"/>
      <c r="AB1202" s="1106"/>
      <c r="AC1202" s="1106"/>
      <c r="AD1202" s="1106"/>
      <c r="AE1202" s="1106"/>
      <c r="AF1202" s="1106"/>
      <c r="AG1202" s="1106"/>
      <c r="AH1202" s="1106"/>
      <c r="AL1202" s="1106"/>
      <c r="AZ1202" s="1106"/>
      <c r="BA1202" s="1106"/>
      <c r="BB1202" s="1106"/>
      <c r="BC1202" s="1106"/>
      <c r="BD1202" s="1106"/>
      <c r="BE1202" s="1106"/>
      <c r="BF1202" s="1106"/>
      <c r="BG1202" s="1106"/>
      <c r="BH1202" s="1106"/>
      <c r="BI1202" s="1106"/>
      <c r="BJ1202" s="1106"/>
      <c r="BK1202" s="1106"/>
      <c r="BL1202" s="1106"/>
      <c r="BM1202" s="1106"/>
      <c r="BN1202" s="1106"/>
      <c r="BO1202" s="1106"/>
      <c r="BP1202" s="1106"/>
      <c r="BQ1202" s="1106"/>
      <c r="BR1202" s="1106"/>
      <c r="BS1202" s="1106"/>
      <c r="BT1202" s="1106"/>
      <c r="BU1202" s="1106"/>
      <c r="BV1202" s="1106"/>
      <c r="BW1202" s="1106"/>
      <c r="BX1202" s="1106"/>
      <c r="BY1202" s="1106"/>
      <c r="BZ1202" s="1106"/>
      <c r="CA1202" s="1106"/>
    </row>
    <row r="1203" spans="3:79" ht="9" customHeight="1" x14ac:dyDescent="0.2">
      <c r="C1203" s="1106"/>
      <c r="D1203" s="1106"/>
      <c r="E1203" s="1106"/>
      <c r="F1203" s="1106"/>
      <c r="G1203" s="1106"/>
      <c r="H1203" s="1106"/>
      <c r="I1203" s="1106"/>
      <c r="J1203" s="1106"/>
      <c r="K1203" s="1106"/>
      <c r="L1203" s="1106"/>
      <c r="M1203" s="1106"/>
      <c r="N1203" s="1106"/>
      <c r="O1203" s="1106"/>
      <c r="AB1203" s="1106"/>
      <c r="AC1203" s="1106"/>
      <c r="AD1203" s="1106"/>
      <c r="AE1203" s="1106"/>
      <c r="AF1203" s="1106"/>
      <c r="AG1203" s="1106"/>
      <c r="AH1203" s="1106"/>
      <c r="AL1203" s="1106"/>
      <c r="AZ1203" s="1106"/>
      <c r="BA1203" s="1106"/>
      <c r="BB1203" s="1106"/>
      <c r="BC1203" s="1106"/>
      <c r="BD1203" s="1106"/>
      <c r="BE1203" s="1106"/>
      <c r="BF1203" s="1106"/>
      <c r="BG1203" s="1106"/>
      <c r="BH1203" s="1106"/>
      <c r="BI1203" s="1106"/>
      <c r="BJ1203" s="1106"/>
      <c r="BK1203" s="1106"/>
      <c r="BL1203" s="1106"/>
      <c r="BM1203" s="1106"/>
      <c r="BN1203" s="1106"/>
      <c r="BO1203" s="1106"/>
      <c r="BP1203" s="1106"/>
      <c r="BQ1203" s="1106"/>
      <c r="BR1203" s="1106"/>
      <c r="BS1203" s="1106"/>
      <c r="BT1203" s="1106"/>
      <c r="BU1203" s="1106"/>
      <c r="BV1203" s="1106"/>
      <c r="BW1203" s="1106"/>
      <c r="BX1203" s="1106"/>
      <c r="BY1203" s="1106"/>
      <c r="BZ1203" s="1106"/>
      <c r="CA1203" s="1106"/>
    </row>
    <row r="1204" spans="3:79" ht="9" customHeight="1" x14ac:dyDescent="0.2">
      <c r="C1204" s="1106"/>
      <c r="D1204" s="1106"/>
      <c r="E1204" s="1106"/>
      <c r="F1204" s="1106"/>
      <c r="G1204" s="1106"/>
      <c r="H1204" s="1106"/>
      <c r="I1204" s="1106"/>
      <c r="J1204" s="1106"/>
      <c r="K1204" s="1106"/>
      <c r="L1204" s="1106"/>
      <c r="M1204" s="1106"/>
      <c r="N1204" s="1106"/>
      <c r="O1204" s="1106"/>
      <c r="U1204" s="1106"/>
      <c r="AB1204" s="1106"/>
      <c r="AC1204" s="1106"/>
      <c r="AD1204" s="1106"/>
      <c r="AE1204" s="1106"/>
      <c r="AF1204" s="1106"/>
      <c r="AG1204" s="1106"/>
      <c r="AH1204" s="1106"/>
      <c r="AL1204" s="1106"/>
      <c r="AT1204" s="1106"/>
      <c r="AU1204" s="1106"/>
      <c r="AV1204" s="1106"/>
      <c r="AW1204" s="1106"/>
      <c r="AX1204" s="1106"/>
      <c r="AY1204" s="1106"/>
      <c r="AZ1204" s="1106"/>
      <c r="BA1204" s="1106"/>
      <c r="BB1204" s="1106"/>
      <c r="BC1204" s="1106"/>
      <c r="BD1204" s="1106"/>
      <c r="BE1204" s="1106"/>
      <c r="BF1204" s="1106"/>
      <c r="BG1204" s="1106"/>
      <c r="BH1204" s="1106"/>
      <c r="BI1204" s="1106"/>
      <c r="BJ1204" s="1106"/>
      <c r="BK1204" s="1106"/>
      <c r="BL1204" s="1106"/>
      <c r="BM1204" s="1106"/>
      <c r="BN1204" s="1106"/>
      <c r="BO1204" s="1106"/>
      <c r="BP1204" s="1106"/>
      <c r="BQ1204" s="1106"/>
      <c r="BR1204" s="1106"/>
      <c r="BS1204" s="1106"/>
      <c r="BT1204" s="1106"/>
      <c r="BU1204" s="1106"/>
      <c r="BV1204" s="1106"/>
      <c r="BW1204" s="1106"/>
      <c r="BX1204" s="1106"/>
      <c r="BY1204" s="1106"/>
      <c r="BZ1204" s="1106"/>
      <c r="CA1204" s="1106"/>
    </row>
    <row r="1205" spans="3:79" ht="9" customHeight="1" x14ac:dyDescent="0.2">
      <c r="C1205" s="1106"/>
      <c r="D1205" s="1106"/>
      <c r="E1205" s="1106"/>
      <c r="F1205" s="1106"/>
      <c r="G1205" s="1106"/>
      <c r="H1205" s="1106"/>
      <c r="I1205" s="1106"/>
      <c r="J1205" s="1106"/>
      <c r="K1205" s="1106"/>
      <c r="L1205" s="1106"/>
      <c r="M1205" s="1106"/>
      <c r="N1205" s="1106"/>
      <c r="O1205" s="1106"/>
      <c r="U1205" s="1106"/>
      <c r="AB1205" s="1106"/>
      <c r="AC1205" s="1106"/>
      <c r="AD1205" s="1106"/>
      <c r="AE1205" s="1106"/>
      <c r="AF1205" s="1106"/>
      <c r="AG1205" s="1106"/>
      <c r="AH1205" s="1106"/>
      <c r="AL1205" s="1106"/>
      <c r="AO1205" s="1106"/>
      <c r="AP1205" s="1106"/>
      <c r="AT1205" s="1106"/>
      <c r="AU1205" s="1106"/>
      <c r="AV1205" s="1106"/>
      <c r="AW1205" s="1106"/>
      <c r="AX1205" s="1106"/>
      <c r="AY1205" s="1106"/>
      <c r="AZ1205" s="1106"/>
      <c r="BA1205" s="1106"/>
      <c r="BB1205" s="1106"/>
      <c r="BC1205" s="1106"/>
      <c r="BD1205" s="1106"/>
      <c r="BE1205" s="1106"/>
      <c r="BF1205" s="1106"/>
      <c r="BG1205" s="1106"/>
      <c r="BH1205" s="1106"/>
      <c r="BI1205" s="1106"/>
      <c r="BJ1205" s="1106"/>
      <c r="BK1205" s="1106"/>
      <c r="BL1205" s="1106"/>
      <c r="BM1205" s="1106"/>
      <c r="BN1205" s="1106"/>
      <c r="BO1205" s="1106"/>
      <c r="BP1205" s="1106"/>
      <c r="BQ1205" s="1106"/>
      <c r="BR1205" s="1106"/>
      <c r="BS1205" s="1106"/>
      <c r="BT1205" s="1106"/>
      <c r="BU1205" s="1106"/>
      <c r="BV1205" s="1106"/>
      <c r="BW1205" s="1106"/>
      <c r="BX1205" s="1106"/>
      <c r="BY1205" s="1106"/>
      <c r="BZ1205" s="1106"/>
      <c r="CA1205" s="1106"/>
    </row>
    <row r="1206" spans="3:79" ht="9" customHeight="1" x14ac:dyDescent="0.2">
      <c r="C1206" s="1106"/>
      <c r="D1206" s="1106"/>
      <c r="E1206" s="1106"/>
      <c r="F1206" s="1106"/>
      <c r="G1206" s="1106"/>
      <c r="H1206" s="1106"/>
      <c r="I1206" s="1106"/>
      <c r="J1206" s="1106"/>
      <c r="K1206" s="1106"/>
      <c r="L1206" s="1106"/>
      <c r="M1206" s="1106"/>
      <c r="N1206" s="1106"/>
      <c r="O1206" s="1106"/>
      <c r="U1206" s="1106"/>
      <c r="AB1206" s="1106"/>
      <c r="AC1206" s="1106"/>
      <c r="AD1206" s="1106"/>
      <c r="AE1206" s="1106"/>
      <c r="AF1206" s="1106"/>
      <c r="AG1206" s="1106"/>
      <c r="AH1206" s="1106"/>
      <c r="AL1206" s="1106"/>
      <c r="AT1206" s="1106"/>
      <c r="AU1206" s="1106"/>
      <c r="AV1206" s="1106"/>
      <c r="AW1206" s="1106"/>
      <c r="AX1206" s="1106"/>
      <c r="AY1206" s="1106"/>
      <c r="AZ1206" s="1106"/>
      <c r="BA1206" s="1106"/>
      <c r="BB1206" s="1106"/>
      <c r="BC1206" s="1106"/>
      <c r="BD1206" s="1106"/>
      <c r="BE1206" s="1106"/>
      <c r="BF1206" s="1106"/>
      <c r="BG1206" s="1106"/>
      <c r="BH1206" s="1106"/>
      <c r="BI1206" s="1106"/>
      <c r="BJ1206" s="1106"/>
      <c r="BK1206" s="1106"/>
      <c r="BL1206" s="1106"/>
      <c r="BM1206" s="1106"/>
      <c r="BN1206" s="1106"/>
      <c r="BO1206" s="1106"/>
      <c r="BP1206" s="1106"/>
      <c r="BQ1206" s="1106"/>
      <c r="BR1206" s="1106"/>
      <c r="BS1206" s="1106"/>
      <c r="BT1206" s="1106"/>
      <c r="BU1206" s="1106"/>
      <c r="BV1206" s="1106"/>
      <c r="BW1206" s="1106"/>
      <c r="BX1206" s="1106"/>
      <c r="BY1206" s="1106"/>
      <c r="BZ1206" s="1106"/>
      <c r="CA1206" s="1106"/>
    </row>
    <row r="1207" spans="3:79" ht="9" customHeight="1" x14ac:dyDescent="0.2">
      <c r="C1207" s="1106"/>
      <c r="D1207" s="1106"/>
      <c r="E1207" s="1106"/>
      <c r="F1207" s="1106"/>
      <c r="G1207" s="1106"/>
      <c r="H1207" s="1106"/>
      <c r="I1207" s="1106"/>
      <c r="J1207" s="1106"/>
      <c r="K1207" s="1106"/>
      <c r="L1207" s="1106"/>
      <c r="M1207" s="1106"/>
      <c r="N1207" s="1106"/>
      <c r="O1207" s="1106"/>
      <c r="AB1207" s="1106"/>
      <c r="AC1207" s="1106"/>
      <c r="AD1207" s="1106"/>
      <c r="AE1207" s="1106"/>
      <c r="AF1207" s="1106"/>
      <c r="AG1207" s="1106"/>
      <c r="AH1207" s="1106"/>
      <c r="AL1207" s="1106"/>
      <c r="AZ1207" s="1106"/>
      <c r="BA1207" s="1106"/>
      <c r="BB1207" s="1106"/>
      <c r="BC1207" s="1106"/>
      <c r="BD1207" s="1106"/>
      <c r="BE1207" s="1106"/>
      <c r="BF1207" s="1106"/>
      <c r="BG1207" s="1106"/>
      <c r="BH1207" s="1106"/>
      <c r="BI1207" s="1106"/>
      <c r="BJ1207" s="1106"/>
      <c r="BK1207" s="1106"/>
      <c r="BL1207" s="1106"/>
      <c r="BM1207" s="1106"/>
      <c r="BN1207" s="1106"/>
      <c r="BO1207" s="1106"/>
      <c r="BP1207" s="1106"/>
      <c r="BQ1207" s="1106"/>
      <c r="BR1207" s="1106"/>
      <c r="BS1207" s="1106"/>
      <c r="BT1207" s="1106"/>
      <c r="BU1207" s="1106"/>
      <c r="BV1207" s="1106"/>
      <c r="BW1207" s="1106"/>
      <c r="BX1207" s="1106"/>
      <c r="BY1207" s="1106"/>
      <c r="BZ1207" s="1106"/>
      <c r="CA1207" s="1106"/>
    </row>
    <row r="1208" spans="3:79" ht="9" customHeight="1" x14ac:dyDescent="0.2">
      <c r="C1208" s="1106"/>
      <c r="D1208" s="1106"/>
      <c r="E1208" s="1106"/>
      <c r="F1208" s="1106"/>
      <c r="G1208" s="1106"/>
      <c r="H1208" s="1106"/>
      <c r="I1208" s="1106"/>
      <c r="J1208" s="1106"/>
      <c r="K1208" s="1106"/>
      <c r="L1208" s="1106"/>
      <c r="M1208" s="1106"/>
      <c r="N1208" s="1106"/>
      <c r="O1208" s="1106"/>
      <c r="AB1208" s="1106"/>
      <c r="AC1208" s="1106"/>
      <c r="AD1208" s="1106"/>
      <c r="AE1208" s="1106"/>
      <c r="AF1208" s="1106"/>
      <c r="AG1208" s="1106"/>
      <c r="AH1208" s="1106"/>
      <c r="AL1208" s="1106"/>
      <c r="AZ1208" s="1106"/>
      <c r="BA1208" s="1106"/>
      <c r="BB1208" s="1106"/>
      <c r="BC1208" s="1106"/>
      <c r="BD1208" s="1106"/>
      <c r="BE1208" s="1106"/>
      <c r="BF1208" s="1106"/>
      <c r="BG1208" s="1106"/>
      <c r="BH1208" s="1106"/>
      <c r="BI1208" s="1106"/>
      <c r="BJ1208" s="1106"/>
      <c r="BK1208" s="1106"/>
      <c r="BL1208" s="1106"/>
      <c r="BM1208" s="1106"/>
      <c r="BN1208" s="1106"/>
      <c r="BO1208" s="1106"/>
      <c r="BP1208" s="1106"/>
      <c r="BQ1208" s="1106"/>
      <c r="BR1208" s="1106"/>
      <c r="BS1208" s="1106"/>
      <c r="BT1208" s="1106"/>
      <c r="BU1208" s="1106"/>
      <c r="BV1208" s="1106"/>
      <c r="BW1208" s="1106"/>
      <c r="BX1208" s="1106"/>
      <c r="BY1208" s="1106"/>
      <c r="BZ1208" s="1106"/>
      <c r="CA1208" s="1106"/>
    </row>
    <row r="1209" spans="3:79" ht="9" customHeight="1" x14ac:dyDescent="0.2">
      <c r="C1209" s="1106"/>
      <c r="D1209" s="1106"/>
      <c r="E1209" s="1106"/>
      <c r="F1209" s="1106"/>
      <c r="G1209" s="1106"/>
      <c r="H1209" s="1106"/>
      <c r="I1209" s="1106"/>
      <c r="J1209" s="1106"/>
      <c r="K1209" s="1106"/>
      <c r="L1209" s="1106"/>
      <c r="M1209" s="1106"/>
      <c r="N1209" s="1106"/>
      <c r="O1209" s="1106"/>
      <c r="AB1209" s="1106"/>
      <c r="AC1209" s="1106"/>
      <c r="AD1209" s="1106"/>
      <c r="AE1209" s="1106"/>
      <c r="AF1209" s="1106"/>
      <c r="AG1209" s="1106"/>
      <c r="AH1209" s="1106"/>
      <c r="AL1209" s="1106"/>
      <c r="AZ1209" s="1106"/>
      <c r="BA1209" s="1106"/>
      <c r="BB1209" s="1106"/>
      <c r="BC1209" s="1106"/>
      <c r="BD1209" s="1106"/>
      <c r="BE1209" s="1106"/>
      <c r="BF1209" s="1106"/>
      <c r="BG1209" s="1106"/>
      <c r="BH1209" s="1106"/>
      <c r="BI1209" s="1106"/>
      <c r="BJ1209" s="1106"/>
      <c r="BK1209" s="1106"/>
      <c r="BL1209" s="1106"/>
      <c r="BM1209" s="1106"/>
      <c r="BN1209" s="1106"/>
      <c r="BO1209" s="1106"/>
      <c r="BP1209" s="1106"/>
      <c r="BQ1209" s="1106"/>
      <c r="BR1209" s="1106"/>
      <c r="BS1209" s="1106"/>
      <c r="BT1209" s="1106"/>
      <c r="BU1209" s="1106"/>
      <c r="BV1209" s="1106"/>
      <c r="BW1209" s="1106"/>
      <c r="BX1209" s="1106"/>
      <c r="BY1209" s="1106"/>
      <c r="BZ1209" s="1106"/>
      <c r="CA1209" s="1106"/>
    </row>
    <row r="1210" spans="3:79" ht="9" customHeight="1" x14ac:dyDescent="0.2">
      <c r="C1210" s="1106"/>
      <c r="D1210" s="1106"/>
      <c r="E1210" s="1106"/>
      <c r="F1210" s="1106"/>
      <c r="G1210" s="1106"/>
      <c r="H1210" s="1106"/>
      <c r="I1210" s="1106"/>
      <c r="J1210" s="1106"/>
      <c r="K1210" s="1106"/>
      <c r="L1210" s="1106"/>
      <c r="M1210" s="1106"/>
      <c r="N1210" s="1106"/>
      <c r="O1210" s="1106"/>
      <c r="U1210" s="1106"/>
      <c r="AB1210" s="1106"/>
      <c r="AC1210" s="1106"/>
      <c r="AD1210" s="1106"/>
      <c r="AE1210" s="1106"/>
      <c r="AF1210" s="1106"/>
      <c r="AG1210" s="1106"/>
      <c r="AH1210" s="1106"/>
      <c r="AL1210" s="1106"/>
      <c r="AT1210" s="1106"/>
      <c r="AU1210" s="1106"/>
      <c r="AV1210" s="1106"/>
      <c r="AW1210" s="1106"/>
      <c r="AX1210" s="1106"/>
      <c r="AY1210" s="1106"/>
      <c r="AZ1210" s="1106"/>
      <c r="BA1210" s="1106"/>
      <c r="BB1210" s="1106"/>
      <c r="BC1210" s="1106"/>
      <c r="BD1210" s="1106"/>
      <c r="BE1210" s="1106"/>
      <c r="BF1210" s="1106"/>
      <c r="BG1210" s="1106"/>
      <c r="BH1210" s="1106"/>
      <c r="BI1210" s="1106"/>
      <c r="BJ1210" s="1106"/>
      <c r="BK1210" s="1106"/>
      <c r="BL1210" s="1106"/>
      <c r="BM1210" s="1106"/>
      <c r="BN1210" s="1106"/>
      <c r="BO1210" s="1106"/>
      <c r="BP1210" s="1106"/>
      <c r="BQ1210" s="1106"/>
      <c r="BR1210" s="1106"/>
      <c r="BS1210" s="1106"/>
      <c r="BT1210" s="1106"/>
      <c r="BU1210" s="1106"/>
      <c r="BV1210" s="1106"/>
      <c r="BW1210" s="1106"/>
      <c r="BX1210" s="1106"/>
      <c r="BY1210" s="1106"/>
      <c r="BZ1210" s="1106"/>
      <c r="CA1210" s="1106"/>
    </row>
    <row r="1211" spans="3:79" ht="9" customHeight="1" x14ac:dyDescent="0.2">
      <c r="C1211" s="1106"/>
      <c r="D1211" s="1106"/>
      <c r="E1211" s="1106"/>
      <c r="F1211" s="1106"/>
      <c r="G1211" s="1106"/>
      <c r="H1211" s="1106"/>
      <c r="I1211" s="1106"/>
      <c r="J1211" s="1106"/>
      <c r="K1211" s="1106"/>
      <c r="L1211" s="1106"/>
      <c r="M1211" s="1106"/>
      <c r="N1211" s="1106"/>
      <c r="O1211" s="1106"/>
      <c r="U1211" s="1106"/>
      <c r="AB1211" s="1106"/>
      <c r="AC1211" s="1106"/>
      <c r="AD1211" s="1106"/>
      <c r="AE1211" s="1106"/>
      <c r="AF1211" s="1106"/>
      <c r="AG1211" s="1106"/>
      <c r="AH1211" s="1106"/>
      <c r="AL1211" s="1106"/>
      <c r="AO1211" s="1106"/>
      <c r="AP1211" s="1106"/>
      <c r="AT1211" s="1106"/>
      <c r="AU1211" s="1106"/>
      <c r="AV1211" s="1106"/>
      <c r="AW1211" s="1106"/>
      <c r="AX1211" s="1106"/>
      <c r="AY1211" s="1106"/>
      <c r="AZ1211" s="1106"/>
      <c r="BA1211" s="1106"/>
      <c r="BB1211" s="1106"/>
      <c r="BC1211" s="1106"/>
      <c r="BD1211" s="1106"/>
      <c r="BE1211" s="1106"/>
      <c r="BF1211" s="1106"/>
      <c r="BG1211" s="1106"/>
      <c r="BH1211" s="1106"/>
      <c r="BI1211" s="1106"/>
      <c r="BJ1211" s="1106"/>
      <c r="BK1211" s="1106"/>
      <c r="BL1211" s="1106"/>
      <c r="BM1211" s="1106"/>
      <c r="BN1211" s="1106"/>
      <c r="BO1211" s="1106"/>
      <c r="BP1211" s="1106"/>
      <c r="BQ1211" s="1106"/>
      <c r="BR1211" s="1106"/>
      <c r="BS1211" s="1106"/>
      <c r="BT1211" s="1106"/>
      <c r="BU1211" s="1106"/>
      <c r="BV1211" s="1106"/>
      <c r="BW1211" s="1106"/>
      <c r="BX1211" s="1106"/>
      <c r="BY1211" s="1106"/>
      <c r="BZ1211" s="1106"/>
      <c r="CA1211" s="1106"/>
    </row>
    <row r="1212" spans="3:79" ht="9" customHeight="1" x14ac:dyDescent="0.2">
      <c r="C1212" s="1106"/>
      <c r="D1212" s="1106"/>
      <c r="E1212" s="1106"/>
      <c r="F1212" s="1106"/>
      <c r="G1212" s="1106"/>
      <c r="H1212" s="1106"/>
      <c r="I1212" s="1106"/>
      <c r="J1212" s="1106"/>
      <c r="K1212" s="1106"/>
      <c r="L1212" s="1106"/>
      <c r="M1212" s="1106"/>
      <c r="N1212" s="1106"/>
      <c r="O1212" s="1106"/>
      <c r="U1212" s="1106"/>
      <c r="AB1212" s="1106"/>
      <c r="AC1212" s="1106"/>
      <c r="AD1212" s="1106"/>
      <c r="AE1212" s="1106"/>
      <c r="AF1212" s="1106"/>
      <c r="AG1212" s="1106"/>
      <c r="AH1212" s="1106"/>
      <c r="AL1212" s="1106"/>
      <c r="AT1212" s="1106"/>
      <c r="AU1212" s="1106"/>
      <c r="AV1212" s="1106"/>
      <c r="AW1212" s="1106"/>
      <c r="AX1212" s="1106"/>
      <c r="AY1212" s="1106"/>
      <c r="AZ1212" s="1106"/>
      <c r="BA1212" s="1106"/>
      <c r="BB1212" s="1106"/>
      <c r="BC1212" s="1106"/>
      <c r="BD1212" s="1106"/>
      <c r="BE1212" s="1106"/>
      <c r="BF1212" s="1106"/>
      <c r="BG1212" s="1106"/>
      <c r="BH1212" s="1106"/>
      <c r="BI1212" s="1106"/>
      <c r="BJ1212" s="1106"/>
      <c r="BK1212" s="1106"/>
      <c r="BL1212" s="1106"/>
      <c r="BM1212" s="1106"/>
      <c r="BN1212" s="1106"/>
      <c r="BO1212" s="1106"/>
      <c r="BP1212" s="1106"/>
      <c r="BQ1212" s="1106"/>
      <c r="BR1212" s="1106"/>
      <c r="BS1212" s="1106"/>
      <c r="BT1212" s="1106"/>
      <c r="BU1212" s="1106"/>
      <c r="BV1212" s="1106"/>
      <c r="BW1212" s="1106"/>
      <c r="BX1212" s="1106"/>
      <c r="BY1212" s="1106"/>
      <c r="BZ1212" s="1106"/>
      <c r="CA1212" s="1106"/>
    </row>
    <row r="1213" spans="3:79" ht="9" customHeight="1" x14ac:dyDescent="0.2">
      <c r="C1213" s="1106"/>
      <c r="D1213" s="1106"/>
      <c r="E1213" s="1106"/>
      <c r="F1213" s="1106"/>
      <c r="G1213" s="1106"/>
      <c r="H1213" s="1106"/>
      <c r="I1213" s="1106"/>
      <c r="J1213" s="1106"/>
      <c r="K1213" s="1106"/>
      <c r="L1213" s="1106"/>
      <c r="M1213" s="1106"/>
      <c r="N1213" s="1106"/>
      <c r="O1213" s="1106"/>
      <c r="AB1213" s="1106"/>
      <c r="AC1213" s="1106"/>
      <c r="AD1213" s="1106"/>
      <c r="AE1213" s="1106"/>
      <c r="AF1213" s="1106"/>
      <c r="AG1213" s="1106"/>
      <c r="AH1213" s="1106"/>
      <c r="AL1213" s="1106"/>
      <c r="AZ1213" s="1106"/>
      <c r="BA1213" s="1106"/>
      <c r="BB1213" s="1106"/>
      <c r="BC1213" s="1106"/>
      <c r="BD1213" s="1106"/>
      <c r="BE1213" s="1106"/>
      <c r="BF1213" s="1106"/>
      <c r="BG1213" s="1106"/>
      <c r="BH1213" s="1106"/>
      <c r="BI1213" s="1106"/>
      <c r="BJ1213" s="1106"/>
      <c r="BK1213" s="1106"/>
      <c r="BL1213" s="1106"/>
      <c r="BM1213" s="1106"/>
      <c r="BN1213" s="1106"/>
      <c r="BO1213" s="1106"/>
      <c r="BP1213" s="1106"/>
      <c r="BQ1213" s="1106"/>
      <c r="BR1213" s="1106"/>
      <c r="BS1213" s="1106"/>
      <c r="BT1213" s="1106"/>
      <c r="BU1213" s="1106"/>
      <c r="BV1213" s="1106"/>
      <c r="BW1213" s="1106"/>
      <c r="BX1213" s="1106"/>
      <c r="BY1213" s="1106"/>
      <c r="BZ1213" s="1106"/>
      <c r="CA1213" s="1106"/>
    </row>
    <row r="1214" spans="3:79" ht="9" customHeight="1" x14ac:dyDescent="0.2">
      <c r="C1214" s="1106"/>
      <c r="D1214" s="1106"/>
      <c r="E1214" s="1106"/>
      <c r="F1214" s="1106"/>
      <c r="G1214" s="1106"/>
      <c r="H1214" s="1106"/>
      <c r="I1214" s="1106"/>
      <c r="J1214" s="1106"/>
      <c r="K1214" s="1106"/>
      <c r="L1214" s="1106"/>
      <c r="M1214" s="1106"/>
      <c r="N1214" s="1106"/>
      <c r="O1214" s="1106"/>
      <c r="AB1214" s="1106"/>
      <c r="AC1214" s="1106"/>
      <c r="AD1214" s="1106"/>
      <c r="AE1214" s="1106"/>
      <c r="AF1214" s="1106"/>
      <c r="AG1214" s="1106"/>
      <c r="AH1214" s="1106"/>
      <c r="AL1214" s="1106"/>
      <c r="AZ1214" s="1106"/>
      <c r="BA1214" s="1106"/>
      <c r="BB1214" s="1106"/>
      <c r="BC1214" s="1106"/>
      <c r="BD1214" s="1106"/>
      <c r="BE1214" s="1106"/>
      <c r="BF1214" s="1106"/>
      <c r="BG1214" s="1106"/>
      <c r="BH1214" s="1106"/>
      <c r="BI1214" s="1106"/>
      <c r="BJ1214" s="1106"/>
      <c r="BK1214" s="1106"/>
      <c r="BL1214" s="1106"/>
      <c r="BM1214" s="1106"/>
      <c r="BN1214" s="1106"/>
      <c r="BO1214" s="1106"/>
      <c r="BP1214" s="1106"/>
      <c r="BQ1214" s="1106"/>
      <c r="BR1214" s="1106"/>
      <c r="BS1214" s="1106"/>
      <c r="BT1214" s="1106"/>
      <c r="BU1214" s="1106"/>
      <c r="BV1214" s="1106"/>
      <c r="BW1214" s="1106"/>
      <c r="BX1214" s="1106"/>
      <c r="BY1214" s="1106"/>
      <c r="BZ1214" s="1106"/>
      <c r="CA1214" s="1106"/>
    </row>
    <row r="1215" spans="3:79" ht="9" customHeight="1" x14ac:dyDescent="0.2">
      <c r="C1215" s="1106"/>
      <c r="D1215" s="1106"/>
      <c r="E1215" s="1106"/>
      <c r="F1215" s="1106"/>
      <c r="G1215" s="1106"/>
      <c r="H1215" s="1106"/>
      <c r="I1215" s="1106"/>
      <c r="J1215" s="1106"/>
      <c r="K1215" s="1106"/>
      <c r="L1215" s="1106"/>
      <c r="M1215" s="1106"/>
      <c r="N1215" s="1106"/>
      <c r="O1215" s="1106"/>
      <c r="AB1215" s="1106"/>
      <c r="AC1215" s="1106"/>
      <c r="AD1215" s="1106"/>
      <c r="AE1215" s="1106"/>
      <c r="AF1215" s="1106"/>
      <c r="AG1215" s="1106"/>
      <c r="AH1215" s="1106"/>
      <c r="AL1215" s="1106"/>
      <c r="AZ1215" s="1106"/>
      <c r="BA1215" s="1106"/>
      <c r="BB1215" s="1106"/>
      <c r="BC1215" s="1106"/>
      <c r="BD1215" s="1106"/>
      <c r="BE1215" s="1106"/>
      <c r="BF1215" s="1106"/>
      <c r="BG1215" s="1106"/>
      <c r="BH1215" s="1106"/>
      <c r="BI1215" s="1106"/>
      <c r="BJ1215" s="1106"/>
      <c r="BK1215" s="1106"/>
      <c r="BL1215" s="1106"/>
      <c r="BM1215" s="1106"/>
      <c r="BN1215" s="1106"/>
      <c r="BO1215" s="1106"/>
      <c r="BP1215" s="1106"/>
      <c r="BQ1215" s="1106"/>
      <c r="BR1215" s="1106"/>
      <c r="BS1215" s="1106"/>
      <c r="BT1215" s="1106"/>
      <c r="BU1215" s="1106"/>
      <c r="BV1215" s="1106"/>
      <c r="BW1215" s="1106"/>
      <c r="BX1215" s="1106"/>
      <c r="BY1215" s="1106"/>
      <c r="BZ1215" s="1106"/>
      <c r="CA1215" s="1106"/>
    </row>
    <row r="1216" spans="3:79" ht="9" customHeight="1" x14ac:dyDescent="0.2">
      <c r="C1216" s="1106"/>
      <c r="D1216" s="1106"/>
      <c r="E1216" s="1106"/>
      <c r="F1216" s="1106"/>
      <c r="G1216" s="1106"/>
      <c r="H1216" s="1106"/>
      <c r="I1216" s="1106"/>
      <c r="J1216" s="1106"/>
      <c r="K1216" s="1106"/>
      <c r="L1216" s="1106"/>
      <c r="M1216" s="1106"/>
      <c r="N1216" s="1106"/>
      <c r="O1216" s="1106"/>
      <c r="U1216" s="1106"/>
      <c r="AB1216" s="1106"/>
      <c r="AC1216" s="1106"/>
      <c r="AD1216" s="1106"/>
      <c r="AE1216" s="1106"/>
      <c r="AF1216" s="1106"/>
      <c r="AG1216" s="1106"/>
      <c r="AH1216" s="1106"/>
      <c r="AL1216" s="1106"/>
      <c r="AT1216" s="1106"/>
      <c r="AU1216" s="1106"/>
      <c r="AV1216" s="1106"/>
      <c r="AW1216" s="1106"/>
      <c r="AX1216" s="1106"/>
      <c r="AY1216" s="1106"/>
      <c r="AZ1216" s="1106"/>
      <c r="BA1216" s="1106"/>
      <c r="BB1216" s="1106"/>
      <c r="BC1216" s="1106"/>
      <c r="BD1216" s="1106"/>
      <c r="BE1216" s="1106"/>
      <c r="BF1216" s="1106"/>
      <c r="BG1216" s="1106"/>
      <c r="BH1216" s="1106"/>
      <c r="BI1216" s="1106"/>
      <c r="BJ1216" s="1106"/>
      <c r="BK1216" s="1106"/>
      <c r="BL1216" s="1106"/>
      <c r="BM1216" s="1106"/>
      <c r="BN1216" s="1106"/>
      <c r="BO1216" s="1106"/>
      <c r="BP1216" s="1106"/>
      <c r="BQ1216" s="1106"/>
      <c r="BR1216" s="1106"/>
      <c r="BS1216" s="1106"/>
      <c r="BT1216" s="1106"/>
      <c r="BU1216" s="1106"/>
      <c r="BV1216" s="1106"/>
      <c r="BW1216" s="1106"/>
      <c r="BX1216" s="1106"/>
      <c r="BY1216" s="1106"/>
      <c r="BZ1216" s="1106"/>
      <c r="CA1216" s="1106"/>
    </row>
    <row r="1217" spans="3:79" ht="9" customHeight="1" x14ac:dyDescent="0.2">
      <c r="C1217" s="1106"/>
      <c r="D1217" s="1106"/>
      <c r="E1217" s="1106"/>
      <c r="F1217" s="1106"/>
      <c r="G1217" s="1106"/>
      <c r="H1217" s="1106"/>
      <c r="I1217" s="1106"/>
      <c r="J1217" s="1106"/>
      <c r="K1217" s="1106"/>
      <c r="L1217" s="1106"/>
      <c r="M1217" s="1106"/>
      <c r="N1217" s="1106"/>
      <c r="O1217" s="1106"/>
      <c r="U1217" s="1106"/>
      <c r="AB1217" s="1106"/>
      <c r="AC1217" s="1106"/>
      <c r="AD1217" s="1106"/>
      <c r="AE1217" s="1106"/>
      <c r="AF1217" s="1106"/>
      <c r="AG1217" s="1106"/>
      <c r="AH1217" s="1106"/>
      <c r="AL1217" s="1106"/>
      <c r="AO1217" s="1106"/>
      <c r="AP1217" s="1106"/>
      <c r="AT1217" s="1106"/>
      <c r="AU1217" s="1106"/>
      <c r="AV1217" s="1106"/>
      <c r="AW1217" s="1106"/>
      <c r="AX1217" s="1106"/>
      <c r="AY1217" s="1106"/>
      <c r="AZ1217" s="1106"/>
      <c r="BA1217" s="1106"/>
      <c r="BB1217" s="1106"/>
      <c r="BC1217" s="1106"/>
      <c r="BD1217" s="1106"/>
      <c r="BE1217" s="1106"/>
      <c r="BF1217" s="1106"/>
      <c r="BG1217" s="1106"/>
      <c r="BH1217" s="1106"/>
      <c r="BI1217" s="1106"/>
      <c r="BJ1217" s="1106"/>
      <c r="BK1217" s="1106"/>
      <c r="BL1217" s="1106"/>
      <c r="BM1217" s="1106"/>
      <c r="BN1217" s="1106"/>
      <c r="BO1217" s="1106"/>
      <c r="BP1217" s="1106"/>
      <c r="BQ1217" s="1106"/>
      <c r="BR1217" s="1106"/>
      <c r="BS1217" s="1106"/>
      <c r="BT1217" s="1106"/>
      <c r="BU1217" s="1106"/>
      <c r="BV1217" s="1106"/>
      <c r="BW1217" s="1106"/>
      <c r="BX1217" s="1106"/>
      <c r="BY1217" s="1106"/>
      <c r="BZ1217" s="1106"/>
      <c r="CA1217" s="1106"/>
    </row>
    <row r="1218" spans="3:79" ht="9" customHeight="1" x14ac:dyDescent="0.2">
      <c r="C1218" s="1106"/>
      <c r="D1218" s="1106"/>
      <c r="E1218" s="1106"/>
      <c r="F1218" s="1106"/>
      <c r="G1218" s="1106"/>
      <c r="H1218" s="1106"/>
      <c r="I1218" s="1106"/>
      <c r="J1218" s="1106"/>
      <c r="K1218" s="1106"/>
      <c r="L1218" s="1106"/>
      <c r="M1218" s="1106"/>
      <c r="N1218" s="1106"/>
      <c r="O1218" s="1106"/>
      <c r="U1218" s="1106"/>
      <c r="AB1218" s="1106"/>
      <c r="AC1218" s="1106"/>
      <c r="AD1218" s="1106"/>
      <c r="AE1218" s="1106"/>
      <c r="AF1218" s="1106"/>
      <c r="AG1218" s="1106"/>
      <c r="AH1218" s="1106"/>
      <c r="AL1218" s="1106"/>
      <c r="AT1218" s="1106"/>
      <c r="AU1218" s="1106"/>
      <c r="AV1218" s="1106"/>
      <c r="AW1218" s="1106"/>
      <c r="AX1218" s="1106"/>
      <c r="AY1218" s="1106"/>
      <c r="AZ1218" s="1106"/>
      <c r="BA1218" s="1106"/>
      <c r="BB1218" s="1106"/>
      <c r="BC1218" s="1106"/>
      <c r="BD1218" s="1106"/>
      <c r="BE1218" s="1106"/>
      <c r="BF1218" s="1106"/>
      <c r="BG1218" s="1106"/>
      <c r="BH1218" s="1106"/>
      <c r="BI1218" s="1106"/>
      <c r="BJ1218" s="1106"/>
      <c r="BK1218" s="1106"/>
      <c r="BL1218" s="1106"/>
      <c r="BM1218" s="1106"/>
      <c r="BN1218" s="1106"/>
      <c r="BO1218" s="1106"/>
      <c r="BP1218" s="1106"/>
      <c r="BQ1218" s="1106"/>
      <c r="BR1218" s="1106"/>
      <c r="BS1218" s="1106"/>
      <c r="BT1218" s="1106"/>
      <c r="BU1218" s="1106"/>
      <c r="BV1218" s="1106"/>
      <c r="BW1218" s="1106"/>
      <c r="BX1218" s="1106"/>
      <c r="BY1218" s="1106"/>
      <c r="BZ1218" s="1106"/>
      <c r="CA1218" s="1106"/>
    </row>
    <row r="1219" spans="3:79" ht="9" customHeight="1" x14ac:dyDescent="0.2">
      <c r="C1219" s="1106"/>
      <c r="D1219" s="1106"/>
      <c r="E1219" s="1106"/>
      <c r="F1219" s="1106"/>
      <c r="G1219" s="1106"/>
      <c r="H1219" s="1106"/>
      <c r="I1219" s="1106"/>
      <c r="J1219" s="1106"/>
      <c r="K1219" s="1106"/>
      <c r="L1219" s="1106"/>
      <c r="M1219" s="1106"/>
      <c r="N1219" s="1106"/>
      <c r="O1219" s="1106"/>
      <c r="AB1219" s="1106"/>
      <c r="AC1219" s="1106"/>
      <c r="AD1219" s="1106"/>
      <c r="AE1219" s="1106"/>
      <c r="AF1219" s="1106"/>
      <c r="AG1219" s="1106"/>
      <c r="AH1219" s="1106"/>
      <c r="AL1219" s="1106"/>
      <c r="AZ1219" s="1106"/>
      <c r="BA1219" s="1106"/>
      <c r="BB1219" s="1106"/>
      <c r="BC1219" s="1106"/>
      <c r="BD1219" s="1106"/>
      <c r="BE1219" s="1106"/>
      <c r="BF1219" s="1106"/>
      <c r="BG1219" s="1106"/>
      <c r="BH1219" s="1106"/>
      <c r="BI1219" s="1106"/>
      <c r="BJ1219" s="1106"/>
      <c r="BK1219" s="1106"/>
      <c r="BL1219" s="1106"/>
      <c r="BM1219" s="1106"/>
      <c r="BN1219" s="1106"/>
      <c r="BO1219" s="1106"/>
      <c r="BP1219" s="1106"/>
      <c r="BQ1219" s="1106"/>
      <c r="BR1219" s="1106"/>
      <c r="BS1219" s="1106"/>
      <c r="BT1219" s="1106"/>
      <c r="BU1219" s="1106"/>
      <c r="BV1219" s="1106"/>
      <c r="BW1219" s="1106"/>
      <c r="BX1219" s="1106"/>
      <c r="BY1219" s="1106"/>
      <c r="BZ1219" s="1106"/>
      <c r="CA1219" s="1106"/>
    </row>
    <row r="1220" spans="3:79" ht="9" customHeight="1" x14ac:dyDescent="0.2">
      <c r="C1220" s="1106"/>
      <c r="D1220" s="1106"/>
      <c r="E1220" s="1106"/>
      <c r="F1220" s="1106"/>
      <c r="G1220" s="1106"/>
      <c r="H1220" s="1106"/>
      <c r="I1220" s="1106"/>
      <c r="J1220" s="1106"/>
      <c r="K1220" s="1106"/>
      <c r="L1220" s="1106"/>
      <c r="M1220" s="1106"/>
      <c r="N1220" s="1106"/>
      <c r="O1220" s="1106"/>
      <c r="AB1220" s="1106"/>
      <c r="AC1220" s="1106"/>
      <c r="AD1220" s="1106"/>
      <c r="AE1220" s="1106"/>
      <c r="AF1220" s="1106"/>
      <c r="AG1220" s="1106"/>
      <c r="AH1220" s="1106"/>
      <c r="AL1220" s="1106"/>
      <c r="AZ1220" s="1106"/>
      <c r="BA1220" s="1106"/>
      <c r="BB1220" s="1106"/>
      <c r="BC1220" s="1106"/>
      <c r="BD1220" s="1106"/>
      <c r="BE1220" s="1106"/>
      <c r="BF1220" s="1106"/>
      <c r="BG1220" s="1106"/>
      <c r="BH1220" s="1106"/>
      <c r="BI1220" s="1106"/>
      <c r="BJ1220" s="1106"/>
      <c r="BK1220" s="1106"/>
      <c r="BL1220" s="1106"/>
      <c r="BM1220" s="1106"/>
      <c r="BN1220" s="1106"/>
      <c r="BO1220" s="1106"/>
      <c r="BP1220" s="1106"/>
      <c r="BQ1220" s="1106"/>
      <c r="BR1220" s="1106"/>
      <c r="BS1220" s="1106"/>
      <c r="BT1220" s="1106"/>
      <c r="BU1220" s="1106"/>
      <c r="BV1220" s="1106"/>
      <c r="BW1220" s="1106"/>
      <c r="BX1220" s="1106"/>
      <c r="BY1220" s="1106"/>
      <c r="BZ1220" s="1106"/>
      <c r="CA1220" s="1106"/>
    </row>
    <row r="1221" spans="3:79" ht="9" customHeight="1" x14ac:dyDescent="0.2">
      <c r="C1221" s="1106"/>
      <c r="D1221" s="1106"/>
      <c r="E1221" s="1106"/>
      <c r="F1221" s="1106"/>
      <c r="G1221" s="1106"/>
      <c r="H1221" s="1106"/>
      <c r="I1221" s="1106"/>
      <c r="J1221" s="1106"/>
      <c r="K1221" s="1106"/>
      <c r="L1221" s="1106"/>
      <c r="M1221" s="1106"/>
      <c r="N1221" s="1106"/>
      <c r="O1221" s="1106"/>
      <c r="AB1221" s="1106"/>
      <c r="AC1221" s="1106"/>
      <c r="AD1221" s="1106"/>
      <c r="AE1221" s="1106"/>
      <c r="AF1221" s="1106"/>
      <c r="AG1221" s="1106"/>
      <c r="AH1221" s="1106"/>
      <c r="AL1221" s="1106"/>
      <c r="AZ1221" s="1106"/>
      <c r="BA1221" s="1106"/>
      <c r="BB1221" s="1106"/>
      <c r="BC1221" s="1106"/>
      <c r="BD1221" s="1106"/>
      <c r="BE1221" s="1106"/>
      <c r="BF1221" s="1106"/>
      <c r="BG1221" s="1106"/>
      <c r="BH1221" s="1106"/>
      <c r="BI1221" s="1106"/>
      <c r="BJ1221" s="1106"/>
      <c r="BK1221" s="1106"/>
      <c r="BL1221" s="1106"/>
      <c r="BM1221" s="1106"/>
      <c r="BN1221" s="1106"/>
      <c r="BO1221" s="1106"/>
      <c r="BP1221" s="1106"/>
      <c r="BQ1221" s="1106"/>
      <c r="BR1221" s="1106"/>
      <c r="BS1221" s="1106"/>
      <c r="BT1221" s="1106"/>
      <c r="BU1221" s="1106"/>
      <c r="BV1221" s="1106"/>
      <c r="BW1221" s="1106"/>
      <c r="BX1221" s="1106"/>
      <c r="BY1221" s="1106"/>
      <c r="BZ1221" s="1106"/>
      <c r="CA1221" s="1106"/>
    </row>
    <row r="1222" spans="3:79" ht="9" customHeight="1" x14ac:dyDescent="0.2">
      <c r="C1222" s="1106"/>
      <c r="D1222" s="1106"/>
      <c r="E1222" s="1106"/>
      <c r="F1222" s="1106"/>
      <c r="G1222" s="1106"/>
      <c r="H1222" s="1106"/>
      <c r="I1222" s="1106"/>
      <c r="J1222" s="1106"/>
      <c r="K1222" s="1106"/>
      <c r="L1222" s="1106"/>
      <c r="M1222" s="1106"/>
      <c r="N1222" s="1106"/>
      <c r="O1222" s="1106"/>
      <c r="U1222" s="1106"/>
      <c r="AB1222" s="1106"/>
      <c r="AC1222" s="1106"/>
      <c r="AD1222" s="1106"/>
      <c r="AE1222" s="1106"/>
      <c r="AF1222" s="1106"/>
      <c r="AG1222" s="1106"/>
      <c r="AH1222" s="1106"/>
      <c r="AL1222" s="1106"/>
      <c r="AT1222" s="1106"/>
      <c r="AU1222" s="1106"/>
      <c r="AV1222" s="1106"/>
      <c r="AW1222" s="1106"/>
      <c r="AX1222" s="1106"/>
      <c r="AY1222" s="1106"/>
      <c r="AZ1222" s="1106"/>
      <c r="BA1222" s="1106"/>
      <c r="BB1222" s="1106"/>
      <c r="BC1222" s="1106"/>
      <c r="BD1222" s="1106"/>
      <c r="BE1222" s="1106"/>
      <c r="BF1222" s="1106"/>
      <c r="BG1222" s="1106"/>
      <c r="BH1222" s="1106"/>
      <c r="BI1222" s="1106"/>
      <c r="BJ1222" s="1106"/>
      <c r="BK1222" s="1106"/>
      <c r="BL1222" s="1106"/>
      <c r="BM1222" s="1106"/>
      <c r="BN1222" s="1106"/>
      <c r="BO1222" s="1106"/>
      <c r="BP1222" s="1106"/>
      <c r="BQ1222" s="1106"/>
      <c r="BR1222" s="1106"/>
      <c r="BS1222" s="1106"/>
      <c r="BT1222" s="1106"/>
      <c r="BU1222" s="1106"/>
      <c r="BV1222" s="1106"/>
      <c r="BW1222" s="1106"/>
      <c r="BX1222" s="1106"/>
      <c r="BY1222" s="1106"/>
      <c r="BZ1222" s="1106"/>
      <c r="CA1222" s="1106"/>
    </row>
    <row r="1223" spans="3:79" ht="9" customHeight="1" x14ac:dyDescent="0.2">
      <c r="C1223" s="1106"/>
      <c r="D1223" s="1106"/>
      <c r="E1223" s="1106"/>
      <c r="F1223" s="1106"/>
      <c r="G1223" s="1106"/>
      <c r="H1223" s="1106"/>
      <c r="I1223" s="1106"/>
      <c r="J1223" s="1106"/>
      <c r="K1223" s="1106"/>
      <c r="L1223" s="1106"/>
      <c r="M1223" s="1106"/>
      <c r="N1223" s="1106"/>
      <c r="O1223" s="1106"/>
      <c r="U1223" s="1106"/>
      <c r="AB1223" s="1106"/>
      <c r="AC1223" s="1106"/>
      <c r="AD1223" s="1106"/>
      <c r="AE1223" s="1106"/>
      <c r="AF1223" s="1106"/>
      <c r="AG1223" s="1106"/>
      <c r="AH1223" s="1106"/>
      <c r="AL1223" s="1106"/>
      <c r="AO1223" s="1106"/>
      <c r="AP1223" s="1106"/>
      <c r="AT1223" s="1106"/>
      <c r="AU1223" s="1106"/>
      <c r="AV1223" s="1106"/>
      <c r="AW1223" s="1106"/>
      <c r="AX1223" s="1106"/>
      <c r="AY1223" s="1106"/>
      <c r="AZ1223" s="1106"/>
      <c r="BA1223" s="1106"/>
      <c r="BB1223" s="1106"/>
      <c r="BC1223" s="1106"/>
      <c r="BD1223" s="1106"/>
      <c r="BE1223" s="1106"/>
      <c r="BF1223" s="1106"/>
      <c r="BG1223" s="1106"/>
      <c r="BH1223" s="1106"/>
      <c r="BI1223" s="1106"/>
      <c r="BJ1223" s="1106"/>
      <c r="BK1223" s="1106"/>
      <c r="BL1223" s="1106"/>
      <c r="BM1223" s="1106"/>
      <c r="BN1223" s="1106"/>
      <c r="BO1223" s="1106"/>
      <c r="BP1223" s="1106"/>
      <c r="BQ1223" s="1106"/>
      <c r="BR1223" s="1106"/>
      <c r="BS1223" s="1106"/>
      <c r="BT1223" s="1106"/>
      <c r="BU1223" s="1106"/>
      <c r="BV1223" s="1106"/>
      <c r="BW1223" s="1106"/>
      <c r="BX1223" s="1106"/>
      <c r="BY1223" s="1106"/>
      <c r="BZ1223" s="1106"/>
      <c r="CA1223" s="1106"/>
    </row>
    <row r="1224" spans="3:79" ht="9" customHeight="1" x14ac:dyDescent="0.2">
      <c r="C1224" s="1106"/>
      <c r="D1224" s="1106"/>
      <c r="E1224" s="1106"/>
      <c r="F1224" s="1106"/>
      <c r="G1224" s="1106"/>
      <c r="H1224" s="1106"/>
      <c r="I1224" s="1106"/>
      <c r="J1224" s="1106"/>
      <c r="K1224" s="1106"/>
      <c r="L1224" s="1106"/>
      <c r="M1224" s="1106"/>
      <c r="N1224" s="1106"/>
      <c r="O1224" s="1106"/>
      <c r="U1224" s="1106"/>
      <c r="AB1224" s="1106"/>
      <c r="AC1224" s="1106"/>
      <c r="AD1224" s="1106"/>
      <c r="AE1224" s="1106"/>
      <c r="AF1224" s="1106"/>
      <c r="AG1224" s="1106"/>
      <c r="AH1224" s="1106"/>
      <c r="AL1224" s="1106"/>
      <c r="AT1224" s="1106"/>
      <c r="AU1224" s="1106"/>
      <c r="AV1224" s="1106"/>
      <c r="AW1224" s="1106"/>
      <c r="AX1224" s="1106"/>
      <c r="AY1224" s="1106"/>
      <c r="AZ1224" s="1106"/>
      <c r="BA1224" s="1106"/>
      <c r="BB1224" s="1106"/>
      <c r="BC1224" s="1106"/>
      <c r="BD1224" s="1106"/>
      <c r="BE1224" s="1106"/>
      <c r="BF1224" s="1106"/>
      <c r="BG1224" s="1106"/>
      <c r="BH1224" s="1106"/>
      <c r="BI1224" s="1106"/>
      <c r="BJ1224" s="1106"/>
      <c r="BK1224" s="1106"/>
      <c r="BL1224" s="1106"/>
      <c r="BM1224" s="1106"/>
      <c r="BN1224" s="1106"/>
      <c r="BO1224" s="1106"/>
      <c r="BP1224" s="1106"/>
      <c r="BQ1224" s="1106"/>
      <c r="BR1224" s="1106"/>
      <c r="BS1224" s="1106"/>
      <c r="BT1224" s="1106"/>
      <c r="BU1224" s="1106"/>
      <c r="BV1224" s="1106"/>
      <c r="BW1224" s="1106"/>
      <c r="BX1224" s="1106"/>
      <c r="BY1224" s="1106"/>
      <c r="BZ1224" s="1106"/>
      <c r="CA1224" s="1106"/>
    </row>
    <row r="1225" spans="3:79" ht="9" customHeight="1" x14ac:dyDescent="0.2">
      <c r="C1225" s="1106"/>
      <c r="D1225" s="1106"/>
      <c r="E1225" s="1106"/>
      <c r="F1225" s="1106"/>
      <c r="G1225" s="1106"/>
      <c r="H1225" s="1106"/>
      <c r="I1225" s="1106"/>
      <c r="J1225" s="1106"/>
      <c r="K1225" s="1106"/>
      <c r="L1225" s="1106"/>
      <c r="M1225" s="1106"/>
      <c r="N1225" s="1106"/>
      <c r="O1225" s="1106"/>
      <c r="AB1225" s="1106"/>
      <c r="AC1225" s="1106"/>
      <c r="AD1225" s="1106"/>
      <c r="AE1225" s="1106"/>
      <c r="AF1225" s="1106"/>
      <c r="AG1225" s="1106"/>
      <c r="AH1225" s="1106"/>
      <c r="AL1225" s="1106"/>
      <c r="AZ1225" s="1106"/>
      <c r="BA1225" s="1106"/>
      <c r="BB1225" s="1106"/>
      <c r="BC1225" s="1106"/>
      <c r="BD1225" s="1106"/>
      <c r="BE1225" s="1106"/>
      <c r="BF1225" s="1106"/>
      <c r="BG1225" s="1106"/>
      <c r="BH1225" s="1106"/>
      <c r="BI1225" s="1106"/>
      <c r="BJ1225" s="1106"/>
      <c r="BK1225" s="1106"/>
      <c r="BL1225" s="1106"/>
      <c r="BM1225" s="1106"/>
      <c r="BN1225" s="1106"/>
      <c r="BO1225" s="1106"/>
      <c r="BP1225" s="1106"/>
      <c r="BQ1225" s="1106"/>
      <c r="BR1225" s="1106"/>
      <c r="BS1225" s="1106"/>
      <c r="BT1225" s="1106"/>
      <c r="BU1225" s="1106"/>
      <c r="BV1225" s="1106"/>
      <c r="BW1225" s="1106"/>
      <c r="BX1225" s="1106"/>
      <c r="BY1225" s="1106"/>
      <c r="BZ1225" s="1106"/>
      <c r="CA1225" s="1106"/>
    </row>
    <row r="1226" spans="3:79" ht="9" customHeight="1" x14ac:dyDescent="0.2">
      <c r="C1226" s="1106"/>
      <c r="D1226" s="1106"/>
      <c r="E1226" s="1106"/>
      <c r="F1226" s="1106"/>
      <c r="G1226" s="1106"/>
      <c r="H1226" s="1106"/>
      <c r="I1226" s="1106"/>
      <c r="J1226" s="1106"/>
      <c r="K1226" s="1106"/>
      <c r="L1226" s="1106"/>
      <c r="M1226" s="1106"/>
      <c r="N1226" s="1106"/>
      <c r="O1226" s="1106"/>
      <c r="AB1226" s="1106"/>
      <c r="AC1226" s="1106"/>
      <c r="AD1226" s="1106"/>
      <c r="AE1226" s="1106"/>
      <c r="AF1226" s="1106"/>
      <c r="AG1226" s="1106"/>
      <c r="AH1226" s="1106"/>
      <c r="AL1226" s="1106"/>
      <c r="AZ1226" s="1106"/>
      <c r="BA1226" s="1106"/>
      <c r="BB1226" s="1106"/>
      <c r="BC1226" s="1106"/>
      <c r="BD1226" s="1106"/>
      <c r="BE1226" s="1106"/>
      <c r="BF1226" s="1106"/>
      <c r="BG1226" s="1106"/>
      <c r="BH1226" s="1106"/>
      <c r="BI1226" s="1106"/>
      <c r="BJ1226" s="1106"/>
      <c r="BK1226" s="1106"/>
      <c r="BL1226" s="1106"/>
      <c r="BM1226" s="1106"/>
      <c r="BN1226" s="1106"/>
      <c r="BO1226" s="1106"/>
      <c r="BP1226" s="1106"/>
      <c r="BQ1226" s="1106"/>
      <c r="BR1226" s="1106"/>
      <c r="BS1226" s="1106"/>
      <c r="BT1226" s="1106"/>
      <c r="BU1226" s="1106"/>
      <c r="BV1226" s="1106"/>
      <c r="BW1226" s="1106"/>
      <c r="BX1226" s="1106"/>
      <c r="BY1226" s="1106"/>
      <c r="BZ1226" s="1106"/>
      <c r="CA1226" s="1106"/>
    </row>
    <row r="1227" spans="3:79" ht="9" customHeight="1" x14ac:dyDescent="0.2">
      <c r="C1227" s="1106"/>
      <c r="D1227" s="1106"/>
      <c r="E1227" s="1106"/>
      <c r="F1227" s="1106"/>
      <c r="G1227" s="1106"/>
      <c r="H1227" s="1106"/>
      <c r="I1227" s="1106"/>
      <c r="J1227" s="1106"/>
      <c r="K1227" s="1106"/>
      <c r="L1227" s="1106"/>
      <c r="M1227" s="1106"/>
      <c r="N1227" s="1106"/>
      <c r="O1227" s="1106"/>
      <c r="AB1227" s="1106"/>
      <c r="AC1227" s="1106"/>
      <c r="AD1227" s="1106"/>
      <c r="AE1227" s="1106"/>
      <c r="AF1227" s="1106"/>
      <c r="AG1227" s="1106"/>
      <c r="AH1227" s="1106"/>
      <c r="AL1227" s="1106"/>
      <c r="AZ1227" s="1106"/>
      <c r="BA1227" s="1106"/>
      <c r="BB1227" s="1106"/>
      <c r="BC1227" s="1106"/>
      <c r="BD1227" s="1106"/>
      <c r="BE1227" s="1106"/>
      <c r="BF1227" s="1106"/>
      <c r="BG1227" s="1106"/>
      <c r="BH1227" s="1106"/>
      <c r="BI1227" s="1106"/>
      <c r="BJ1227" s="1106"/>
      <c r="BK1227" s="1106"/>
      <c r="BL1227" s="1106"/>
      <c r="BM1227" s="1106"/>
      <c r="BN1227" s="1106"/>
      <c r="BO1227" s="1106"/>
      <c r="BP1227" s="1106"/>
      <c r="BQ1227" s="1106"/>
      <c r="BR1227" s="1106"/>
      <c r="BS1227" s="1106"/>
      <c r="BT1227" s="1106"/>
      <c r="BU1227" s="1106"/>
      <c r="BV1227" s="1106"/>
      <c r="BW1227" s="1106"/>
      <c r="BX1227" s="1106"/>
      <c r="BY1227" s="1106"/>
      <c r="BZ1227" s="1106"/>
      <c r="CA1227" s="1106"/>
    </row>
    <row r="1228" spans="3:79" ht="9" customHeight="1" x14ac:dyDescent="0.2">
      <c r="C1228" s="1106"/>
      <c r="D1228" s="1106"/>
      <c r="E1228" s="1106"/>
      <c r="F1228" s="1106"/>
      <c r="G1228" s="1106"/>
      <c r="H1228" s="1106"/>
      <c r="I1228" s="1106"/>
      <c r="J1228" s="1106"/>
      <c r="K1228" s="1106"/>
      <c r="L1228" s="1106"/>
      <c r="M1228" s="1106"/>
      <c r="N1228" s="1106"/>
      <c r="O1228" s="1106"/>
      <c r="U1228" s="1106"/>
      <c r="AB1228" s="1106"/>
      <c r="AC1228" s="1106"/>
      <c r="AD1228" s="1106"/>
      <c r="AE1228" s="1106"/>
      <c r="AF1228" s="1106"/>
      <c r="AG1228" s="1106"/>
      <c r="AH1228" s="1106"/>
      <c r="AL1228" s="1106"/>
      <c r="AT1228" s="1106"/>
      <c r="AU1228" s="1106"/>
      <c r="AV1228" s="1106"/>
      <c r="AW1228" s="1106"/>
      <c r="AX1228" s="1106"/>
      <c r="AY1228" s="1106"/>
      <c r="AZ1228" s="1106"/>
      <c r="BA1228" s="1106"/>
      <c r="BB1228" s="1106"/>
      <c r="BC1228" s="1106"/>
      <c r="BD1228" s="1106"/>
      <c r="BE1228" s="1106"/>
      <c r="BF1228" s="1106"/>
      <c r="BG1228" s="1106"/>
      <c r="BH1228" s="1106"/>
      <c r="BI1228" s="1106"/>
      <c r="BJ1228" s="1106"/>
      <c r="BK1228" s="1106"/>
      <c r="BL1228" s="1106"/>
      <c r="BM1228" s="1106"/>
      <c r="BN1228" s="1106"/>
      <c r="BO1228" s="1106"/>
      <c r="BP1228" s="1106"/>
      <c r="BQ1228" s="1106"/>
      <c r="BR1228" s="1106"/>
      <c r="BS1228" s="1106"/>
      <c r="BT1228" s="1106"/>
      <c r="BU1228" s="1106"/>
      <c r="BV1228" s="1106"/>
      <c r="BW1228" s="1106"/>
      <c r="BX1228" s="1106"/>
      <c r="BY1228" s="1106"/>
      <c r="BZ1228" s="1106"/>
      <c r="CA1228" s="1106"/>
    </row>
    <row r="1229" spans="3:79" ht="9" customHeight="1" x14ac:dyDescent="0.2">
      <c r="C1229" s="1106"/>
      <c r="D1229" s="1106"/>
      <c r="E1229" s="1106"/>
      <c r="F1229" s="1106"/>
      <c r="G1229" s="1106"/>
      <c r="H1229" s="1106"/>
      <c r="I1229" s="1106"/>
      <c r="J1229" s="1106"/>
      <c r="K1229" s="1106"/>
      <c r="L1229" s="1106"/>
      <c r="M1229" s="1106"/>
      <c r="N1229" s="1106"/>
      <c r="O1229" s="1106"/>
      <c r="U1229" s="1106"/>
      <c r="AB1229" s="1106"/>
      <c r="AC1229" s="1106"/>
      <c r="AD1229" s="1106"/>
      <c r="AE1229" s="1106"/>
      <c r="AF1229" s="1106"/>
      <c r="AG1229" s="1106"/>
      <c r="AH1229" s="1106"/>
      <c r="AL1229" s="1106"/>
      <c r="AO1229" s="1106"/>
      <c r="AP1229" s="1106"/>
      <c r="AT1229" s="1106"/>
      <c r="AU1229" s="1106"/>
      <c r="AV1229" s="1106"/>
      <c r="AW1229" s="1106"/>
      <c r="AX1229" s="1106"/>
      <c r="AY1229" s="1106"/>
      <c r="AZ1229" s="1106"/>
      <c r="BA1229" s="1106"/>
      <c r="BB1229" s="1106"/>
      <c r="BC1229" s="1106"/>
      <c r="BD1229" s="1106"/>
      <c r="BE1229" s="1106"/>
      <c r="BF1229" s="1106"/>
      <c r="BG1229" s="1106"/>
      <c r="BH1229" s="1106"/>
      <c r="BI1229" s="1106"/>
      <c r="BJ1229" s="1106"/>
      <c r="BK1229" s="1106"/>
      <c r="BL1229" s="1106"/>
      <c r="BM1229" s="1106"/>
      <c r="BN1229" s="1106"/>
      <c r="BO1229" s="1106"/>
      <c r="BP1229" s="1106"/>
      <c r="BQ1229" s="1106"/>
      <c r="BR1229" s="1106"/>
      <c r="BS1229" s="1106"/>
      <c r="BT1229" s="1106"/>
      <c r="BU1229" s="1106"/>
      <c r="BV1229" s="1106"/>
      <c r="BW1229" s="1106"/>
      <c r="BX1229" s="1106"/>
      <c r="BY1229" s="1106"/>
      <c r="BZ1229" s="1106"/>
      <c r="CA1229" s="1106"/>
    </row>
    <row r="1230" spans="3:79" ht="9" customHeight="1" x14ac:dyDescent="0.2">
      <c r="C1230" s="1106"/>
      <c r="D1230" s="1106"/>
      <c r="E1230" s="1106"/>
      <c r="F1230" s="1106"/>
      <c r="G1230" s="1106"/>
      <c r="H1230" s="1106"/>
      <c r="I1230" s="1106"/>
      <c r="J1230" s="1106"/>
      <c r="K1230" s="1106"/>
      <c r="L1230" s="1106"/>
      <c r="M1230" s="1106"/>
      <c r="N1230" s="1106"/>
      <c r="O1230" s="1106"/>
      <c r="U1230" s="1106"/>
      <c r="AB1230" s="1106"/>
      <c r="AC1230" s="1106"/>
      <c r="AD1230" s="1106"/>
      <c r="AE1230" s="1106"/>
      <c r="AF1230" s="1106"/>
      <c r="AG1230" s="1106"/>
      <c r="AH1230" s="1106"/>
      <c r="AL1230" s="1106"/>
      <c r="AT1230" s="1106"/>
      <c r="AU1230" s="1106"/>
      <c r="AV1230" s="1106"/>
      <c r="AW1230" s="1106"/>
      <c r="AX1230" s="1106"/>
      <c r="AY1230" s="1106"/>
      <c r="AZ1230" s="1106"/>
      <c r="BA1230" s="1106"/>
      <c r="BB1230" s="1106"/>
      <c r="BC1230" s="1106"/>
      <c r="BD1230" s="1106"/>
      <c r="BE1230" s="1106"/>
      <c r="BF1230" s="1106"/>
      <c r="BG1230" s="1106"/>
      <c r="BH1230" s="1106"/>
      <c r="BI1230" s="1106"/>
      <c r="BJ1230" s="1106"/>
      <c r="BK1230" s="1106"/>
      <c r="BL1230" s="1106"/>
      <c r="BM1230" s="1106"/>
      <c r="BN1230" s="1106"/>
      <c r="BO1230" s="1106"/>
      <c r="BP1230" s="1106"/>
      <c r="BQ1230" s="1106"/>
      <c r="BR1230" s="1106"/>
      <c r="BS1230" s="1106"/>
      <c r="BT1230" s="1106"/>
      <c r="BU1230" s="1106"/>
      <c r="BV1230" s="1106"/>
      <c r="BW1230" s="1106"/>
      <c r="BX1230" s="1106"/>
      <c r="BY1230" s="1106"/>
      <c r="BZ1230" s="1106"/>
      <c r="CA1230" s="1106"/>
    </row>
    <row r="1231" spans="3:79" ht="9" customHeight="1" x14ac:dyDescent="0.2">
      <c r="C1231" s="1106"/>
      <c r="D1231" s="1106"/>
      <c r="E1231" s="1106"/>
      <c r="F1231" s="1106"/>
      <c r="G1231" s="1106"/>
      <c r="H1231" s="1106"/>
      <c r="I1231" s="1106"/>
      <c r="J1231" s="1106"/>
      <c r="K1231" s="1106"/>
      <c r="L1231" s="1106"/>
      <c r="M1231" s="1106"/>
      <c r="N1231" s="1106"/>
      <c r="O1231" s="1106"/>
      <c r="AB1231" s="1106"/>
      <c r="AC1231" s="1106"/>
      <c r="AD1231" s="1106"/>
      <c r="AE1231" s="1106"/>
      <c r="AF1231" s="1106"/>
      <c r="AG1231" s="1106"/>
      <c r="AH1231" s="1106"/>
      <c r="AL1231" s="1106"/>
      <c r="AZ1231" s="1106"/>
      <c r="BA1231" s="1106"/>
      <c r="BB1231" s="1106"/>
      <c r="BC1231" s="1106"/>
      <c r="BD1231" s="1106"/>
      <c r="BE1231" s="1106"/>
      <c r="BF1231" s="1106"/>
      <c r="BG1231" s="1106"/>
      <c r="BH1231" s="1106"/>
      <c r="BI1231" s="1106"/>
      <c r="BJ1231" s="1106"/>
      <c r="BK1231" s="1106"/>
      <c r="BL1231" s="1106"/>
      <c r="BM1231" s="1106"/>
      <c r="BN1231" s="1106"/>
      <c r="BO1231" s="1106"/>
      <c r="BP1231" s="1106"/>
      <c r="BQ1231" s="1106"/>
      <c r="BR1231" s="1106"/>
      <c r="BS1231" s="1106"/>
      <c r="BT1231" s="1106"/>
      <c r="BU1231" s="1106"/>
      <c r="BV1231" s="1106"/>
      <c r="BW1231" s="1106"/>
      <c r="BX1231" s="1106"/>
      <c r="BY1231" s="1106"/>
      <c r="BZ1231" s="1106"/>
      <c r="CA1231" s="1106"/>
    </row>
    <row r="1232" spans="3:79" ht="9" customHeight="1" x14ac:dyDescent="0.2">
      <c r="C1232" s="1106"/>
      <c r="D1232" s="1106"/>
      <c r="E1232" s="1106"/>
      <c r="F1232" s="1106"/>
      <c r="G1232" s="1106"/>
      <c r="H1232" s="1106"/>
      <c r="I1232" s="1106"/>
      <c r="J1232" s="1106"/>
      <c r="K1232" s="1106"/>
      <c r="L1232" s="1106"/>
      <c r="M1232" s="1106"/>
      <c r="N1232" s="1106"/>
      <c r="O1232" s="1106"/>
      <c r="AB1232" s="1106"/>
      <c r="AC1232" s="1106"/>
      <c r="AD1232" s="1106"/>
      <c r="AE1232" s="1106"/>
      <c r="AF1232" s="1106"/>
      <c r="AG1232" s="1106"/>
      <c r="AH1232" s="1106"/>
      <c r="AL1232" s="1106"/>
      <c r="AZ1232" s="1106"/>
      <c r="BA1232" s="1106"/>
      <c r="BB1232" s="1106"/>
      <c r="BC1232" s="1106"/>
      <c r="BD1232" s="1106"/>
      <c r="BE1232" s="1106"/>
      <c r="BF1232" s="1106"/>
      <c r="BG1232" s="1106"/>
      <c r="BH1232" s="1106"/>
      <c r="BI1232" s="1106"/>
      <c r="BJ1232" s="1106"/>
      <c r="BK1232" s="1106"/>
      <c r="BL1232" s="1106"/>
      <c r="BM1232" s="1106"/>
      <c r="BN1232" s="1106"/>
      <c r="BO1232" s="1106"/>
      <c r="BP1232" s="1106"/>
      <c r="BQ1232" s="1106"/>
      <c r="BR1232" s="1106"/>
      <c r="BS1232" s="1106"/>
      <c r="BT1232" s="1106"/>
      <c r="BU1232" s="1106"/>
      <c r="BV1232" s="1106"/>
      <c r="BW1232" s="1106"/>
      <c r="BX1232" s="1106"/>
      <c r="BY1232" s="1106"/>
      <c r="BZ1232" s="1106"/>
      <c r="CA1232" s="1106"/>
    </row>
    <row r="1233" spans="3:79" ht="9" customHeight="1" x14ac:dyDescent="0.2">
      <c r="C1233" s="1106"/>
      <c r="D1233" s="1106"/>
      <c r="E1233" s="1106"/>
      <c r="F1233" s="1106"/>
      <c r="G1233" s="1106"/>
      <c r="H1233" s="1106"/>
      <c r="I1233" s="1106"/>
      <c r="J1233" s="1106"/>
      <c r="K1233" s="1106"/>
      <c r="L1233" s="1106"/>
      <c r="M1233" s="1106"/>
      <c r="N1233" s="1106"/>
      <c r="O1233" s="1106"/>
      <c r="AB1233" s="1106"/>
      <c r="AC1233" s="1106"/>
      <c r="AD1233" s="1106"/>
      <c r="AE1233" s="1106"/>
      <c r="AF1233" s="1106"/>
      <c r="AG1233" s="1106"/>
      <c r="AH1233" s="1106"/>
      <c r="AL1233" s="1106"/>
      <c r="AZ1233" s="1106"/>
      <c r="BA1233" s="1106"/>
      <c r="BB1233" s="1106"/>
      <c r="BC1233" s="1106"/>
      <c r="BD1233" s="1106"/>
      <c r="BE1233" s="1106"/>
      <c r="BF1233" s="1106"/>
      <c r="BG1233" s="1106"/>
      <c r="BH1233" s="1106"/>
      <c r="BI1233" s="1106"/>
      <c r="BJ1233" s="1106"/>
      <c r="BK1233" s="1106"/>
      <c r="BL1233" s="1106"/>
      <c r="BM1233" s="1106"/>
      <c r="BN1233" s="1106"/>
      <c r="BO1233" s="1106"/>
      <c r="BP1233" s="1106"/>
      <c r="BQ1233" s="1106"/>
      <c r="BR1233" s="1106"/>
      <c r="BS1233" s="1106"/>
      <c r="BT1233" s="1106"/>
      <c r="BU1233" s="1106"/>
      <c r="BV1233" s="1106"/>
      <c r="BW1233" s="1106"/>
      <c r="BX1233" s="1106"/>
      <c r="BY1233" s="1106"/>
      <c r="BZ1233" s="1106"/>
      <c r="CA1233" s="1106"/>
    </row>
    <row r="1234" spans="3:79" ht="9" customHeight="1" x14ac:dyDescent="0.2">
      <c r="C1234" s="1106"/>
      <c r="D1234" s="1106"/>
      <c r="E1234" s="1106"/>
      <c r="F1234" s="1106"/>
      <c r="G1234" s="1106"/>
      <c r="H1234" s="1106"/>
      <c r="I1234" s="1106"/>
      <c r="J1234" s="1106"/>
      <c r="K1234" s="1106"/>
      <c r="L1234" s="1106"/>
      <c r="M1234" s="1106"/>
      <c r="N1234" s="1106"/>
      <c r="O1234" s="1106"/>
      <c r="U1234" s="1106"/>
      <c r="AB1234" s="1106"/>
      <c r="AC1234" s="1106"/>
      <c r="AD1234" s="1106"/>
      <c r="AE1234" s="1106"/>
      <c r="AF1234" s="1106"/>
      <c r="AG1234" s="1106"/>
      <c r="AH1234" s="1106"/>
      <c r="AL1234" s="1106"/>
      <c r="AT1234" s="1106"/>
      <c r="AU1234" s="1106"/>
      <c r="AV1234" s="1106"/>
      <c r="AW1234" s="1106"/>
      <c r="AX1234" s="1106"/>
      <c r="AY1234" s="1106"/>
      <c r="AZ1234" s="1106"/>
      <c r="BA1234" s="1106"/>
      <c r="BB1234" s="1106"/>
      <c r="BC1234" s="1106"/>
      <c r="BD1234" s="1106"/>
      <c r="BE1234" s="1106"/>
      <c r="BF1234" s="1106"/>
      <c r="BG1234" s="1106"/>
      <c r="BH1234" s="1106"/>
      <c r="BI1234" s="1106"/>
      <c r="BJ1234" s="1106"/>
      <c r="BK1234" s="1106"/>
      <c r="BL1234" s="1106"/>
      <c r="BM1234" s="1106"/>
      <c r="BN1234" s="1106"/>
      <c r="BO1234" s="1106"/>
      <c r="BP1234" s="1106"/>
      <c r="BQ1234" s="1106"/>
      <c r="BR1234" s="1106"/>
      <c r="BS1234" s="1106"/>
      <c r="BT1234" s="1106"/>
      <c r="BU1234" s="1106"/>
      <c r="BV1234" s="1106"/>
      <c r="BW1234" s="1106"/>
      <c r="BX1234" s="1106"/>
      <c r="BY1234" s="1106"/>
      <c r="BZ1234" s="1106"/>
      <c r="CA1234" s="1106"/>
    </row>
    <row r="1235" spans="3:79" ht="9" customHeight="1" x14ac:dyDescent="0.2">
      <c r="C1235" s="1106"/>
      <c r="D1235" s="1106"/>
      <c r="E1235" s="1106"/>
      <c r="F1235" s="1106"/>
      <c r="G1235" s="1106"/>
      <c r="H1235" s="1106"/>
      <c r="I1235" s="1106"/>
      <c r="J1235" s="1106"/>
      <c r="K1235" s="1106"/>
      <c r="L1235" s="1106"/>
      <c r="M1235" s="1106"/>
      <c r="N1235" s="1106"/>
      <c r="O1235" s="1106"/>
      <c r="U1235" s="1106"/>
      <c r="AB1235" s="1106"/>
      <c r="AC1235" s="1106"/>
      <c r="AD1235" s="1106"/>
      <c r="AE1235" s="1106"/>
      <c r="AF1235" s="1106"/>
      <c r="AG1235" s="1106"/>
      <c r="AH1235" s="1106"/>
      <c r="AL1235" s="1106"/>
      <c r="AO1235" s="1106"/>
      <c r="AP1235" s="1106"/>
      <c r="AT1235" s="1106"/>
      <c r="AU1235" s="1106"/>
      <c r="AV1235" s="1106"/>
      <c r="AW1235" s="1106"/>
      <c r="AX1235" s="1106"/>
      <c r="AY1235" s="1106"/>
      <c r="AZ1235" s="1106"/>
      <c r="BA1235" s="1106"/>
      <c r="BB1235" s="1106"/>
      <c r="BC1235" s="1106"/>
      <c r="BD1235" s="1106"/>
      <c r="BE1235" s="1106"/>
      <c r="BF1235" s="1106"/>
      <c r="BG1235" s="1106"/>
      <c r="BH1235" s="1106"/>
      <c r="BI1235" s="1106"/>
      <c r="BJ1235" s="1106"/>
      <c r="BK1235" s="1106"/>
      <c r="BL1235" s="1106"/>
      <c r="BM1235" s="1106"/>
      <c r="BN1235" s="1106"/>
      <c r="BO1235" s="1106"/>
      <c r="BP1235" s="1106"/>
      <c r="BQ1235" s="1106"/>
      <c r="BR1235" s="1106"/>
      <c r="BS1235" s="1106"/>
      <c r="BT1235" s="1106"/>
      <c r="BU1235" s="1106"/>
      <c r="BV1235" s="1106"/>
      <c r="BW1235" s="1106"/>
      <c r="BX1235" s="1106"/>
      <c r="BY1235" s="1106"/>
      <c r="BZ1235" s="1106"/>
      <c r="CA1235" s="1106"/>
    </row>
    <row r="1236" spans="3:79" ht="9" customHeight="1" x14ac:dyDescent="0.2">
      <c r="C1236" s="1106"/>
      <c r="D1236" s="1106"/>
      <c r="E1236" s="1106"/>
      <c r="F1236" s="1106"/>
      <c r="G1236" s="1106"/>
      <c r="H1236" s="1106"/>
      <c r="I1236" s="1106"/>
      <c r="J1236" s="1106"/>
      <c r="K1236" s="1106"/>
      <c r="L1236" s="1106"/>
      <c r="M1236" s="1106"/>
      <c r="N1236" s="1106"/>
      <c r="O1236" s="1106"/>
      <c r="U1236" s="1106"/>
      <c r="AB1236" s="1106"/>
      <c r="AC1236" s="1106"/>
      <c r="AD1236" s="1106"/>
      <c r="AE1236" s="1106"/>
      <c r="AF1236" s="1106"/>
      <c r="AG1236" s="1106"/>
      <c r="AH1236" s="1106"/>
      <c r="AL1236" s="1106"/>
      <c r="AT1236" s="1106"/>
      <c r="AU1236" s="1106"/>
      <c r="AV1236" s="1106"/>
      <c r="AW1236" s="1106"/>
      <c r="AX1236" s="1106"/>
      <c r="AY1236" s="1106"/>
      <c r="AZ1236" s="1106"/>
      <c r="BA1236" s="1106"/>
      <c r="BB1236" s="1106"/>
      <c r="BC1236" s="1106"/>
      <c r="BD1236" s="1106"/>
      <c r="BE1236" s="1106"/>
      <c r="BF1236" s="1106"/>
      <c r="BG1236" s="1106"/>
      <c r="BH1236" s="1106"/>
      <c r="BI1236" s="1106"/>
      <c r="BJ1236" s="1106"/>
      <c r="BK1236" s="1106"/>
      <c r="BL1236" s="1106"/>
      <c r="BM1236" s="1106"/>
      <c r="BN1236" s="1106"/>
      <c r="BO1236" s="1106"/>
      <c r="BP1236" s="1106"/>
      <c r="BQ1236" s="1106"/>
      <c r="BR1236" s="1106"/>
      <c r="BS1236" s="1106"/>
      <c r="BT1236" s="1106"/>
      <c r="BU1236" s="1106"/>
      <c r="BV1236" s="1106"/>
      <c r="BW1236" s="1106"/>
      <c r="BX1236" s="1106"/>
      <c r="BY1236" s="1106"/>
      <c r="BZ1236" s="1106"/>
      <c r="CA1236" s="1106"/>
    </row>
    <row r="1237" spans="3:79" ht="9" customHeight="1" x14ac:dyDescent="0.2">
      <c r="C1237" s="1106"/>
      <c r="D1237" s="1106"/>
      <c r="E1237" s="1106"/>
      <c r="F1237" s="1106"/>
      <c r="G1237" s="1106"/>
      <c r="H1237" s="1106"/>
      <c r="I1237" s="1106"/>
      <c r="J1237" s="1106"/>
      <c r="K1237" s="1106"/>
      <c r="L1237" s="1106"/>
      <c r="M1237" s="1106"/>
      <c r="N1237" s="1106"/>
      <c r="O1237" s="1106"/>
      <c r="AB1237" s="1106"/>
      <c r="AC1237" s="1106"/>
      <c r="AD1237" s="1106"/>
      <c r="AE1237" s="1106"/>
      <c r="AF1237" s="1106"/>
      <c r="AG1237" s="1106"/>
      <c r="AH1237" s="1106"/>
      <c r="AL1237" s="1106"/>
      <c r="AZ1237" s="1106"/>
      <c r="BA1237" s="1106"/>
      <c r="BB1237" s="1106"/>
      <c r="BC1237" s="1106"/>
      <c r="BD1237" s="1106"/>
      <c r="BE1237" s="1106"/>
      <c r="BF1237" s="1106"/>
      <c r="BG1237" s="1106"/>
      <c r="BH1237" s="1106"/>
      <c r="BI1237" s="1106"/>
      <c r="BJ1237" s="1106"/>
      <c r="BK1237" s="1106"/>
      <c r="BL1237" s="1106"/>
      <c r="BM1237" s="1106"/>
      <c r="BN1237" s="1106"/>
      <c r="BO1237" s="1106"/>
      <c r="BP1237" s="1106"/>
      <c r="BQ1237" s="1106"/>
      <c r="BR1237" s="1106"/>
      <c r="BS1237" s="1106"/>
      <c r="BT1237" s="1106"/>
      <c r="BU1237" s="1106"/>
      <c r="BV1237" s="1106"/>
      <c r="BW1237" s="1106"/>
      <c r="BX1237" s="1106"/>
      <c r="BY1237" s="1106"/>
      <c r="BZ1237" s="1106"/>
      <c r="CA1237" s="1106"/>
    </row>
    <row r="1238" spans="3:79" ht="9" customHeight="1" x14ac:dyDescent="0.2">
      <c r="C1238" s="1106"/>
      <c r="D1238" s="1106"/>
      <c r="E1238" s="1106"/>
      <c r="F1238" s="1106"/>
      <c r="G1238" s="1106"/>
      <c r="H1238" s="1106"/>
      <c r="I1238" s="1106"/>
      <c r="J1238" s="1106"/>
      <c r="K1238" s="1106"/>
      <c r="L1238" s="1106"/>
      <c r="M1238" s="1106"/>
      <c r="N1238" s="1106"/>
      <c r="O1238" s="1106"/>
      <c r="AB1238" s="1106"/>
      <c r="AC1238" s="1106"/>
      <c r="AD1238" s="1106"/>
      <c r="AE1238" s="1106"/>
      <c r="AF1238" s="1106"/>
      <c r="AG1238" s="1106"/>
      <c r="AH1238" s="1106"/>
      <c r="AL1238" s="1106"/>
      <c r="AZ1238" s="1106"/>
      <c r="BA1238" s="1106"/>
      <c r="BB1238" s="1106"/>
      <c r="BC1238" s="1106"/>
      <c r="BD1238" s="1106"/>
      <c r="BE1238" s="1106"/>
      <c r="BF1238" s="1106"/>
      <c r="BG1238" s="1106"/>
      <c r="BH1238" s="1106"/>
      <c r="BI1238" s="1106"/>
      <c r="BJ1238" s="1106"/>
      <c r="BK1238" s="1106"/>
      <c r="BL1238" s="1106"/>
      <c r="BM1238" s="1106"/>
      <c r="BN1238" s="1106"/>
      <c r="BO1238" s="1106"/>
      <c r="BP1238" s="1106"/>
      <c r="BQ1238" s="1106"/>
      <c r="BR1238" s="1106"/>
      <c r="BS1238" s="1106"/>
      <c r="BT1238" s="1106"/>
      <c r="BU1238" s="1106"/>
      <c r="BV1238" s="1106"/>
      <c r="BW1238" s="1106"/>
      <c r="BX1238" s="1106"/>
      <c r="BY1238" s="1106"/>
      <c r="BZ1238" s="1106"/>
      <c r="CA1238" s="1106"/>
    </row>
    <row r="1239" spans="3:79" ht="9" customHeight="1" x14ac:dyDescent="0.2">
      <c r="C1239" s="1106"/>
      <c r="D1239" s="1106"/>
      <c r="E1239" s="1106"/>
      <c r="F1239" s="1106"/>
      <c r="G1239" s="1106"/>
      <c r="H1239" s="1106"/>
      <c r="I1239" s="1106"/>
      <c r="J1239" s="1106"/>
      <c r="K1239" s="1106"/>
      <c r="L1239" s="1106"/>
      <c r="M1239" s="1106"/>
      <c r="N1239" s="1106"/>
      <c r="O1239" s="1106"/>
      <c r="AB1239" s="1106"/>
      <c r="AC1239" s="1106"/>
      <c r="AD1239" s="1106"/>
      <c r="AE1239" s="1106"/>
      <c r="AF1239" s="1106"/>
      <c r="AG1239" s="1106"/>
      <c r="AH1239" s="1106"/>
      <c r="AL1239" s="1106"/>
      <c r="AZ1239" s="1106"/>
      <c r="BA1239" s="1106"/>
      <c r="BB1239" s="1106"/>
      <c r="BC1239" s="1106"/>
      <c r="BD1239" s="1106"/>
      <c r="BE1239" s="1106"/>
      <c r="BF1239" s="1106"/>
      <c r="BG1239" s="1106"/>
      <c r="BH1239" s="1106"/>
      <c r="BI1239" s="1106"/>
      <c r="BJ1239" s="1106"/>
      <c r="BK1239" s="1106"/>
      <c r="BL1239" s="1106"/>
      <c r="BM1239" s="1106"/>
      <c r="BN1239" s="1106"/>
      <c r="BO1239" s="1106"/>
      <c r="BP1239" s="1106"/>
      <c r="BQ1239" s="1106"/>
      <c r="BR1239" s="1106"/>
      <c r="BS1239" s="1106"/>
      <c r="BT1239" s="1106"/>
      <c r="BU1239" s="1106"/>
      <c r="BV1239" s="1106"/>
      <c r="BW1239" s="1106"/>
      <c r="BX1239" s="1106"/>
      <c r="BY1239" s="1106"/>
      <c r="BZ1239" s="1106"/>
      <c r="CA1239" s="1106"/>
    </row>
    <row r="1240" spans="3:79" ht="9" customHeight="1" x14ac:dyDescent="0.2">
      <c r="C1240" s="1106"/>
      <c r="D1240" s="1106"/>
      <c r="E1240" s="1106"/>
      <c r="F1240" s="1106"/>
      <c r="G1240" s="1106"/>
      <c r="H1240" s="1106"/>
      <c r="I1240" s="1106"/>
      <c r="J1240" s="1106"/>
      <c r="K1240" s="1106"/>
      <c r="L1240" s="1106"/>
      <c r="M1240" s="1106"/>
      <c r="N1240" s="1106"/>
      <c r="O1240" s="1106"/>
      <c r="U1240" s="1106"/>
      <c r="AB1240" s="1106"/>
      <c r="AC1240" s="1106"/>
      <c r="AD1240" s="1106"/>
      <c r="AE1240" s="1106"/>
      <c r="AF1240" s="1106"/>
      <c r="AG1240" s="1106"/>
      <c r="AH1240" s="1106"/>
      <c r="AL1240" s="1106"/>
      <c r="AT1240" s="1106"/>
      <c r="AU1240" s="1106"/>
      <c r="AV1240" s="1106"/>
      <c r="AW1240" s="1106"/>
      <c r="AX1240" s="1106"/>
      <c r="AY1240" s="1106"/>
      <c r="AZ1240" s="1106"/>
      <c r="BA1240" s="1106"/>
      <c r="BB1240" s="1106"/>
      <c r="BC1240" s="1106"/>
      <c r="BD1240" s="1106"/>
      <c r="BE1240" s="1106"/>
      <c r="BF1240" s="1106"/>
      <c r="BG1240" s="1106"/>
      <c r="BH1240" s="1106"/>
      <c r="BI1240" s="1106"/>
      <c r="BJ1240" s="1106"/>
      <c r="BK1240" s="1106"/>
      <c r="BL1240" s="1106"/>
      <c r="BM1240" s="1106"/>
      <c r="BN1240" s="1106"/>
      <c r="BO1240" s="1106"/>
      <c r="BP1240" s="1106"/>
      <c r="BQ1240" s="1106"/>
      <c r="BR1240" s="1106"/>
      <c r="BS1240" s="1106"/>
      <c r="BT1240" s="1106"/>
      <c r="BU1240" s="1106"/>
      <c r="BV1240" s="1106"/>
      <c r="BW1240" s="1106"/>
      <c r="BX1240" s="1106"/>
      <c r="BY1240" s="1106"/>
      <c r="BZ1240" s="1106"/>
      <c r="CA1240" s="1106"/>
    </row>
    <row r="1241" spans="3:79" ht="9" customHeight="1" x14ac:dyDescent="0.2">
      <c r="C1241" s="1106"/>
      <c r="D1241" s="1106"/>
      <c r="E1241" s="1106"/>
      <c r="F1241" s="1106"/>
      <c r="G1241" s="1106"/>
      <c r="H1241" s="1106"/>
      <c r="I1241" s="1106"/>
      <c r="J1241" s="1106"/>
      <c r="K1241" s="1106"/>
      <c r="L1241" s="1106"/>
      <c r="M1241" s="1106"/>
      <c r="N1241" s="1106"/>
      <c r="O1241" s="1106"/>
      <c r="U1241" s="1106"/>
      <c r="AB1241" s="1106"/>
      <c r="AC1241" s="1106"/>
      <c r="AD1241" s="1106"/>
      <c r="AE1241" s="1106"/>
      <c r="AF1241" s="1106"/>
      <c r="AG1241" s="1106"/>
      <c r="AH1241" s="1106"/>
      <c r="AL1241" s="1106"/>
      <c r="AO1241" s="1106"/>
      <c r="AP1241" s="1106"/>
      <c r="AT1241" s="1106"/>
      <c r="AU1241" s="1106"/>
      <c r="AV1241" s="1106"/>
      <c r="AW1241" s="1106"/>
      <c r="AX1241" s="1106"/>
      <c r="AY1241" s="1106"/>
      <c r="AZ1241" s="1106"/>
      <c r="BA1241" s="1106"/>
      <c r="BB1241" s="1106"/>
      <c r="BC1241" s="1106"/>
      <c r="BD1241" s="1106"/>
      <c r="BE1241" s="1106"/>
      <c r="BF1241" s="1106"/>
      <c r="BG1241" s="1106"/>
      <c r="BH1241" s="1106"/>
      <c r="BI1241" s="1106"/>
      <c r="BJ1241" s="1106"/>
      <c r="BK1241" s="1106"/>
      <c r="BL1241" s="1106"/>
      <c r="BM1241" s="1106"/>
      <c r="BN1241" s="1106"/>
      <c r="BO1241" s="1106"/>
      <c r="BP1241" s="1106"/>
      <c r="BQ1241" s="1106"/>
      <c r="BR1241" s="1106"/>
      <c r="BS1241" s="1106"/>
      <c r="BT1241" s="1106"/>
      <c r="BU1241" s="1106"/>
      <c r="BV1241" s="1106"/>
      <c r="BW1241" s="1106"/>
      <c r="BX1241" s="1106"/>
      <c r="BY1241" s="1106"/>
      <c r="BZ1241" s="1106"/>
      <c r="CA1241" s="1106"/>
    </row>
    <row r="1242" spans="3:79" ht="9" customHeight="1" x14ac:dyDescent="0.2">
      <c r="C1242" s="1106"/>
      <c r="D1242" s="1106"/>
      <c r="E1242" s="1106"/>
      <c r="F1242" s="1106"/>
      <c r="G1242" s="1106"/>
      <c r="H1242" s="1106"/>
      <c r="I1242" s="1106"/>
      <c r="J1242" s="1106"/>
      <c r="K1242" s="1106"/>
      <c r="L1242" s="1106"/>
      <c r="M1242" s="1106"/>
      <c r="N1242" s="1106"/>
      <c r="O1242" s="1106"/>
      <c r="U1242" s="1106"/>
      <c r="AB1242" s="1106"/>
      <c r="AC1242" s="1106"/>
      <c r="AD1242" s="1106"/>
      <c r="AE1242" s="1106"/>
      <c r="AF1242" s="1106"/>
      <c r="AG1242" s="1106"/>
      <c r="AH1242" s="1106"/>
      <c r="AL1242" s="1106"/>
      <c r="AT1242" s="1106"/>
      <c r="AU1242" s="1106"/>
      <c r="AV1242" s="1106"/>
      <c r="AW1242" s="1106"/>
      <c r="AX1242" s="1106"/>
      <c r="AY1242" s="1106"/>
      <c r="AZ1242" s="1106"/>
      <c r="BA1242" s="1106"/>
      <c r="BB1242" s="1106"/>
      <c r="BC1242" s="1106"/>
      <c r="BD1242" s="1106"/>
      <c r="BE1242" s="1106"/>
      <c r="BF1242" s="1106"/>
      <c r="BG1242" s="1106"/>
      <c r="BH1242" s="1106"/>
      <c r="BI1242" s="1106"/>
      <c r="BJ1242" s="1106"/>
      <c r="BK1242" s="1106"/>
      <c r="BL1242" s="1106"/>
      <c r="BM1242" s="1106"/>
      <c r="BN1242" s="1106"/>
      <c r="BO1242" s="1106"/>
      <c r="BP1242" s="1106"/>
      <c r="BQ1242" s="1106"/>
      <c r="BR1242" s="1106"/>
      <c r="BS1242" s="1106"/>
      <c r="BT1242" s="1106"/>
      <c r="BU1242" s="1106"/>
      <c r="BV1242" s="1106"/>
      <c r="BW1242" s="1106"/>
      <c r="BX1242" s="1106"/>
      <c r="BY1242" s="1106"/>
      <c r="BZ1242" s="1106"/>
      <c r="CA1242" s="1106"/>
    </row>
    <row r="1243" spans="3:79" ht="9" customHeight="1" x14ac:dyDescent="0.2">
      <c r="C1243" s="1106"/>
      <c r="D1243" s="1106"/>
      <c r="E1243" s="1106"/>
      <c r="F1243" s="1106"/>
      <c r="G1243" s="1106"/>
      <c r="H1243" s="1106"/>
      <c r="I1243" s="1106"/>
      <c r="J1243" s="1106"/>
      <c r="K1243" s="1106"/>
      <c r="L1243" s="1106"/>
      <c r="M1243" s="1106"/>
      <c r="N1243" s="1106"/>
      <c r="O1243" s="1106"/>
      <c r="AB1243" s="1106"/>
      <c r="AC1243" s="1106"/>
      <c r="AD1243" s="1106"/>
      <c r="AE1243" s="1106"/>
      <c r="AF1243" s="1106"/>
      <c r="AG1243" s="1106"/>
      <c r="AH1243" s="1106"/>
      <c r="AL1243" s="1106"/>
      <c r="AZ1243" s="1106"/>
      <c r="BA1243" s="1106"/>
      <c r="BB1243" s="1106"/>
      <c r="BC1243" s="1106"/>
      <c r="BD1243" s="1106"/>
      <c r="BE1243" s="1106"/>
      <c r="BF1243" s="1106"/>
      <c r="BG1243" s="1106"/>
      <c r="BH1243" s="1106"/>
      <c r="BI1243" s="1106"/>
      <c r="BJ1243" s="1106"/>
      <c r="BK1243" s="1106"/>
      <c r="BL1243" s="1106"/>
      <c r="BM1243" s="1106"/>
      <c r="BN1243" s="1106"/>
      <c r="BO1243" s="1106"/>
      <c r="BP1243" s="1106"/>
      <c r="BQ1243" s="1106"/>
      <c r="BR1243" s="1106"/>
      <c r="BS1243" s="1106"/>
      <c r="BT1243" s="1106"/>
      <c r="BU1243" s="1106"/>
      <c r="BV1243" s="1106"/>
      <c r="BW1243" s="1106"/>
      <c r="BX1243" s="1106"/>
      <c r="BY1243" s="1106"/>
      <c r="BZ1243" s="1106"/>
      <c r="CA1243" s="1106"/>
    </row>
    <row r="1244" spans="3:79" ht="9" customHeight="1" x14ac:dyDescent="0.2">
      <c r="C1244" s="1106"/>
      <c r="D1244" s="1106"/>
      <c r="E1244" s="1106"/>
      <c r="F1244" s="1106"/>
      <c r="G1244" s="1106"/>
      <c r="H1244" s="1106"/>
      <c r="I1244" s="1106"/>
      <c r="J1244" s="1106"/>
      <c r="K1244" s="1106"/>
      <c r="L1244" s="1106"/>
      <c r="M1244" s="1106"/>
      <c r="N1244" s="1106"/>
      <c r="O1244" s="1106"/>
      <c r="AB1244" s="1106"/>
      <c r="AC1244" s="1106"/>
      <c r="AD1244" s="1106"/>
      <c r="AE1244" s="1106"/>
      <c r="AF1244" s="1106"/>
      <c r="AG1244" s="1106"/>
      <c r="AH1244" s="1106"/>
      <c r="AL1244" s="1106"/>
      <c r="AZ1244" s="1106"/>
      <c r="BA1244" s="1106"/>
      <c r="BB1244" s="1106"/>
      <c r="BC1244" s="1106"/>
      <c r="BD1244" s="1106"/>
      <c r="BE1244" s="1106"/>
      <c r="BF1244" s="1106"/>
      <c r="BG1244" s="1106"/>
      <c r="BH1244" s="1106"/>
      <c r="BI1244" s="1106"/>
      <c r="BJ1244" s="1106"/>
      <c r="BK1244" s="1106"/>
      <c r="BL1244" s="1106"/>
      <c r="BM1244" s="1106"/>
      <c r="BN1244" s="1106"/>
      <c r="BO1244" s="1106"/>
      <c r="BP1244" s="1106"/>
      <c r="BQ1244" s="1106"/>
      <c r="BR1244" s="1106"/>
      <c r="BS1244" s="1106"/>
      <c r="BT1244" s="1106"/>
      <c r="BU1244" s="1106"/>
      <c r="BV1244" s="1106"/>
      <c r="BW1244" s="1106"/>
      <c r="BX1244" s="1106"/>
      <c r="BY1244" s="1106"/>
      <c r="BZ1244" s="1106"/>
      <c r="CA1244" s="1106"/>
    </row>
    <row r="1245" spans="3:79" ht="9" customHeight="1" x14ac:dyDescent="0.2">
      <c r="C1245" s="1106"/>
      <c r="D1245" s="1106"/>
      <c r="E1245" s="1106"/>
      <c r="F1245" s="1106"/>
      <c r="G1245" s="1106"/>
      <c r="H1245" s="1106"/>
      <c r="I1245" s="1106"/>
      <c r="J1245" s="1106"/>
      <c r="K1245" s="1106"/>
      <c r="L1245" s="1106"/>
      <c r="M1245" s="1106"/>
      <c r="N1245" s="1106"/>
      <c r="O1245" s="1106"/>
      <c r="AB1245" s="1106"/>
      <c r="AC1245" s="1106"/>
      <c r="AD1245" s="1106"/>
      <c r="AE1245" s="1106"/>
      <c r="AF1245" s="1106"/>
      <c r="AG1245" s="1106"/>
      <c r="AH1245" s="1106"/>
      <c r="AL1245" s="1106"/>
      <c r="AZ1245" s="1106"/>
      <c r="BA1245" s="1106"/>
      <c r="BB1245" s="1106"/>
      <c r="BC1245" s="1106"/>
      <c r="BD1245" s="1106"/>
      <c r="BE1245" s="1106"/>
      <c r="BF1245" s="1106"/>
      <c r="BG1245" s="1106"/>
      <c r="BH1245" s="1106"/>
      <c r="BI1245" s="1106"/>
      <c r="BJ1245" s="1106"/>
      <c r="BK1245" s="1106"/>
      <c r="BL1245" s="1106"/>
      <c r="BM1245" s="1106"/>
      <c r="BN1245" s="1106"/>
      <c r="BO1245" s="1106"/>
      <c r="BP1245" s="1106"/>
      <c r="BQ1245" s="1106"/>
      <c r="BR1245" s="1106"/>
      <c r="BS1245" s="1106"/>
      <c r="BT1245" s="1106"/>
      <c r="BU1245" s="1106"/>
      <c r="BV1245" s="1106"/>
      <c r="BW1245" s="1106"/>
      <c r="BX1245" s="1106"/>
      <c r="BY1245" s="1106"/>
      <c r="BZ1245" s="1106"/>
      <c r="CA1245" s="1106"/>
    </row>
    <row r="1246" spans="3:79" ht="9" customHeight="1" x14ac:dyDescent="0.2">
      <c r="C1246" s="1106"/>
      <c r="D1246" s="1106"/>
      <c r="E1246" s="1106"/>
      <c r="F1246" s="1106"/>
      <c r="G1246" s="1106"/>
      <c r="H1246" s="1106"/>
      <c r="I1246" s="1106"/>
      <c r="J1246" s="1106"/>
      <c r="K1246" s="1106"/>
      <c r="L1246" s="1106"/>
      <c r="M1246" s="1106"/>
      <c r="N1246" s="1106"/>
      <c r="O1246" s="1106"/>
      <c r="U1246" s="1106"/>
      <c r="AB1246" s="1106"/>
      <c r="AC1246" s="1106"/>
      <c r="AD1246" s="1106"/>
      <c r="AE1246" s="1106"/>
      <c r="AF1246" s="1106"/>
      <c r="AG1246" s="1106"/>
      <c r="AH1246" s="1106"/>
      <c r="AL1246" s="1106"/>
      <c r="AT1246" s="1106"/>
      <c r="AU1246" s="1106"/>
      <c r="AV1246" s="1106"/>
      <c r="AW1246" s="1106"/>
      <c r="AX1246" s="1106"/>
      <c r="AY1246" s="1106"/>
      <c r="AZ1246" s="1106"/>
      <c r="BA1246" s="1106"/>
      <c r="BB1246" s="1106"/>
      <c r="BC1246" s="1106"/>
      <c r="BD1246" s="1106"/>
      <c r="BE1246" s="1106"/>
      <c r="BF1246" s="1106"/>
      <c r="BG1246" s="1106"/>
      <c r="BH1246" s="1106"/>
      <c r="BI1246" s="1106"/>
      <c r="BJ1246" s="1106"/>
      <c r="BK1246" s="1106"/>
      <c r="BL1246" s="1106"/>
      <c r="BM1246" s="1106"/>
      <c r="BN1246" s="1106"/>
      <c r="BO1246" s="1106"/>
      <c r="BP1246" s="1106"/>
      <c r="BQ1246" s="1106"/>
      <c r="BR1246" s="1106"/>
      <c r="BS1246" s="1106"/>
      <c r="BT1246" s="1106"/>
      <c r="BU1246" s="1106"/>
      <c r="BV1246" s="1106"/>
      <c r="BW1246" s="1106"/>
      <c r="BX1246" s="1106"/>
      <c r="BY1246" s="1106"/>
      <c r="BZ1246" s="1106"/>
      <c r="CA1246" s="1106"/>
    </row>
    <row r="1247" spans="3:79" ht="9" customHeight="1" x14ac:dyDescent="0.2">
      <c r="C1247" s="1106"/>
      <c r="D1247" s="1106"/>
      <c r="E1247" s="1106"/>
      <c r="F1247" s="1106"/>
      <c r="G1247" s="1106"/>
      <c r="H1247" s="1106"/>
      <c r="I1247" s="1106"/>
      <c r="J1247" s="1106"/>
      <c r="K1247" s="1106"/>
      <c r="L1247" s="1106"/>
      <c r="M1247" s="1106"/>
      <c r="N1247" s="1106"/>
      <c r="O1247" s="1106"/>
      <c r="U1247" s="1106"/>
      <c r="AB1247" s="1106"/>
      <c r="AC1247" s="1106"/>
      <c r="AD1247" s="1106"/>
      <c r="AE1247" s="1106"/>
      <c r="AF1247" s="1106"/>
      <c r="AG1247" s="1106"/>
      <c r="AH1247" s="1106"/>
      <c r="AL1247" s="1106"/>
      <c r="AO1247" s="1106"/>
      <c r="AP1247" s="1106"/>
      <c r="AT1247" s="1106"/>
      <c r="AU1247" s="1106"/>
      <c r="AV1247" s="1106"/>
      <c r="AW1247" s="1106"/>
      <c r="AX1247" s="1106"/>
      <c r="AY1247" s="1106"/>
      <c r="AZ1247" s="1106"/>
      <c r="BA1247" s="1106"/>
      <c r="BB1247" s="1106"/>
      <c r="BC1247" s="1106"/>
      <c r="BD1247" s="1106"/>
      <c r="BE1247" s="1106"/>
      <c r="BF1247" s="1106"/>
      <c r="BG1247" s="1106"/>
      <c r="BH1247" s="1106"/>
      <c r="BI1247" s="1106"/>
      <c r="BJ1247" s="1106"/>
      <c r="BK1247" s="1106"/>
      <c r="BL1247" s="1106"/>
      <c r="BM1247" s="1106"/>
      <c r="BN1247" s="1106"/>
      <c r="BO1247" s="1106"/>
      <c r="BP1247" s="1106"/>
      <c r="BQ1247" s="1106"/>
      <c r="BR1247" s="1106"/>
      <c r="BS1247" s="1106"/>
      <c r="BT1247" s="1106"/>
      <c r="BU1247" s="1106"/>
      <c r="BV1247" s="1106"/>
      <c r="BW1247" s="1106"/>
      <c r="BX1247" s="1106"/>
      <c r="BY1247" s="1106"/>
      <c r="BZ1247" s="1106"/>
      <c r="CA1247" s="1106"/>
    </row>
    <row r="1248" spans="3:79" ht="9" customHeight="1" x14ac:dyDescent="0.2">
      <c r="C1248" s="1106"/>
      <c r="D1248" s="1106"/>
      <c r="E1248" s="1106"/>
      <c r="F1248" s="1106"/>
      <c r="G1248" s="1106"/>
      <c r="H1248" s="1106"/>
      <c r="I1248" s="1106"/>
      <c r="J1248" s="1106"/>
      <c r="K1248" s="1106"/>
      <c r="L1248" s="1106"/>
      <c r="M1248" s="1106"/>
      <c r="N1248" s="1106"/>
      <c r="O1248" s="1106"/>
      <c r="U1248" s="1106"/>
      <c r="AB1248" s="1106"/>
      <c r="AC1248" s="1106"/>
      <c r="AD1248" s="1106"/>
      <c r="AE1248" s="1106"/>
      <c r="AF1248" s="1106"/>
      <c r="AG1248" s="1106"/>
      <c r="AH1248" s="1106"/>
      <c r="AL1248" s="1106"/>
      <c r="AT1248" s="1106"/>
      <c r="AU1248" s="1106"/>
      <c r="AV1248" s="1106"/>
      <c r="AW1248" s="1106"/>
      <c r="AX1248" s="1106"/>
      <c r="AY1248" s="1106"/>
      <c r="AZ1248" s="1106"/>
      <c r="BA1248" s="1106"/>
      <c r="BB1248" s="1106"/>
      <c r="BC1248" s="1106"/>
      <c r="BD1248" s="1106"/>
      <c r="BE1248" s="1106"/>
      <c r="BF1248" s="1106"/>
      <c r="BG1248" s="1106"/>
      <c r="BH1248" s="1106"/>
      <c r="BI1248" s="1106"/>
      <c r="BJ1248" s="1106"/>
      <c r="BK1248" s="1106"/>
      <c r="BL1248" s="1106"/>
      <c r="BM1248" s="1106"/>
      <c r="BN1248" s="1106"/>
      <c r="BO1248" s="1106"/>
      <c r="BP1248" s="1106"/>
      <c r="BQ1248" s="1106"/>
      <c r="BR1248" s="1106"/>
      <c r="BS1248" s="1106"/>
      <c r="BT1248" s="1106"/>
      <c r="BU1248" s="1106"/>
      <c r="BV1248" s="1106"/>
      <c r="BW1248" s="1106"/>
      <c r="BX1248" s="1106"/>
      <c r="BY1248" s="1106"/>
      <c r="BZ1248" s="1106"/>
      <c r="CA1248" s="1106"/>
    </row>
    <row r="1249" spans="3:79" ht="9" customHeight="1" x14ac:dyDescent="0.2">
      <c r="C1249" s="1106"/>
      <c r="D1249" s="1106"/>
      <c r="E1249" s="1106"/>
      <c r="F1249" s="1106"/>
      <c r="G1249" s="1106"/>
      <c r="H1249" s="1106"/>
      <c r="I1249" s="1106"/>
      <c r="J1249" s="1106"/>
      <c r="K1249" s="1106"/>
      <c r="L1249" s="1106"/>
      <c r="M1249" s="1106"/>
      <c r="N1249" s="1106"/>
      <c r="O1249" s="1106"/>
      <c r="AB1249" s="1106"/>
      <c r="AC1249" s="1106"/>
      <c r="AD1249" s="1106"/>
      <c r="AE1249" s="1106"/>
      <c r="AF1249" s="1106"/>
      <c r="AG1249" s="1106"/>
      <c r="AH1249" s="1106"/>
      <c r="AL1249" s="1106"/>
      <c r="AZ1249" s="1106"/>
      <c r="BA1249" s="1106"/>
      <c r="BB1249" s="1106"/>
      <c r="BC1249" s="1106"/>
      <c r="BD1249" s="1106"/>
      <c r="BE1249" s="1106"/>
      <c r="BF1249" s="1106"/>
      <c r="BG1249" s="1106"/>
      <c r="BH1249" s="1106"/>
      <c r="BI1249" s="1106"/>
      <c r="BJ1249" s="1106"/>
      <c r="BK1249" s="1106"/>
      <c r="BL1249" s="1106"/>
      <c r="BM1249" s="1106"/>
      <c r="BN1249" s="1106"/>
      <c r="BO1249" s="1106"/>
      <c r="BP1249" s="1106"/>
      <c r="BQ1249" s="1106"/>
      <c r="BR1249" s="1106"/>
      <c r="BS1249" s="1106"/>
      <c r="BT1249" s="1106"/>
      <c r="BU1249" s="1106"/>
      <c r="BV1249" s="1106"/>
      <c r="BW1249" s="1106"/>
      <c r="BX1249" s="1106"/>
      <c r="BY1249" s="1106"/>
      <c r="BZ1249" s="1106"/>
      <c r="CA1249" s="1106"/>
    </row>
    <row r="1250" spans="3:79" ht="9" customHeight="1" x14ac:dyDescent="0.2">
      <c r="C1250" s="1106"/>
      <c r="D1250" s="1106"/>
      <c r="E1250" s="1106"/>
      <c r="F1250" s="1106"/>
      <c r="G1250" s="1106"/>
      <c r="H1250" s="1106"/>
      <c r="I1250" s="1106"/>
      <c r="J1250" s="1106"/>
      <c r="K1250" s="1106"/>
      <c r="L1250" s="1106"/>
      <c r="M1250" s="1106"/>
      <c r="N1250" s="1106"/>
      <c r="O1250" s="1106"/>
      <c r="AB1250" s="1106"/>
      <c r="AC1250" s="1106"/>
      <c r="AD1250" s="1106"/>
      <c r="AE1250" s="1106"/>
      <c r="AF1250" s="1106"/>
      <c r="AG1250" s="1106"/>
      <c r="AH1250" s="1106"/>
      <c r="AL1250" s="1106"/>
      <c r="AZ1250" s="1106"/>
      <c r="BA1250" s="1106"/>
      <c r="BB1250" s="1106"/>
      <c r="BC1250" s="1106"/>
      <c r="BD1250" s="1106"/>
      <c r="BE1250" s="1106"/>
      <c r="BF1250" s="1106"/>
      <c r="BG1250" s="1106"/>
      <c r="BH1250" s="1106"/>
      <c r="BI1250" s="1106"/>
      <c r="BJ1250" s="1106"/>
      <c r="BK1250" s="1106"/>
      <c r="BL1250" s="1106"/>
      <c r="BM1250" s="1106"/>
      <c r="BN1250" s="1106"/>
      <c r="BO1250" s="1106"/>
      <c r="BP1250" s="1106"/>
      <c r="BQ1250" s="1106"/>
      <c r="BR1250" s="1106"/>
      <c r="BS1250" s="1106"/>
      <c r="BT1250" s="1106"/>
      <c r="BU1250" s="1106"/>
      <c r="BV1250" s="1106"/>
      <c r="BW1250" s="1106"/>
      <c r="BX1250" s="1106"/>
      <c r="BY1250" s="1106"/>
      <c r="BZ1250" s="1106"/>
      <c r="CA1250" s="1106"/>
    </row>
    <row r="1251" spans="3:79" ht="9" customHeight="1" x14ac:dyDescent="0.2">
      <c r="C1251" s="1106"/>
      <c r="D1251" s="1106"/>
      <c r="E1251" s="1106"/>
      <c r="F1251" s="1106"/>
      <c r="G1251" s="1106"/>
      <c r="H1251" s="1106"/>
      <c r="I1251" s="1106"/>
      <c r="J1251" s="1106"/>
      <c r="K1251" s="1106"/>
      <c r="L1251" s="1106"/>
      <c r="M1251" s="1106"/>
      <c r="N1251" s="1106"/>
      <c r="O1251" s="1106"/>
      <c r="AB1251" s="1106"/>
      <c r="AC1251" s="1106"/>
      <c r="AD1251" s="1106"/>
      <c r="AE1251" s="1106"/>
      <c r="AF1251" s="1106"/>
      <c r="AG1251" s="1106"/>
      <c r="AH1251" s="1106"/>
      <c r="AL1251" s="1106"/>
      <c r="AZ1251" s="1106"/>
      <c r="BA1251" s="1106"/>
      <c r="BB1251" s="1106"/>
      <c r="BC1251" s="1106"/>
      <c r="BD1251" s="1106"/>
      <c r="BE1251" s="1106"/>
      <c r="BF1251" s="1106"/>
      <c r="BG1251" s="1106"/>
      <c r="BH1251" s="1106"/>
      <c r="BI1251" s="1106"/>
      <c r="BJ1251" s="1106"/>
      <c r="BK1251" s="1106"/>
      <c r="BL1251" s="1106"/>
      <c r="BM1251" s="1106"/>
      <c r="BN1251" s="1106"/>
      <c r="BO1251" s="1106"/>
      <c r="BP1251" s="1106"/>
      <c r="BQ1251" s="1106"/>
      <c r="BR1251" s="1106"/>
      <c r="BS1251" s="1106"/>
      <c r="BT1251" s="1106"/>
      <c r="BU1251" s="1106"/>
      <c r="BV1251" s="1106"/>
      <c r="BW1251" s="1106"/>
      <c r="BX1251" s="1106"/>
      <c r="BY1251" s="1106"/>
      <c r="BZ1251" s="1106"/>
      <c r="CA1251" s="1106"/>
    </row>
    <row r="1252" spans="3:79" ht="9" customHeight="1" x14ac:dyDescent="0.2">
      <c r="C1252" s="1106"/>
      <c r="D1252" s="1106"/>
      <c r="E1252" s="1106"/>
      <c r="F1252" s="1106"/>
      <c r="G1252" s="1106"/>
      <c r="H1252" s="1106"/>
      <c r="I1252" s="1106"/>
      <c r="J1252" s="1106"/>
      <c r="K1252" s="1106"/>
      <c r="L1252" s="1106"/>
      <c r="M1252" s="1106"/>
      <c r="N1252" s="1106"/>
      <c r="O1252" s="1106"/>
      <c r="U1252" s="1106"/>
      <c r="AB1252" s="1106"/>
      <c r="AC1252" s="1106"/>
      <c r="AD1252" s="1106"/>
      <c r="AE1252" s="1106"/>
      <c r="AF1252" s="1106"/>
      <c r="AG1252" s="1106"/>
      <c r="AH1252" s="1106"/>
      <c r="AL1252" s="1106"/>
      <c r="AT1252" s="1106"/>
      <c r="AU1252" s="1106"/>
      <c r="AV1252" s="1106"/>
      <c r="AW1252" s="1106"/>
      <c r="AX1252" s="1106"/>
      <c r="AY1252" s="1106"/>
      <c r="AZ1252" s="1106"/>
      <c r="BA1252" s="1106"/>
      <c r="BB1252" s="1106"/>
      <c r="BC1252" s="1106"/>
      <c r="BD1252" s="1106"/>
      <c r="BE1252" s="1106"/>
      <c r="BF1252" s="1106"/>
      <c r="BG1252" s="1106"/>
      <c r="BH1252" s="1106"/>
      <c r="BI1252" s="1106"/>
      <c r="BJ1252" s="1106"/>
      <c r="BK1252" s="1106"/>
      <c r="BL1252" s="1106"/>
      <c r="BM1252" s="1106"/>
      <c r="BN1252" s="1106"/>
      <c r="BO1252" s="1106"/>
      <c r="BP1252" s="1106"/>
      <c r="BQ1252" s="1106"/>
      <c r="BR1252" s="1106"/>
      <c r="BS1252" s="1106"/>
      <c r="BT1252" s="1106"/>
      <c r="BU1252" s="1106"/>
      <c r="BV1252" s="1106"/>
      <c r="BW1252" s="1106"/>
      <c r="BX1252" s="1106"/>
      <c r="BY1252" s="1106"/>
      <c r="BZ1252" s="1106"/>
      <c r="CA1252" s="1106"/>
    </row>
    <row r="1253" spans="3:79" ht="9" customHeight="1" x14ac:dyDescent="0.2">
      <c r="C1253" s="1106"/>
      <c r="D1253" s="1106"/>
      <c r="E1253" s="1106"/>
      <c r="F1253" s="1106"/>
      <c r="G1253" s="1106"/>
      <c r="H1253" s="1106"/>
      <c r="I1253" s="1106"/>
      <c r="J1253" s="1106"/>
      <c r="K1253" s="1106"/>
      <c r="L1253" s="1106"/>
      <c r="M1253" s="1106"/>
      <c r="N1253" s="1106"/>
      <c r="O1253" s="1106"/>
      <c r="U1253" s="1106"/>
      <c r="AB1253" s="1106"/>
      <c r="AC1253" s="1106"/>
      <c r="AD1253" s="1106"/>
      <c r="AE1253" s="1106"/>
      <c r="AF1253" s="1106"/>
      <c r="AG1253" s="1106"/>
      <c r="AH1253" s="1106"/>
      <c r="AL1253" s="1106"/>
      <c r="AO1253" s="1106"/>
      <c r="AP1253" s="1106"/>
      <c r="AT1253" s="1106"/>
      <c r="AU1253" s="1106"/>
      <c r="AV1253" s="1106"/>
      <c r="AW1253" s="1106"/>
      <c r="AX1253" s="1106"/>
      <c r="AY1253" s="1106"/>
      <c r="AZ1253" s="1106"/>
      <c r="BA1253" s="1106"/>
      <c r="BB1253" s="1106"/>
      <c r="BC1253" s="1106"/>
      <c r="BD1253" s="1106"/>
      <c r="BE1253" s="1106"/>
      <c r="BF1253" s="1106"/>
      <c r="BG1253" s="1106"/>
      <c r="BH1253" s="1106"/>
      <c r="BI1253" s="1106"/>
      <c r="BJ1253" s="1106"/>
      <c r="BK1253" s="1106"/>
      <c r="BL1253" s="1106"/>
      <c r="BM1253" s="1106"/>
      <c r="BN1253" s="1106"/>
      <c r="BO1253" s="1106"/>
      <c r="BP1253" s="1106"/>
      <c r="BQ1253" s="1106"/>
      <c r="BR1253" s="1106"/>
      <c r="BS1253" s="1106"/>
      <c r="BT1253" s="1106"/>
      <c r="BU1253" s="1106"/>
      <c r="BV1253" s="1106"/>
      <c r="BW1253" s="1106"/>
      <c r="BX1253" s="1106"/>
      <c r="BY1253" s="1106"/>
      <c r="BZ1253" s="1106"/>
      <c r="CA1253" s="1106"/>
    </row>
    <row r="1254" spans="3:79" ht="9" customHeight="1" x14ac:dyDescent="0.2">
      <c r="C1254" s="1106"/>
      <c r="D1254" s="1106"/>
      <c r="E1254" s="1106"/>
      <c r="F1254" s="1106"/>
      <c r="G1254" s="1106"/>
      <c r="H1254" s="1106"/>
      <c r="I1254" s="1106"/>
      <c r="J1254" s="1106"/>
      <c r="K1254" s="1106"/>
      <c r="L1254" s="1106"/>
      <c r="M1254" s="1106"/>
      <c r="N1254" s="1106"/>
      <c r="O1254" s="1106"/>
      <c r="U1254" s="1106"/>
      <c r="AB1254" s="1106"/>
      <c r="AC1254" s="1106"/>
      <c r="AD1254" s="1106"/>
      <c r="AE1254" s="1106"/>
      <c r="AF1254" s="1106"/>
      <c r="AG1254" s="1106"/>
      <c r="AH1254" s="1106"/>
      <c r="AL1254" s="1106"/>
      <c r="AT1254" s="1106"/>
      <c r="AU1254" s="1106"/>
      <c r="AV1254" s="1106"/>
      <c r="AW1254" s="1106"/>
      <c r="AX1254" s="1106"/>
      <c r="AY1254" s="1106"/>
      <c r="AZ1254" s="1106"/>
      <c r="BA1254" s="1106"/>
      <c r="BB1254" s="1106"/>
      <c r="BC1254" s="1106"/>
      <c r="BD1254" s="1106"/>
      <c r="BE1254" s="1106"/>
      <c r="BF1254" s="1106"/>
      <c r="BG1254" s="1106"/>
      <c r="BH1254" s="1106"/>
      <c r="BI1254" s="1106"/>
      <c r="BJ1254" s="1106"/>
      <c r="BK1254" s="1106"/>
      <c r="BL1254" s="1106"/>
      <c r="BM1254" s="1106"/>
      <c r="BN1254" s="1106"/>
      <c r="BO1254" s="1106"/>
      <c r="BP1254" s="1106"/>
      <c r="BQ1254" s="1106"/>
      <c r="BR1254" s="1106"/>
      <c r="BS1254" s="1106"/>
      <c r="BT1254" s="1106"/>
      <c r="BU1254" s="1106"/>
      <c r="BV1254" s="1106"/>
      <c r="BW1254" s="1106"/>
      <c r="BX1254" s="1106"/>
      <c r="BY1254" s="1106"/>
      <c r="BZ1254" s="1106"/>
      <c r="CA1254" s="1106"/>
    </row>
    <row r="1255" spans="3:79" ht="9" customHeight="1" x14ac:dyDescent="0.2">
      <c r="C1255" s="1106"/>
      <c r="D1255" s="1106"/>
      <c r="E1255" s="1106"/>
      <c r="F1255" s="1106"/>
      <c r="G1255" s="1106"/>
      <c r="H1255" s="1106"/>
      <c r="I1255" s="1106"/>
      <c r="J1255" s="1106"/>
      <c r="K1255" s="1106"/>
      <c r="L1255" s="1106"/>
      <c r="M1255" s="1106"/>
      <c r="N1255" s="1106"/>
      <c r="O1255" s="1106"/>
      <c r="AB1255" s="1106"/>
      <c r="AC1255" s="1106"/>
      <c r="AD1255" s="1106"/>
      <c r="AE1255" s="1106"/>
      <c r="AF1255" s="1106"/>
      <c r="AG1255" s="1106"/>
      <c r="AH1255" s="1106"/>
      <c r="AL1255" s="1106"/>
      <c r="AZ1255" s="1106"/>
      <c r="BA1255" s="1106"/>
      <c r="BB1255" s="1106"/>
      <c r="BC1255" s="1106"/>
      <c r="BD1255" s="1106"/>
      <c r="BE1255" s="1106"/>
      <c r="BF1255" s="1106"/>
      <c r="BG1255" s="1106"/>
      <c r="BH1255" s="1106"/>
      <c r="BI1255" s="1106"/>
      <c r="BJ1255" s="1106"/>
      <c r="BK1255" s="1106"/>
      <c r="BL1255" s="1106"/>
      <c r="BM1255" s="1106"/>
      <c r="BN1255" s="1106"/>
      <c r="BO1255" s="1106"/>
      <c r="BP1255" s="1106"/>
      <c r="BQ1255" s="1106"/>
      <c r="BR1255" s="1106"/>
      <c r="BS1255" s="1106"/>
      <c r="BT1255" s="1106"/>
      <c r="BU1255" s="1106"/>
      <c r="BV1255" s="1106"/>
      <c r="BW1255" s="1106"/>
      <c r="BX1255" s="1106"/>
      <c r="BY1255" s="1106"/>
      <c r="BZ1255" s="1106"/>
      <c r="CA1255" s="1106"/>
    </row>
    <row r="1256" spans="3:79" ht="9" customHeight="1" x14ac:dyDescent="0.2">
      <c r="C1256" s="1106"/>
      <c r="D1256" s="1106"/>
      <c r="E1256" s="1106"/>
      <c r="F1256" s="1106"/>
      <c r="G1256" s="1106"/>
      <c r="H1256" s="1106"/>
      <c r="I1256" s="1106"/>
      <c r="J1256" s="1106"/>
      <c r="K1256" s="1106"/>
      <c r="L1256" s="1106"/>
      <c r="M1256" s="1106"/>
      <c r="N1256" s="1106"/>
      <c r="O1256" s="1106"/>
      <c r="AB1256" s="1106"/>
      <c r="AC1256" s="1106"/>
      <c r="AD1256" s="1106"/>
      <c r="AE1256" s="1106"/>
      <c r="AF1256" s="1106"/>
      <c r="AG1256" s="1106"/>
      <c r="AH1256" s="1106"/>
      <c r="AL1256" s="1106"/>
      <c r="AZ1256" s="1106"/>
      <c r="BA1256" s="1106"/>
      <c r="BB1256" s="1106"/>
      <c r="BC1256" s="1106"/>
      <c r="BD1256" s="1106"/>
      <c r="BE1256" s="1106"/>
      <c r="BF1256" s="1106"/>
      <c r="BG1256" s="1106"/>
      <c r="BH1256" s="1106"/>
      <c r="BI1256" s="1106"/>
      <c r="BJ1256" s="1106"/>
      <c r="BK1256" s="1106"/>
      <c r="BL1256" s="1106"/>
      <c r="BM1256" s="1106"/>
      <c r="BN1256" s="1106"/>
      <c r="BO1256" s="1106"/>
      <c r="BP1256" s="1106"/>
      <c r="BQ1256" s="1106"/>
      <c r="BR1256" s="1106"/>
      <c r="BS1256" s="1106"/>
      <c r="BT1256" s="1106"/>
      <c r="BU1256" s="1106"/>
      <c r="BV1256" s="1106"/>
      <c r="BW1256" s="1106"/>
      <c r="BX1256" s="1106"/>
      <c r="BY1256" s="1106"/>
      <c r="BZ1256" s="1106"/>
      <c r="CA1256" s="1106"/>
    </row>
    <row r="1257" spans="3:79" ht="9" customHeight="1" x14ac:dyDescent="0.2">
      <c r="C1257" s="1106"/>
      <c r="D1257" s="1106"/>
      <c r="E1257" s="1106"/>
      <c r="F1257" s="1106"/>
      <c r="G1257" s="1106"/>
      <c r="H1257" s="1106"/>
      <c r="I1257" s="1106"/>
      <c r="J1257" s="1106"/>
      <c r="K1257" s="1106"/>
      <c r="L1257" s="1106"/>
      <c r="M1257" s="1106"/>
      <c r="N1257" s="1106"/>
      <c r="O1257" s="1106"/>
      <c r="AB1257" s="1106"/>
      <c r="AC1257" s="1106"/>
      <c r="AD1257" s="1106"/>
      <c r="AE1257" s="1106"/>
      <c r="AF1257" s="1106"/>
      <c r="AG1257" s="1106"/>
      <c r="AH1257" s="1106"/>
      <c r="AL1257" s="1106"/>
      <c r="AZ1257" s="1106"/>
      <c r="BA1257" s="1106"/>
      <c r="BB1257" s="1106"/>
      <c r="BC1257" s="1106"/>
      <c r="BD1257" s="1106"/>
      <c r="BE1257" s="1106"/>
      <c r="BF1257" s="1106"/>
      <c r="BG1257" s="1106"/>
      <c r="BH1257" s="1106"/>
      <c r="BI1257" s="1106"/>
      <c r="BJ1257" s="1106"/>
      <c r="BK1257" s="1106"/>
      <c r="BL1257" s="1106"/>
      <c r="BM1257" s="1106"/>
      <c r="BN1257" s="1106"/>
      <c r="BO1257" s="1106"/>
      <c r="BP1257" s="1106"/>
      <c r="BQ1257" s="1106"/>
      <c r="BR1257" s="1106"/>
      <c r="BS1257" s="1106"/>
      <c r="BT1257" s="1106"/>
      <c r="BU1257" s="1106"/>
      <c r="BV1257" s="1106"/>
      <c r="BW1257" s="1106"/>
      <c r="BX1257" s="1106"/>
      <c r="BY1257" s="1106"/>
      <c r="BZ1257" s="1106"/>
      <c r="CA1257" s="1106"/>
    </row>
    <row r="1258" spans="3:79" ht="9" customHeight="1" x14ac:dyDescent="0.2">
      <c r="C1258" s="1106"/>
      <c r="D1258" s="1106"/>
      <c r="E1258" s="1106"/>
      <c r="F1258" s="1106"/>
      <c r="G1258" s="1106"/>
      <c r="H1258" s="1106"/>
      <c r="I1258" s="1106"/>
      <c r="J1258" s="1106"/>
      <c r="K1258" s="1106"/>
      <c r="L1258" s="1106"/>
      <c r="M1258" s="1106"/>
      <c r="N1258" s="1106"/>
      <c r="O1258" s="1106"/>
      <c r="U1258" s="1106"/>
      <c r="AB1258" s="1106"/>
      <c r="AC1258" s="1106"/>
      <c r="AD1258" s="1106"/>
      <c r="AE1258" s="1106"/>
      <c r="AF1258" s="1106"/>
      <c r="AG1258" s="1106"/>
      <c r="AH1258" s="1106"/>
      <c r="AL1258" s="1106"/>
      <c r="AT1258" s="1106"/>
      <c r="AU1258" s="1106"/>
      <c r="AV1258" s="1106"/>
      <c r="AW1258" s="1106"/>
      <c r="AX1258" s="1106"/>
      <c r="AY1258" s="1106"/>
      <c r="AZ1258" s="1106"/>
      <c r="BA1258" s="1106"/>
      <c r="BB1258" s="1106"/>
      <c r="BC1258" s="1106"/>
      <c r="BD1258" s="1106"/>
      <c r="BE1258" s="1106"/>
      <c r="BF1258" s="1106"/>
      <c r="BG1258" s="1106"/>
      <c r="BH1258" s="1106"/>
      <c r="BI1258" s="1106"/>
      <c r="BJ1258" s="1106"/>
      <c r="BK1258" s="1106"/>
      <c r="BL1258" s="1106"/>
      <c r="BM1258" s="1106"/>
      <c r="BN1258" s="1106"/>
      <c r="BO1258" s="1106"/>
      <c r="BP1258" s="1106"/>
      <c r="BQ1258" s="1106"/>
      <c r="BR1258" s="1106"/>
      <c r="BS1258" s="1106"/>
      <c r="BT1258" s="1106"/>
      <c r="BU1258" s="1106"/>
      <c r="BV1258" s="1106"/>
      <c r="BW1258" s="1106"/>
      <c r="BX1258" s="1106"/>
      <c r="BY1258" s="1106"/>
      <c r="BZ1258" s="1106"/>
      <c r="CA1258" s="1106"/>
    </row>
    <row r="1259" spans="3:79" ht="9" customHeight="1" x14ac:dyDescent="0.2">
      <c r="C1259" s="1106"/>
      <c r="D1259" s="1106"/>
      <c r="E1259" s="1106"/>
      <c r="F1259" s="1106"/>
      <c r="G1259" s="1106"/>
      <c r="H1259" s="1106"/>
      <c r="I1259" s="1106"/>
      <c r="J1259" s="1106"/>
      <c r="K1259" s="1106"/>
      <c r="L1259" s="1106"/>
      <c r="M1259" s="1106"/>
      <c r="N1259" s="1106"/>
      <c r="O1259" s="1106"/>
      <c r="U1259" s="1106"/>
      <c r="AB1259" s="1106"/>
      <c r="AC1259" s="1106"/>
      <c r="AD1259" s="1106"/>
      <c r="AE1259" s="1106"/>
      <c r="AF1259" s="1106"/>
      <c r="AG1259" s="1106"/>
      <c r="AH1259" s="1106"/>
      <c r="AL1259" s="1106"/>
      <c r="AO1259" s="1106"/>
      <c r="AP1259" s="1106"/>
      <c r="AT1259" s="1106"/>
      <c r="AU1259" s="1106"/>
      <c r="AV1259" s="1106"/>
      <c r="AW1259" s="1106"/>
      <c r="AX1259" s="1106"/>
      <c r="AY1259" s="1106"/>
      <c r="AZ1259" s="1106"/>
      <c r="BA1259" s="1106"/>
      <c r="BB1259" s="1106"/>
      <c r="BC1259" s="1106"/>
      <c r="BD1259" s="1106"/>
      <c r="BE1259" s="1106"/>
      <c r="BF1259" s="1106"/>
      <c r="BG1259" s="1106"/>
      <c r="BH1259" s="1106"/>
      <c r="BI1259" s="1106"/>
      <c r="BJ1259" s="1106"/>
      <c r="BK1259" s="1106"/>
      <c r="BL1259" s="1106"/>
      <c r="BM1259" s="1106"/>
      <c r="BN1259" s="1106"/>
      <c r="BO1259" s="1106"/>
      <c r="BP1259" s="1106"/>
      <c r="BQ1259" s="1106"/>
      <c r="BR1259" s="1106"/>
      <c r="BS1259" s="1106"/>
      <c r="BT1259" s="1106"/>
      <c r="BU1259" s="1106"/>
      <c r="BV1259" s="1106"/>
      <c r="BW1259" s="1106"/>
      <c r="BX1259" s="1106"/>
      <c r="BY1259" s="1106"/>
      <c r="BZ1259" s="1106"/>
      <c r="CA1259" s="1106"/>
    </row>
    <row r="1260" spans="3:79" ht="9" customHeight="1" x14ac:dyDescent="0.2">
      <c r="C1260" s="1106"/>
      <c r="D1260" s="1106"/>
      <c r="E1260" s="1106"/>
      <c r="F1260" s="1106"/>
      <c r="G1260" s="1106"/>
      <c r="H1260" s="1106"/>
      <c r="I1260" s="1106"/>
      <c r="J1260" s="1106"/>
      <c r="K1260" s="1106"/>
      <c r="L1260" s="1106"/>
      <c r="M1260" s="1106"/>
      <c r="N1260" s="1106"/>
      <c r="O1260" s="1106"/>
      <c r="U1260" s="1106"/>
      <c r="AB1260" s="1106"/>
      <c r="AC1260" s="1106"/>
      <c r="AD1260" s="1106"/>
      <c r="AE1260" s="1106"/>
      <c r="AF1260" s="1106"/>
      <c r="AG1260" s="1106"/>
      <c r="AH1260" s="1106"/>
      <c r="AL1260" s="1106"/>
      <c r="AT1260" s="1106"/>
      <c r="AU1260" s="1106"/>
      <c r="AV1260" s="1106"/>
      <c r="AW1260" s="1106"/>
      <c r="AX1260" s="1106"/>
      <c r="AY1260" s="1106"/>
      <c r="AZ1260" s="1106"/>
      <c r="BA1260" s="1106"/>
      <c r="BB1260" s="1106"/>
      <c r="BC1260" s="1106"/>
      <c r="BD1260" s="1106"/>
      <c r="BE1260" s="1106"/>
      <c r="BF1260" s="1106"/>
      <c r="BG1260" s="1106"/>
      <c r="BH1260" s="1106"/>
      <c r="BI1260" s="1106"/>
      <c r="BJ1260" s="1106"/>
      <c r="BK1260" s="1106"/>
      <c r="BL1260" s="1106"/>
      <c r="BM1260" s="1106"/>
      <c r="BN1260" s="1106"/>
      <c r="BO1260" s="1106"/>
      <c r="BP1260" s="1106"/>
      <c r="BQ1260" s="1106"/>
      <c r="BR1260" s="1106"/>
      <c r="BS1260" s="1106"/>
      <c r="BT1260" s="1106"/>
      <c r="BU1260" s="1106"/>
      <c r="BV1260" s="1106"/>
      <c r="BW1260" s="1106"/>
      <c r="BX1260" s="1106"/>
      <c r="BY1260" s="1106"/>
      <c r="BZ1260" s="1106"/>
      <c r="CA1260" s="1106"/>
    </row>
    <row r="1261" spans="3:79" ht="9" customHeight="1" x14ac:dyDescent="0.2">
      <c r="C1261" s="1106"/>
      <c r="D1261" s="1106"/>
      <c r="E1261" s="1106"/>
      <c r="F1261" s="1106"/>
      <c r="G1261" s="1106"/>
      <c r="H1261" s="1106"/>
      <c r="I1261" s="1106"/>
      <c r="J1261" s="1106"/>
      <c r="K1261" s="1106"/>
      <c r="L1261" s="1106"/>
      <c r="M1261" s="1106"/>
      <c r="N1261" s="1106"/>
      <c r="O1261" s="1106"/>
      <c r="AB1261" s="1106"/>
      <c r="AC1261" s="1106"/>
      <c r="AD1261" s="1106"/>
      <c r="AE1261" s="1106"/>
      <c r="AF1261" s="1106"/>
      <c r="AG1261" s="1106"/>
      <c r="AH1261" s="1106"/>
      <c r="AL1261" s="1106"/>
      <c r="AZ1261" s="1106"/>
      <c r="BA1261" s="1106"/>
      <c r="BB1261" s="1106"/>
      <c r="BC1261" s="1106"/>
      <c r="BD1261" s="1106"/>
      <c r="BE1261" s="1106"/>
      <c r="BF1261" s="1106"/>
      <c r="BG1261" s="1106"/>
      <c r="BH1261" s="1106"/>
      <c r="BI1261" s="1106"/>
      <c r="BJ1261" s="1106"/>
      <c r="BK1261" s="1106"/>
      <c r="BL1261" s="1106"/>
      <c r="BM1261" s="1106"/>
      <c r="BN1261" s="1106"/>
      <c r="BO1261" s="1106"/>
      <c r="BP1261" s="1106"/>
      <c r="BQ1261" s="1106"/>
      <c r="BR1261" s="1106"/>
      <c r="BS1261" s="1106"/>
      <c r="BT1261" s="1106"/>
      <c r="BU1261" s="1106"/>
      <c r="BV1261" s="1106"/>
      <c r="BW1261" s="1106"/>
      <c r="BX1261" s="1106"/>
      <c r="BY1261" s="1106"/>
      <c r="BZ1261" s="1106"/>
      <c r="CA1261" s="1106"/>
    </row>
    <row r="1262" spans="3:79" ht="9" customHeight="1" x14ac:dyDescent="0.2">
      <c r="C1262" s="1106"/>
      <c r="D1262" s="1106"/>
      <c r="E1262" s="1106"/>
      <c r="F1262" s="1106"/>
      <c r="G1262" s="1106"/>
      <c r="H1262" s="1106"/>
      <c r="I1262" s="1106"/>
      <c r="J1262" s="1106"/>
      <c r="K1262" s="1106"/>
      <c r="L1262" s="1106"/>
      <c r="M1262" s="1106"/>
      <c r="N1262" s="1106"/>
      <c r="O1262" s="1106"/>
      <c r="AB1262" s="1106"/>
      <c r="AC1262" s="1106"/>
      <c r="AD1262" s="1106"/>
      <c r="AE1262" s="1106"/>
      <c r="AF1262" s="1106"/>
      <c r="AG1262" s="1106"/>
      <c r="AH1262" s="1106"/>
      <c r="AL1262" s="1106"/>
      <c r="AZ1262" s="1106"/>
      <c r="BA1262" s="1106"/>
      <c r="BB1262" s="1106"/>
      <c r="BC1262" s="1106"/>
      <c r="BD1262" s="1106"/>
      <c r="BE1262" s="1106"/>
      <c r="BF1262" s="1106"/>
      <c r="BG1262" s="1106"/>
      <c r="BH1262" s="1106"/>
      <c r="BI1262" s="1106"/>
      <c r="BJ1262" s="1106"/>
      <c r="BK1262" s="1106"/>
      <c r="BL1262" s="1106"/>
      <c r="BM1262" s="1106"/>
      <c r="BN1262" s="1106"/>
      <c r="BO1262" s="1106"/>
      <c r="BP1262" s="1106"/>
      <c r="BQ1262" s="1106"/>
      <c r="BR1262" s="1106"/>
      <c r="BS1262" s="1106"/>
      <c r="BT1262" s="1106"/>
      <c r="BU1262" s="1106"/>
      <c r="BV1262" s="1106"/>
      <c r="BW1262" s="1106"/>
      <c r="BX1262" s="1106"/>
      <c r="BY1262" s="1106"/>
      <c r="BZ1262" s="1106"/>
      <c r="CA1262" s="1106"/>
    </row>
    <row r="1263" spans="3:79" ht="9" customHeight="1" x14ac:dyDescent="0.2">
      <c r="C1263" s="1106"/>
      <c r="D1263" s="1106"/>
      <c r="E1263" s="1106"/>
      <c r="F1263" s="1106"/>
      <c r="G1263" s="1106"/>
      <c r="H1263" s="1106"/>
      <c r="I1263" s="1106"/>
      <c r="J1263" s="1106"/>
      <c r="K1263" s="1106"/>
      <c r="L1263" s="1106"/>
      <c r="M1263" s="1106"/>
      <c r="N1263" s="1106"/>
      <c r="O1263" s="1106"/>
      <c r="AB1263" s="1106"/>
      <c r="AC1263" s="1106"/>
      <c r="AD1263" s="1106"/>
      <c r="AE1263" s="1106"/>
      <c r="AF1263" s="1106"/>
      <c r="AG1263" s="1106"/>
      <c r="AH1263" s="1106"/>
      <c r="AL1263" s="1106"/>
      <c r="AZ1263" s="1106"/>
      <c r="BA1263" s="1106"/>
      <c r="BB1263" s="1106"/>
      <c r="BC1263" s="1106"/>
      <c r="BD1263" s="1106"/>
      <c r="BE1263" s="1106"/>
      <c r="BF1263" s="1106"/>
      <c r="BG1263" s="1106"/>
      <c r="BH1263" s="1106"/>
      <c r="BI1263" s="1106"/>
      <c r="BJ1263" s="1106"/>
      <c r="BK1263" s="1106"/>
      <c r="BL1263" s="1106"/>
      <c r="BM1263" s="1106"/>
      <c r="BN1263" s="1106"/>
      <c r="BO1263" s="1106"/>
      <c r="BP1263" s="1106"/>
      <c r="BQ1263" s="1106"/>
      <c r="BR1263" s="1106"/>
      <c r="BS1263" s="1106"/>
      <c r="BT1263" s="1106"/>
      <c r="BU1263" s="1106"/>
      <c r="BV1263" s="1106"/>
      <c r="BW1263" s="1106"/>
      <c r="BX1263" s="1106"/>
      <c r="BY1263" s="1106"/>
      <c r="BZ1263" s="1106"/>
      <c r="CA1263" s="1106"/>
    </row>
    <row r="1264" spans="3:79" ht="9" customHeight="1" x14ac:dyDescent="0.2">
      <c r="C1264" s="1106"/>
      <c r="D1264" s="1106"/>
      <c r="E1264" s="1106"/>
      <c r="F1264" s="1106"/>
      <c r="G1264" s="1106"/>
      <c r="H1264" s="1106"/>
      <c r="I1264" s="1106"/>
      <c r="J1264" s="1106"/>
      <c r="K1264" s="1106"/>
      <c r="L1264" s="1106"/>
      <c r="M1264" s="1106"/>
      <c r="N1264" s="1106"/>
      <c r="O1264" s="1106"/>
      <c r="U1264" s="1106"/>
      <c r="AB1264" s="1106"/>
      <c r="AC1264" s="1106"/>
      <c r="AD1264" s="1106"/>
      <c r="AE1264" s="1106"/>
      <c r="AF1264" s="1106"/>
      <c r="AG1264" s="1106"/>
      <c r="AH1264" s="1106"/>
      <c r="AL1264" s="1106"/>
      <c r="AT1264" s="1106"/>
      <c r="AU1264" s="1106"/>
      <c r="AV1264" s="1106"/>
      <c r="AW1264" s="1106"/>
      <c r="AX1264" s="1106"/>
      <c r="AY1264" s="1106"/>
      <c r="AZ1264" s="1106"/>
      <c r="BA1264" s="1106"/>
      <c r="BB1264" s="1106"/>
      <c r="BC1264" s="1106"/>
      <c r="BD1264" s="1106"/>
      <c r="BE1264" s="1106"/>
      <c r="BF1264" s="1106"/>
      <c r="BG1264" s="1106"/>
      <c r="BH1264" s="1106"/>
      <c r="BI1264" s="1106"/>
      <c r="BJ1264" s="1106"/>
      <c r="BK1264" s="1106"/>
      <c r="BL1264" s="1106"/>
      <c r="BM1264" s="1106"/>
      <c r="BN1264" s="1106"/>
      <c r="BO1264" s="1106"/>
      <c r="BP1264" s="1106"/>
      <c r="BQ1264" s="1106"/>
      <c r="BR1264" s="1106"/>
      <c r="BS1264" s="1106"/>
      <c r="BT1264" s="1106"/>
      <c r="BU1264" s="1106"/>
      <c r="BV1264" s="1106"/>
      <c r="BW1264" s="1106"/>
      <c r="BX1264" s="1106"/>
      <c r="BY1264" s="1106"/>
      <c r="BZ1264" s="1106"/>
      <c r="CA1264" s="1106"/>
    </row>
    <row r="1265" spans="3:79" ht="9" customHeight="1" x14ac:dyDescent="0.2">
      <c r="C1265" s="1106"/>
      <c r="D1265" s="1106"/>
      <c r="E1265" s="1106"/>
      <c r="F1265" s="1106"/>
      <c r="G1265" s="1106"/>
      <c r="H1265" s="1106"/>
      <c r="I1265" s="1106"/>
      <c r="J1265" s="1106"/>
      <c r="K1265" s="1106"/>
      <c r="L1265" s="1106"/>
      <c r="M1265" s="1106"/>
      <c r="N1265" s="1106"/>
      <c r="O1265" s="1106"/>
      <c r="U1265" s="1106"/>
      <c r="AB1265" s="1106"/>
      <c r="AC1265" s="1106"/>
      <c r="AD1265" s="1106"/>
      <c r="AE1265" s="1106"/>
      <c r="AF1265" s="1106"/>
      <c r="AG1265" s="1106"/>
      <c r="AH1265" s="1106"/>
      <c r="AL1265" s="1106"/>
      <c r="AO1265" s="1106"/>
      <c r="AP1265" s="1106"/>
      <c r="AT1265" s="1106"/>
      <c r="AU1265" s="1106"/>
      <c r="AV1265" s="1106"/>
      <c r="AW1265" s="1106"/>
      <c r="AX1265" s="1106"/>
      <c r="AY1265" s="1106"/>
      <c r="AZ1265" s="1106"/>
      <c r="BA1265" s="1106"/>
      <c r="BB1265" s="1106"/>
      <c r="BC1265" s="1106"/>
      <c r="BD1265" s="1106"/>
      <c r="BE1265" s="1106"/>
      <c r="BF1265" s="1106"/>
      <c r="BG1265" s="1106"/>
      <c r="BH1265" s="1106"/>
      <c r="BI1265" s="1106"/>
      <c r="BJ1265" s="1106"/>
      <c r="BK1265" s="1106"/>
      <c r="BL1265" s="1106"/>
      <c r="BM1265" s="1106"/>
      <c r="BN1265" s="1106"/>
      <c r="BO1265" s="1106"/>
      <c r="BP1265" s="1106"/>
      <c r="BQ1265" s="1106"/>
      <c r="BR1265" s="1106"/>
      <c r="BS1265" s="1106"/>
      <c r="BT1265" s="1106"/>
      <c r="BU1265" s="1106"/>
      <c r="BV1265" s="1106"/>
      <c r="BW1265" s="1106"/>
      <c r="BX1265" s="1106"/>
      <c r="BY1265" s="1106"/>
      <c r="BZ1265" s="1106"/>
      <c r="CA1265" s="1106"/>
    </row>
    <row r="1266" spans="3:79" ht="9" customHeight="1" x14ac:dyDescent="0.2">
      <c r="C1266" s="1106"/>
      <c r="D1266" s="1106"/>
      <c r="E1266" s="1106"/>
      <c r="F1266" s="1106"/>
      <c r="G1266" s="1106"/>
      <c r="H1266" s="1106"/>
      <c r="I1266" s="1106"/>
      <c r="J1266" s="1106"/>
      <c r="K1266" s="1106"/>
      <c r="L1266" s="1106"/>
      <c r="M1266" s="1106"/>
      <c r="N1266" s="1106"/>
      <c r="O1266" s="1106"/>
      <c r="U1266" s="1106"/>
      <c r="AB1266" s="1106"/>
      <c r="AC1266" s="1106"/>
      <c r="AD1266" s="1106"/>
      <c r="AE1266" s="1106"/>
      <c r="AF1266" s="1106"/>
      <c r="AG1266" s="1106"/>
      <c r="AH1266" s="1106"/>
      <c r="AL1266" s="1106"/>
      <c r="AT1266" s="1106"/>
      <c r="AU1266" s="1106"/>
      <c r="AV1266" s="1106"/>
      <c r="AW1266" s="1106"/>
      <c r="AX1266" s="1106"/>
      <c r="AY1266" s="1106"/>
      <c r="AZ1266" s="1106"/>
      <c r="BA1266" s="1106"/>
      <c r="BB1266" s="1106"/>
      <c r="BC1266" s="1106"/>
      <c r="BD1266" s="1106"/>
      <c r="BE1266" s="1106"/>
      <c r="BF1266" s="1106"/>
      <c r="BG1266" s="1106"/>
      <c r="BH1266" s="1106"/>
      <c r="BI1266" s="1106"/>
      <c r="BJ1266" s="1106"/>
      <c r="BK1266" s="1106"/>
      <c r="BL1266" s="1106"/>
      <c r="BM1266" s="1106"/>
      <c r="BN1266" s="1106"/>
      <c r="BO1266" s="1106"/>
      <c r="BP1266" s="1106"/>
      <c r="BQ1266" s="1106"/>
      <c r="BR1266" s="1106"/>
      <c r="BS1266" s="1106"/>
      <c r="BT1266" s="1106"/>
      <c r="BU1266" s="1106"/>
      <c r="BV1266" s="1106"/>
      <c r="BW1266" s="1106"/>
      <c r="BX1266" s="1106"/>
      <c r="BY1266" s="1106"/>
      <c r="BZ1266" s="1106"/>
      <c r="CA1266" s="1106"/>
    </row>
    <row r="1267" spans="3:79" ht="9" customHeight="1" x14ac:dyDescent="0.2">
      <c r="C1267" s="1106"/>
      <c r="D1267" s="1106"/>
      <c r="E1267" s="1106"/>
      <c r="F1267" s="1106"/>
      <c r="G1267" s="1106"/>
      <c r="H1267" s="1106"/>
      <c r="I1267" s="1106"/>
      <c r="J1267" s="1106"/>
      <c r="K1267" s="1106"/>
      <c r="L1267" s="1106"/>
      <c r="M1267" s="1106"/>
      <c r="N1267" s="1106"/>
      <c r="O1267" s="1106"/>
      <c r="AB1267" s="1106"/>
      <c r="AC1267" s="1106"/>
      <c r="AD1267" s="1106"/>
      <c r="AE1267" s="1106"/>
      <c r="AF1267" s="1106"/>
      <c r="AG1267" s="1106"/>
      <c r="AH1267" s="1106"/>
      <c r="AL1267" s="1106"/>
      <c r="AZ1267" s="1106"/>
      <c r="BA1267" s="1106"/>
      <c r="BB1267" s="1106"/>
      <c r="BC1267" s="1106"/>
      <c r="BD1267" s="1106"/>
      <c r="BE1267" s="1106"/>
      <c r="BF1267" s="1106"/>
      <c r="BG1267" s="1106"/>
      <c r="BH1267" s="1106"/>
      <c r="BI1267" s="1106"/>
      <c r="BJ1267" s="1106"/>
      <c r="BK1267" s="1106"/>
      <c r="BL1267" s="1106"/>
      <c r="BM1267" s="1106"/>
      <c r="BN1267" s="1106"/>
      <c r="BO1267" s="1106"/>
      <c r="BP1267" s="1106"/>
      <c r="BQ1267" s="1106"/>
      <c r="BR1267" s="1106"/>
      <c r="BS1267" s="1106"/>
      <c r="BT1267" s="1106"/>
      <c r="BU1267" s="1106"/>
      <c r="BV1267" s="1106"/>
      <c r="BW1267" s="1106"/>
      <c r="BX1267" s="1106"/>
      <c r="BY1267" s="1106"/>
      <c r="BZ1267" s="1106"/>
      <c r="CA1267" s="1106"/>
    </row>
    <row r="1268" spans="3:79" ht="9" customHeight="1" x14ac:dyDescent="0.2">
      <c r="C1268" s="1106"/>
      <c r="D1268" s="1106"/>
      <c r="E1268" s="1106"/>
      <c r="F1268" s="1106"/>
      <c r="G1268" s="1106"/>
      <c r="H1268" s="1106"/>
      <c r="I1268" s="1106"/>
      <c r="J1268" s="1106"/>
      <c r="K1268" s="1106"/>
      <c r="L1268" s="1106"/>
      <c r="M1268" s="1106"/>
      <c r="N1268" s="1106"/>
      <c r="O1268" s="1106"/>
      <c r="AB1268" s="1106"/>
      <c r="AC1268" s="1106"/>
      <c r="AD1268" s="1106"/>
      <c r="AE1268" s="1106"/>
      <c r="AF1268" s="1106"/>
      <c r="AG1268" s="1106"/>
      <c r="AH1268" s="1106"/>
      <c r="AL1268" s="1106"/>
      <c r="AZ1268" s="1106"/>
      <c r="BA1268" s="1106"/>
      <c r="BB1268" s="1106"/>
      <c r="BC1268" s="1106"/>
      <c r="BD1268" s="1106"/>
      <c r="BE1268" s="1106"/>
      <c r="BF1268" s="1106"/>
      <c r="BG1268" s="1106"/>
      <c r="BH1268" s="1106"/>
      <c r="BI1268" s="1106"/>
      <c r="BJ1268" s="1106"/>
      <c r="BK1268" s="1106"/>
      <c r="BL1268" s="1106"/>
      <c r="BM1268" s="1106"/>
      <c r="BN1268" s="1106"/>
      <c r="BO1268" s="1106"/>
      <c r="BP1268" s="1106"/>
      <c r="BQ1268" s="1106"/>
      <c r="BR1268" s="1106"/>
      <c r="BS1268" s="1106"/>
      <c r="BT1268" s="1106"/>
      <c r="BU1268" s="1106"/>
      <c r="BV1268" s="1106"/>
      <c r="BW1268" s="1106"/>
      <c r="BX1268" s="1106"/>
      <c r="BY1268" s="1106"/>
      <c r="BZ1268" s="1106"/>
      <c r="CA1268" s="1106"/>
    </row>
    <row r="1269" spans="3:79" ht="9" customHeight="1" x14ac:dyDescent="0.2">
      <c r="C1269" s="1106"/>
      <c r="D1269" s="1106"/>
      <c r="E1269" s="1106"/>
      <c r="F1269" s="1106"/>
      <c r="G1269" s="1106"/>
      <c r="H1269" s="1106"/>
      <c r="I1269" s="1106"/>
      <c r="J1269" s="1106"/>
      <c r="K1269" s="1106"/>
      <c r="L1269" s="1106"/>
      <c r="M1269" s="1106"/>
      <c r="N1269" s="1106"/>
      <c r="O1269" s="1106"/>
      <c r="AB1269" s="1106"/>
      <c r="AC1269" s="1106"/>
      <c r="AD1269" s="1106"/>
      <c r="AE1269" s="1106"/>
      <c r="AF1269" s="1106"/>
      <c r="AG1269" s="1106"/>
      <c r="AH1269" s="1106"/>
      <c r="AL1269" s="1106"/>
      <c r="AZ1269" s="1106"/>
      <c r="BA1269" s="1106"/>
      <c r="BB1269" s="1106"/>
      <c r="BC1269" s="1106"/>
      <c r="BD1269" s="1106"/>
      <c r="BE1269" s="1106"/>
      <c r="BF1269" s="1106"/>
      <c r="BG1269" s="1106"/>
      <c r="BH1269" s="1106"/>
      <c r="BI1269" s="1106"/>
      <c r="BJ1269" s="1106"/>
      <c r="BK1269" s="1106"/>
      <c r="BL1269" s="1106"/>
      <c r="BM1269" s="1106"/>
      <c r="BN1269" s="1106"/>
      <c r="BO1269" s="1106"/>
      <c r="BP1269" s="1106"/>
      <c r="BQ1269" s="1106"/>
      <c r="BR1269" s="1106"/>
      <c r="BS1269" s="1106"/>
      <c r="BT1269" s="1106"/>
      <c r="BU1269" s="1106"/>
      <c r="BV1269" s="1106"/>
      <c r="BW1269" s="1106"/>
      <c r="BX1269" s="1106"/>
      <c r="BY1269" s="1106"/>
      <c r="BZ1269" s="1106"/>
      <c r="CA1269" s="1106"/>
    </row>
    <row r="1270" spans="3:79" ht="9" customHeight="1" x14ac:dyDescent="0.2">
      <c r="C1270" s="1106"/>
      <c r="D1270" s="1106"/>
      <c r="E1270" s="1106"/>
      <c r="F1270" s="1106"/>
      <c r="G1270" s="1106"/>
      <c r="H1270" s="1106"/>
      <c r="I1270" s="1106"/>
      <c r="J1270" s="1106"/>
      <c r="K1270" s="1106"/>
      <c r="L1270" s="1106"/>
      <c r="M1270" s="1106"/>
      <c r="N1270" s="1106"/>
      <c r="O1270" s="1106"/>
      <c r="U1270" s="1106"/>
      <c r="AB1270" s="1106"/>
      <c r="AC1270" s="1106"/>
      <c r="AD1270" s="1106"/>
      <c r="AE1270" s="1106"/>
      <c r="AF1270" s="1106"/>
      <c r="AG1270" s="1106"/>
      <c r="AH1270" s="1106"/>
      <c r="AL1270" s="1106"/>
      <c r="AT1270" s="1106"/>
      <c r="AU1270" s="1106"/>
      <c r="AV1270" s="1106"/>
      <c r="AW1270" s="1106"/>
      <c r="AX1270" s="1106"/>
      <c r="AY1270" s="1106"/>
      <c r="AZ1270" s="1106"/>
      <c r="BA1270" s="1106"/>
      <c r="BB1270" s="1106"/>
      <c r="BC1270" s="1106"/>
      <c r="BD1270" s="1106"/>
      <c r="BE1270" s="1106"/>
      <c r="BF1270" s="1106"/>
      <c r="BG1270" s="1106"/>
      <c r="BH1270" s="1106"/>
      <c r="BI1270" s="1106"/>
      <c r="BJ1270" s="1106"/>
      <c r="BK1270" s="1106"/>
      <c r="BL1270" s="1106"/>
      <c r="BM1270" s="1106"/>
      <c r="BN1270" s="1106"/>
      <c r="BO1270" s="1106"/>
      <c r="BP1270" s="1106"/>
      <c r="BQ1270" s="1106"/>
      <c r="BR1270" s="1106"/>
      <c r="BS1270" s="1106"/>
      <c r="BT1270" s="1106"/>
      <c r="BU1270" s="1106"/>
      <c r="BV1270" s="1106"/>
      <c r="BW1270" s="1106"/>
      <c r="BX1270" s="1106"/>
      <c r="BY1270" s="1106"/>
      <c r="BZ1270" s="1106"/>
      <c r="CA1270" s="1106"/>
    </row>
    <row r="1271" spans="3:79" ht="9" customHeight="1" x14ac:dyDescent="0.2">
      <c r="C1271" s="1106"/>
      <c r="D1271" s="1106"/>
      <c r="E1271" s="1106"/>
      <c r="F1271" s="1106"/>
      <c r="G1271" s="1106"/>
      <c r="H1271" s="1106"/>
      <c r="I1271" s="1106"/>
      <c r="J1271" s="1106"/>
      <c r="K1271" s="1106"/>
      <c r="L1271" s="1106"/>
      <c r="M1271" s="1106"/>
      <c r="N1271" s="1106"/>
      <c r="O1271" s="1106"/>
      <c r="U1271" s="1106"/>
      <c r="AB1271" s="1106"/>
      <c r="AC1271" s="1106"/>
      <c r="AD1271" s="1106"/>
      <c r="AE1271" s="1106"/>
      <c r="AF1271" s="1106"/>
      <c r="AG1271" s="1106"/>
      <c r="AH1271" s="1106"/>
      <c r="AL1271" s="1106"/>
      <c r="AO1271" s="1106"/>
      <c r="AP1271" s="1106"/>
      <c r="AT1271" s="1106"/>
      <c r="AU1271" s="1106"/>
      <c r="AV1271" s="1106"/>
      <c r="AW1271" s="1106"/>
      <c r="AX1271" s="1106"/>
      <c r="AY1271" s="1106"/>
      <c r="AZ1271" s="1106"/>
      <c r="BA1271" s="1106"/>
      <c r="BB1271" s="1106"/>
      <c r="BC1271" s="1106"/>
      <c r="BD1271" s="1106"/>
      <c r="BE1271" s="1106"/>
      <c r="BF1271" s="1106"/>
      <c r="BG1271" s="1106"/>
      <c r="BH1271" s="1106"/>
      <c r="BI1271" s="1106"/>
      <c r="BJ1271" s="1106"/>
      <c r="BK1271" s="1106"/>
      <c r="BL1271" s="1106"/>
      <c r="BM1271" s="1106"/>
      <c r="BN1271" s="1106"/>
      <c r="BO1271" s="1106"/>
      <c r="BP1271" s="1106"/>
      <c r="BQ1271" s="1106"/>
      <c r="BR1271" s="1106"/>
      <c r="BS1271" s="1106"/>
      <c r="BT1271" s="1106"/>
      <c r="BU1271" s="1106"/>
      <c r="BV1271" s="1106"/>
      <c r="BW1271" s="1106"/>
      <c r="BX1271" s="1106"/>
      <c r="BY1271" s="1106"/>
      <c r="BZ1271" s="1106"/>
      <c r="CA1271" s="1106"/>
    </row>
    <row r="1272" spans="3:79" ht="9" customHeight="1" x14ac:dyDescent="0.2">
      <c r="C1272" s="1106"/>
      <c r="D1272" s="1106"/>
      <c r="E1272" s="1106"/>
      <c r="F1272" s="1106"/>
      <c r="G1272" s="1106"/>
      <c r="H1272" s="1106"/>
      <c r="I1272" s="1106"/>
      <c r="J1272" s="1106"/>
      <c r="K1272" s="1106"/>
      <c r="L1272" s="1106"/>
      <c r="M1272" s="1106"/>
      <c r="N1272" s="1106"/>
      <c r="O1272" s="1106"/>
      <c r="U1272" s="1106"/>
      <c r="AB1272" s="1106"/>
      <c r="AC1272" s="1106"/>
      <c r="AD1272" s="1106"/>
      <c r="AE1272" s="1106"/>
      <c r="AF1272" s="1106"/>
      <c r="AG1272" s="1106"/>
      <c r="AH1272" s="1106"/>
      <c r="AL1272" s="1106"/>
      <c r="AT1272" s="1106"/>
      <c r="AU1272" s="1106"/>
      <c r="AV1272" s="1106"/>
      <c r="AW1272" s="1106"/>
      <c r="AX1272" s="1106"/>
      <c r="AY1272" s="1106"/>
      <c r="AZ1272" s="1106"/>
      <c r="BA1272" s="1106"/>
      <c r="BB1272" s="1106"/>
      <c r="BC1272" s="1106"/>
      <c r="BD1272" s="1106"/>
      <c r="BE1272" s="1106"/>
      <c r="BF1272" s="1106"/>
      <c r="BG1272" s="1106"/>
      <c r="BH1272" s="1106"/>
      <c r="BI1272" s="1106"/>
      <c r="BJ1272" s="1106"/>
      <c r="BK1272" s="1106"/>
      <c r="BL1272" s="1106"/>
      <c r="BM1272" s="1106"/>
      <c r="BN1272" s="1106"/>
      <c r="BO1272" s="1106"/>
      <c r="BP1272" s="1106"/>
      <c r="BQ1272" s="1106"/>
      <c r="BR1272" s="1106"/>
      <c r="BS1272" s="1106"/>
      <c r="BT1272" s="1106"/>
      <c r="BU1272" s="1106"/>
      <c r="BV1272" s="1106"/>
      <c r="BW1272" s="1106"/>
      <c r="BX1272" s="1106"/>
      <c r="BY1272" s="1106"/>
      <c r="BZ1272" s="1106"/>
      <c r="CA1272" s="1106"/>
    </row>
    <row r="1273" spans="3:79" ht="9" customHeight="1" x14ac:dyDescent="0.2">
      <c r="C1273" s="1106"/>
      <c r="D1273" s="1106"/>
      <c r="E1273" s="1106"/>
      <c r="F1273" s="1106"/>
      <c r="G1273" s="1106"/>
      <c r="H1273" s="1106"/>
      <c r="I1273" s="1106"/>
      <c r="J1273" s="1106"/>
      <c r="K1273" s="1106"/>
      <c r="L1273" s="1106"/>
      <c r="M1273" s="1106"/>
      <c r="N1273" s="1106"/>
      <c r="O1273" s="1106"/>
      <c r="AB1273" s="1106"/>
      <c r="AC1273" s="1106"/>
      <c r="AD1273" s="1106"/>
      <c r="AE1273" s="1106"/>
      <c r="AF1273" s="1106"/>
      <c r="AG1273" s="1106"/>
      <c r="AH1273" s="1106"/>
      <c r="AL1273" s="1106"/>
      <c r="AZ1273" s="1106"/>
      <c r="BA1273" s="1106"/>
      <c r="BB1273" s="1106"/>
      <c r="BC1273" s="1106"/>
      <c r="BD1273" s="1106"/>
      <c r="BE1273" s="1106"/>
      <c r="BF1273" s="1106"/>
      <c r="BG1273" s="1106"/>
      <c r="BH1273" s="1106"/>
      <c r="BI1273" s="1106"/>
      <c r="BJ1273" s="1106"/>
      <c r="BK1273" s="1106"/>
      <c r="BL1273" s="1106"/>
      <c r="BM1273" s="1106"/>
      <c r="BN1273" s="1106"/>
      <c r="BO1273" s="1106"/>
      <c r="BP1273" s="1106"/>
      <c r="BQ1273" s="1106"/>
      <c r="BR1273" s="1106"/>
      <c r="BS1273" s="1106"/>
      <c r="BT1273" s="1106"/>
      <c r="BU1273" s="1106"/>
      <c r="BV1273" s="1106"/>
      <c r="BW1273" s="1106"/>
      <c r="BX1273" s="1106"/>
      <c r="BY1273" s="1106"/>
      <c r="BZ1273" s="1106"/>
      <c r="CA1273" s="1106"/>
    </row>
    <row r="1274" spans="3:79" ht="9" customHeight="1" x14ac:dyDescent="0.2">
      <c r="C1274" s="1106"/>
      <c r="D1274" s="1106"/>
      <c r="E1274" s="1106"/>
      <c r="F1274" s="1106"/>
      <c r="G1274" s="1106"/>
      <c r="H1274" s="1106"/>
      <c r="I1274" s="1106"/>
      <c r="J1274" s="1106"/>
      <c r="K1274" s="1106"/>
      <c r="L1274" s="1106"/>
      <c r="M1274" s="1106"/>
      <c r="N1274" s="1106"/>
      <c r="O1274" s="1106"/>
      <c r="AB1274" s="1106"/>
      <c r="AC1274" s="1106"/>
      <c r="AD1274" s="1106"/>
      <c r="AE1274" s="1106"/>
      <c r="AF1274" s="1106"/>
      <c r="AG1274" s="1106"/>
      <c r="AH1274" s="1106"/>
      <c r="AL1274" s="1106"/>
      <c r="AZ1274" s="1106"/>
      <c r="BA1274" s="1106"/>
      <c r="BB1274" s="1106"/>
      <c r="BC1274" s="1106"/>
      <c r="BD1274" s="1106"/>
      <c r="BE1274" s="1106"/>
      <c r="BF1274" s="1106"/>
      <c r="BG1274" s="1106"/>
      <c r="BH1274" s="1106"/>
      <c r="BI1274" s="1106"/>
      <c r="BJ1274" s="1106"/>
      <c r="BK1274" s="1106"/>
      <c r="BL1274" s="1106"/>
      <c r="BM1274" s="1106"/>
      <c r="BN1274" s="1106"/>
      <c r="BO1274" s="1106"/>
      <c r="BP1274" s="1106"/>
      <c r="BQ1274" s="1106"/>
      <c r="BR1274" s="1106"/>
      <c r="BS1274" s="1106"/>
      <c r="BT1274" s="1106"/>
      <c r="BU1274" s="1106"/>
      <c r="BV1274" s="1106"/>
      <c r="BW1274" s="1106"/>
      <c r="BX1274" s="1106"/>
      <c r="BY1274" s="1106"/>
      <c r="BZ1274" s="1106"/>
      <c r="CA1274" s="1106"/>
    </row>
    <row r="1275" spans="3:79" ht="9" customHeight="1" x14ac:dyDescent="0.2">
      <c r="C1275" s="1106"/>
      <c r="D1275" s="1106"/>
      <c r="E1275" s="1106"/>
      <c r="F1275" s="1106"/>
      <c r="G1275" s="1106"/>
      <c r="H1275" s="1106"/>
      <c r="I1275" s="1106"/>
      <c r="J1275" s="1106"/>
      <c r="K1275" s="1106"/>
      <c r="L1275" s="1106"/>
      <c r="M1275" s="1106"/>
      <c r="N1275" s="1106"/>
      <c r="O1275" s="1106"/>
      <c r="AB1275" s="1106"/>
      <c r="AC1275" s="1106"/>
      <c r="AD1275" s="1106"/>
      <c r="AE1275" s="1106"/>
      <c r="AF1275" s="1106"/>
      <c r="AG1275" s="1106"/>
      <c r="AH1275" s="1106"/>
      <c r="AL1275" s="1106"/>
      <c r="AZ1275" s="1106"/>
      <c r="BA1275" s="1106"/>
      <c r="BB1275" s="1106"/>
      <c r="BC1275" s="1106"/>
      <c r="BD1275" s="1106"/>
      <c r="BE1275" s="1106"/>
      <c r="BF1275" s="1106"/>
      <c r="BG1275" s="1106"/>
      <c r="BH1275" s="1106"/>
      <c r="BI1275" s="1106"/>
      <c r="BJ1275" s="1106"/>
      <c r="BK1275" s="1106"/>
      <c r="BL1275" s="1106"/>
      <c r="BM1275" s="1106"/>
      <c r="BN1275" s="1106"/>
      <c r="BO1275" s="1106"/>
      <c r="BP1275" s="1106"/>
      <c r="BQ1275" s="1106"/>
      <c r="BR1275" s="1106"/>
      <c r="BS1275" s="1106"/>
      <c r="BT1275" s="1106"/>
      <c r="BU1275" s="1106"/>
      <c r="BV1275" s="1106"/>
      <c r="BW1275" s="1106"/>
      <c r="BX1275" s="1106"/>
      <c r="BY1275" s="1106"/>
      <c r="BZ1275" s="1106"/>
      <c r="CA1275" s="1106"/>
    </row>
    <row r="1276" spans="3:79" ht="9" customHeight="1" x14ac:dyDescent="0.2">
      <c r="C1276" s="1106"/>
      <c r="D1276" s="1106"/>
      <c r="E1276" s="1106"/>
      <c r="F1276" s="1106"/>
      <c r="G1276" s="1106"/>
      <c r="H1276" s="1106"/>
      <c r="I1276" s="1106"/>
      <c r="J1276" s="1106"/>
      <c r="K1276" s="1106"/>
      <c r="L1276" s="1106"/>
      <c r="M1276" s="1106"/>
      <c r="N1276" s="1106"/>
      <c r="O1276" s="1106"/>
      <c r="U1276" s="1106"/>
      <c r="AB1276" s="1106"/>
      <c r="AC1276" s="1106"/>
      <c r="AD1276" s="1106"/>
      <c r="AE1276" s="1106"/>
      <c r="AF1276" s="1106"/>
      <c r="AG1276" s="1106"/>
      <c r="AH1276" s="1106"/>
      <c r="AL1276" s="1106"/>
      <c r="AT1276" s="1106"/>
      <c r="AU1276" s="1106"/>
      <c r="AV1276" s="1106"/>
      <c r="AW1276" s="1106"/>
      <c r="AX1276" s="1106"/>
      <c r="AY1276" s="1106"/>
      <c r="AZ1276" s="1106"/>
      <c r="BA1276" s="1106"/>
      <c r="BB1276" s="1106"/>
      <c r="BC1276" s="1106"/>
      <c r="BD1276" s="1106"/>
      <c r="BE1276" s="1106"/>
      <c r="BF1276" s="1106"/>
      <c r="BG1276" s="1106"/>
      <c r="BH1276" s="1106"/>
      <c r="BI1276" s="1106"/>
      <c r="BJ1276" s="1106"/>
      <c r="BK1276" s="1106"/>
      <c r="BL1276" s="1106"/>
      <c r="BM1276" s="1106"/>
      <c r="BN1276" s="1106"/>
      <c r="BO1276" s="1106"/>
      <c r="BP1276" s="1106"/>
      <c r="BQ1276" s="1106"/>
      <c r="BR1276" s="1106"/>
      <c r="BS1276" s="1106"/>
      <c r="BT1276" s="1106"/>
      <c r="BU1276" s="1106"/>
      <c r="BV1276" s="1106"/>
      <c r="BW1276" s="1106"/>
      <c r="BX1276" s="1106"/>
      <c r="BY1276" s="1106"/>
      <c r="BZ1276" s="1106"/>
      <c r="CA1276" s="1106"/>
    </row>
    <row r="1277" spans="3:79" ht="9" customHeight="1" x14ac:dyDescent="0.2">
      <c r="C1277" s="1106"/>
      <c r="D1277" s="1106"/>
      <c r="E1277" s="1106"/>
      <c r="F1277" s="1106"/>
      <c r="G1277" s="1106"/>
      <c r="H1277" s="1106"/>
      <c r="I1277" s="1106"/>
      <c r="J1277" s="1106"/>
      <c r="K1277" s="1106"/>
      <c r="L1277" s="1106"/>
      <c r="M1277" s="1106"/>
      <c r="N1277" s="1106"/>
      <c r="O1277" s="1106"/>
      <c r="U1277" s="1106"/>
      <c r="AB1277" s="1106"/>
      <c r="AC1277" s="1106"/>
      <c r="AD1277" s="1106"/>
      <c r="AE1277" s="1106"/>
      <c r="AF1277" s="1106"/>
      <c r="AG1277" s="1106"/>
      <c r="AH1277" s="1106"/>
      <c r="AL1277" s="1106"/>
      <c r="AO1277" s="1106"/>
      <c r="AP1277" s="1106"/>
      <c r="AT1277" s="1106"/>
      <c r="AU1277" s="1106"/>
      <c r="AV1277" s="1106"/>
      <c r="AW1277" s="1106"/>
      <c r="AX1277" s="1106"/>
      <c r="AY1277" s="1106"/>
      <c r="AZ1277" s="1106"/>
      <c r="BA1277" s="1106"/>
      <c r="BB1277" s="1106"/>
      <c r="BC1277" s="1106"/>
      <c r="BD1277" s="1106"/>
      <c r="BE1277" s="1106"/>
      <c r="BF1277" s="1106"/>
      <c r="BG1277" s="1106"/>
      <c r="BH1277" s="1106"/>
      <c r="BI1277" s="1106"/>
      <c r="BJ1277" s="1106"/>
      <c r="BK1277" s="1106"/>
      <c r="BL1277" s="1106"/>
      <c r="BM1277" s="1106"/>
      <c r="BN1277" s="1106"/>
      <c r="BO1277" s="1106"/>
      <c r="BP1277" s="1106"/>
      <c r="BQ1277" s="1106"/>
      <c r="BR1277" s="1106"/>
      <c r="BS1277" s="1106"/>
      <c r="BT1277" s="1106"/>
      <c r="BU1277" s="1106"/>
      <c r="BV1277" s="1106"/>
      <c r="BW1277" s="1106"/>
      <c r="BX1277" s="1106"/>
      <c r="BY1277" s="1106"/>
      <c r="BZ1277" s="1106"/>
      <c r="CA1277" s="1106"/>
    </row>
    <row r="1278" spans="3:79" ht="9" customHeight="1" x14ac:dyDescent="0.2">
      <c r="C1278" s="1106"/>
      <c r="D1278" s="1106"/>
      <c r="E1278" s="1106"/>
      <c r="F1278" s="1106"/>
      <c r="G1278" s="1106"/>
      <c r="H1278" s="1106"/>
      <c r="I1278" s="1106"/>
      <c r="J1278" s="1106"/>
      <c r="K1278" s="1106"/>
      <c r="L1278" s="1106"/>
      <c r="M1278" s="1106"/>
      <c r="N1278" s="1106"/>
      <c r="O1278" s="1106"/>
      <c r="U1278" s="1106"/>
      <c r="AB1278" s="1106"/>
      <c r="AC1278" s="1106"/>
      <c r="AD1278" s="1106"/>
      <c r="AE1278" s="1106"/>
      <c r="AF1278" s="1106"/>
      <c r="AG1278" s="1106"/>
      <c r="AH1278" s="1106"/>
      <c r="AL1278" s="1106"/>
      <c r="AT1278" s="1106"/>
      <c r="AU1278" s="1106"/>
      <c r="AV1278" s="1106"/>
      <c r="AW1278" s="1106"/>
      <c r="AX1278" s="1106"/>
      <c r="AY1278" s="1106"/>
      <c r="AZ1278" s="1106"/>
      <c r="BA1278" s="1106"/>
      <c r="BB1278" s="1106"/>
      <c r="BC1278" s="1106"/>
      <c r="BD1278" s="1106"/>
      <c r="BE1278" s="1106"/>
      <c r="BF1278" s="1106"/>
      <c r="BG1278" s="1106"/>
      <c r="BH1278" s="1106"/>
      <c r="BI1278" s="1106"/>
      <c r="BJ1278" s="1106"/>
      <c r="BK1278" s="1106"/>
      <c r="BL1278" s="1106"/>
      <c r="BM1278" s="1106"/>
      <c r="BN1278" s="1106"/>
      <c r="BO1278" s="1106"/>
      <c r="BP1278" s="1106"/>
      <c r="BQ1278" s="1106"/>
      <c r="BR1278" s="1106"/>
      <c r="BS1278" s="1106"/>
      <c r="BT1278" s="1106"/>
      <c r="BU1278" s="1106"/>
      <c r="BV1278" s="1106"/>
      <c r="BW1278" s="1106"/>
      <c r="BX1278" s="1106"/>
      <c r="BY1278" s="1106"/>
      <c r="BZ1278" s="1106"/>
      <c r="CA1278" s="1106"/>
    </row>
    <row r="1279" spans="3:79" ht="9" customHeight="1" x14ac:dyDescent="0.2">
      <c r="C1279" s="1106"/>
      <c r="D1279" s="1106"/>
      <c r="E1279" s="1106"/>
      <c r="F1279" s="1106"/>
      <c r="G1279" s="1106"/>
      <c r="H1279" s="1106"/>
      <c r="I1279" s="1106"/>
      <c r="J1279" s="1106"/>
      <c r="K1279" s="1106"/>
      <c r="L1279" s="1106"/>
      <c r="M1279" s="1106"/>
      <c r="N1279" s="1106"/>
      <c r="O1279" s="1106"/>
      <c r="AB1279" s="1106"/>
      <c r="AC1279" s="1106"/>
      <c r="AD1279" s="1106"/>
      <c r="AE1279" s="1106"/>
      <c r="AF1279" s="1106"/>
      <c r="AG1279" s="1106"/>
      <c r="AH1279" s="1106"/>
      <c r="AL1279" s="1106"/>
      <c r="AZ1279" s="1106"/>
      <c r="BA1279" s="1106"/>
      <c r="BB1279" s="1106"/>
      <c r="BC1279" s="1106"/>
      <c r="BD1279" s="1106"/>
      <c r="BE1279" s="1106"/>
      <c r="BF1279" s="1106"/>
      <c r="BG1279" s="1106"/>
      <c r="BH1279" s="1106"/>
      <c r="BI1279" s="1106"/>
      <c r="BJ1279" s="1106"/>
      <c r="BK1279" s="1106"/>
      <c r="BL1279" s="1106"/>
      <c r="BM1279" s="1106"/>
      <c r="BN1279" s="1106"/>
      <c r="BO1279" s="1106"/>
      <c r="BP1279" s="1106"/>
      <c r="BQ1279" s="1106"/>
      <c r="BR1279" s="1106"/>
      <c r="BS1279" s="1106"/>
      <c r="BT1279" s="1106"/>
      <c r="BU1279" s="1106"/>
      <c r="BV1279" s="1106"/>
      <c r="BW1279" s="1106"/>
      <c r="BX1279" s="1106"/>
      <c r="BY1279" s="1106"/>
      <c r="BZ1279" s="1106"/>
      <c r="CA1279" s="1106"/>
    </row>
    <row r="1280" spans="3:79" ht="9" customHeight="1" x14ac:dyDescent="0.2">
      <c r="C1280" s="1106"/>
      <c r="D1280" s="1106"/>
      <c r="E1280" s="1106"/>
      <c r="F1280" s="1106"/>
      <c r="G1280" s="1106"/>
      <c r="H1280" s="1106"/>
      <c r="I1280" s="1106"/>
      <c r="J1280" s="1106"/>
      <c r="K1280" s="1106"/>
      <c r="L1280" s="1106"/>
      <c r="M1280" s="1106"/>
      <c r="N1280" s="1106"/>
      <c r="O1280" s="1106"/>
      <c r="AB1280" s="1106"/>
      <c r="AC1280" s="1106"/>
      <c r="AD1280" s="1106"/>
      <c r="AE1280" s="1106"/>
      <c r="AF1280" s="1106"/>
      <c r="AG1280" s="1106"/>
      <c r="AH1280" s="1106"/>
      <c r="AL1280" s="1106"/>
      <c r="AZ1280" s="1106"/>
      <c r="BA1280" s="1106"/>
      <c r="BB1280" s="1106"/>
      <c r="BC1280" s="1106"/>
      <c r="BD1280" s="1106"/>
      <c r="BE1280" s="1106"/>
      <c r="BF1280" s="1106"/>
      <c r="BG1280" s="1106"/>
      <c r="BH1280" s="1106"/>
      <c r="BI1280" s="1106"/>
      <c r="BJ1280" s="1106"/>
      <c r="BK1280" s="1106"/>
      <c r="BL1280" s="1106"/>
      <c r="BM1280" s="1106"/>
      <c r="BN1280" s="1106"/>
      <c r="BO1280" s="1106"/>
      <c r="BP1280" s="1106"/>
      <c r="BQ1280" s="1106"/>
      <c r="BR1280" s="1106"/>
      <c r="BS1280" s="1106"/>
      <c r="BT1280" s="1106"/>
      <c r="BU1280" s="1106"/>
      <c r="BV1280" s="1106"/>
      <c r="BW1280" s="1106"/>
      <c r="BX1280" s="1106"/>
      <c r="BY1280" s="1106"/>
      <c r="BZ1280" s="1106"/>
      <c r="CA1280" s="1106"/>
    </row>
    <row r="1281" spans="3:79" ht="9" customHeight="1" x14ac:dyDescent="0.2">
      <c r="C1281" s="1106"/>
      <c r="D1281" s="1106"/>
      <c r="E1281" s="1106"/>
      <c r="F1281" s="1106"/>
      <c r="G1281" s="1106"/>
      <c r="H1281" s="1106"/>
      <c r="I1281" s="1106"/>
      <c r="J1281" s="1106"/>
      <c r="K1281" s="1106"/>
      <c r="L1281" s="1106"/>
      <c r="M1281" s="1106"/>
      <c r="N1281" s="1106"/>
      <c r="O1281" s="1106"/>
      <c r="AB1281" s="1106"/>
      <c r="AC1281" s="1106"/>
      <c r="AD1281" s="1106"/>
      <c r="AE1281" s="1106"/>
      <c r="AF1281" s="1106"/>
      <c r="AG1281" s="1106"/>
      <c r="AH1281" s="1106"/>
      <c r="AL1281" s="1106"/>
      <c r="AZ1281" s="1106"/>
      <c r="BA1281" s="1106"/>
      <c r="BB1281" s="1106"/>
      <c r="BC1281" s="1106"/>
      <c r="BD1281" s="1106"/>
      <c r="BE1281" s="1106"/>
      <c r="BF1281" s="1106"/>
      <c r="BG1281" s="1106"/>
      <c r="BH1281" s="1106"/>
      <c r="BI1281" s="1106"/>
      <c r="BJ1281" s="1106"/>
      <c r="BK1281" s="1106"/>
      <c r="BL1281" s="1106"/>
      <c r="BM1281" s="1106"/>
      <c r="BN1281" s="1106"/>
      <c r="BO1281" s="1106"/>
      <c r="BP1281" s="1106"/>
      <c r="BQ1281" s="1106"/>
      <c r="BR1281" s="1106"/>
      <c r="BS1281" s="1106"/>
      <c r="BT1281" s="1106"/>
      <c r="BU1281" s="1106"/>
      <c r="BV1281" s="1106"/>
      <c r="BW1281" s="1106"/>
      <c r="BX1281" s="1106"/>
      <c r="BY1281" s="1106"/>
      <c r="BZ1281" s="1106"/>
      <c r="CA1281" s="1106"/>
    </row>
    <row r="1282" spans="3:79" ht="9" customHeight="1" x14ac:dyDescent="0.2">
      <c r="C1282" s="1106"/>
      <c r="D1282" s="1106"/>
      <c r="E1282" s="1106"/>
      <c r="F1282" s="1106"/>
      <c r="G1282" s="1106"/>
      <c r="H1282" s="1106"/>
      <c r="I1282" s="1106"/>
      <c r="J1282" s="1106"/>
      <c r="K1282" s="1106"/>
      <c r="L1282" s="1106"/>
      <c r="M1282" s="1106"/>
      <c r="N1282" s="1106"/>
      <c r="O1282" s="1106"/>
      <c r="U1282" s="1106"/>
      <c r="AB1282" s="1106"/>
      <c r="AC1282" s="1106"/>
      <c r="AD1282" s="1106"/>
      <c r="AE1282" s="1106"/>
      <c r="AF1282" s="1106"/>
      <c r="AG1282" s="1106"/>
      <c r="AH1282" s="1106"/>
      <c r="AL1282" s="1106"/>
      <c r="AT1282" s="1106"/>
      <c r="AU1282" s="1106"/>
      <c r="AV1282" s="1106"/>
      <c r="AW1282" s="1106"/>
      <c r="AX1282" s="1106"/>
      <c r="AY1282" s="1106"/>
      <c r="AZ1282" s="1106"/>
      <c r="BA1282" s="1106"/>
      <c r="BB1282" s="1106"/>
      <c r="BC1282" s="1106"/>
      <c r="BD1282" s="1106"/>
      <c r="BE1282" s="1106"/>
      <c r="BF1282" s="1106"/>
      <c r="BG1282" s="1106"/>
      <c r="BH1282" s="1106"/>
      <c r="BI1282" s="1106"/>
      <c r="BJ1282" s="1106"/>
      <c r="BK1282" s="1106"/>
      <c r="BL1282" s="1106"/>
      <c r="BM1282" s="1106"/>
      <c r="BN1282" s="1106"/>
      <c r="BO1282" s="1106"/>
      <c r="BP1282" s="1106"/>
      <c r="BQ1282" s="1106"/>
      <c r="BR1282" s="1106"/>
      <c r="BS1282" s="1106"/>
      <c r="BT1282" s="1106"/>
      <c r="BU1282" s="1106"/>
      <c r="BV1282" s="1106"/>
      <c r="BW1282" s="1106"/>
      <c r="BX1282" s="1106"/>
      <c r="BY1282" s="1106"/>
      <c r="BZ1282" s="1106"/>
      <c r="CA1282" s="1106"/>
    </row>
    <row r="1283" spans="3:79" ht="9" customHeight="1" x14ac:dyDescent="0.2">
      <c r="C1283" s="1106"/>
      <c r="D1283" s="1106"/>
      <c r="E1283" s="1106"/>
      <c r="F1283" s="1106"/>
      <c r="G1283" s="1106"/>
      <c r="H1283" s="1106"/>
      <c r="I1283" s="1106"/>
      <c r="J1283" s="1106"/>
      <c r="K1283" s="1106"/>
      <c r="L1283" s="1106"/>
      <c r="M1283" s="1106"/>
      <c r="N1283" s="1106"/>
      <c r="O1283" s="1106"/>
      <c r="U1283" s="1106"/>
      <c r="AB1283" s="1106"/>
      <c r="AC1283" s="1106"/>
      <c r="AD1283" s="1106"/>
      <c r="AE1283" s="1106"/>
      <c r="AF1283" s="1106"/>
      <c r="AG1283" s="1106"/>
      <c r="AH1283" s="1106"/>
      <c r="AL1283" s="1106"/>
      <c r="AO1283" s="1106"/>
      <c r="AP1283" s="1106"/>
      <c r="AT1283" s="1106"/>
      <c r="AU1283" s="1106"/>
      <c r="AV1283" s="1106"/>
      <c r="AW1283" s="1106"/>
      <c r="AX1283" s="1106"/>
      <c r="AY1283" s="1106"/>
      <c r="AZ1283" s="1106"/>
      <c r="BA1283" s="1106"/>
      <c r="BB1283" s="1106"/>
      <c r="BC1283" s="1106"/>
      <c r="BD1283" s="1106"/>
      <c r="BE1283" s="1106"/>
      <c r="BF1283" s="1106"/>
      <c r="BG1283" s="1106"/>
      <c r="BH1283" s="1106"/>
      <c r="BI1283" s="1106"/>
      <c r="BJ1283" s="1106"/>
      <c r="BK1283" s="1106"/>
      <c r="BL1283" s="1106"/>
      <c r="BM1283" s="1106"/>
      <c r="BN1283" s="1106"/>
      <c r="BO1283" s="1106"/>
      <c r="BP1283" s="1106"/>
      <c r="BQ1283" s="1106"/>
      <c r="BR1283" s="1106"/>
      <c r="BS1283" s="1106"/>
      <c r="BT1283" s="1106"/>
      <c r="BU1283" s="1106"/>
      <c r="BV1283" s="1106"/>
      <c r="BW1283" s="1106"/>
      <c r="BX1283" s="1106"/>
      <c r="BY1283" s="1106"/>
      <c r="BZ1283" s="1106"/>
      <c r="CA1283" s="1106"/>
    </row>
    <row r="1284" spans="3:79" ht="9" customHeight="1" x14ac:dyDescent="0.2">
      <c r="C1284" s="1106"/>
      <c r="D1284" s="1106"/>
      <c r="E1284" s="1106"/>
      <c r="F1284" s="1106"/>
      <c r="G1284" s="1106"/>
      <c r="H1284" s="1106"/>
      <c r="I1284" s="1106"/>
      <c r="J1284" s="1106"/>
      <c r="K1284" s="1106"/>
      <c r="L1284" s="1106"/>
      <c r="M1284" s="1106"/>
      <c r="N1284" s="1106"/>
      <c r="O1284" s="1106"/>
      <c r="U1284" s="1106"/>
      <c r="AB1284" s="1106"/>
      <c r="AC1284" s="1106"/>
      <c r="AD1284" s="1106"/>
      <c r="AE1284" s="1106"/>
      <c r="AF1284" s="1106"/>
      <c r="AG1284" s="1106"/>
      <c r="AH1284" s="1106"/>
      <c r="AL1284" s="1106"/>
      <c r="AT1284" s="1106"/>
      <c r="AU1284" s="1106"/>
      <c r="AV1284" s="1106"/>
      <c r="AW1284" s="1106"/>
      <c r="AX1284" s="1106"/>
      <c r="AY1284" s="1106"/>
      <c r="AZ1284" s="1106"/>
      <c r="BA1284" s="1106"/>
      <c r="BB1284" s="1106"/>
      <c r="BC1284" s="1106"/>
      <c r="BD1284" s="1106"/>
      <c r="BE1284" s="1106"/>
      <c r="BF1284" s="1106"/>
      <c r="BG1284" s="1106"/>
      <c r="BH1284" s="1106"/>
      <c r="BI1284" s="1106"/>
      <c r="BJ1284" s="1106"/>
      <c r="BK1284" s="1106"/>
      <c r="BL1284" s="1106"/>
      <c r="BM1284" s="1106"/>
      <c r="BN1284" s="1106"/>
      <c r="BO1284" s="1106"/>
      <c r="BP1284" s="1106"/>
      <c r="BQ1284" s="1106"/>
      <c r="BR1284" s="1106"/>
      <c r="BS1284" s="1106"/>
      <c r="BT1284" s="1106"/>
      <c r="BU1284" s="1106"/>
      <c r="BV1284" s="1106"/>
      <c r="BW1284" s="1106"/>
      <c r="BX1284" s="1106"/>
      <c r="BY1284" s="1106"/>
      <c r="BZ1284" s="1106"/>
      <c r="CA1284" s="1106"/>
    </row>
    <row r="1285" spans="3:79" ht="9" customHeight="1" x14ac:dyDescent="0.2">
      <c r="C1285" s="1106"/>
      <c r="D1285" s="1106"/>
      <c r="E1285" s="1106"/>
      <c r="F1285" s="1106"/>
      <c r="G1285" s="1106"/>
      <c r="H1285" s="1106"/>
      <c r="I1285" s="1106"/>
      <c r="J1285" s="1106"/>
      <c r="K1285" s="1106"/>
      <c r="L1285" s="1106"/>
      <c r="M1285" s="1106"/>
      <c r="N1285" s="1106"/>
      <c r="O1285" s="1106"/>
      <c r="AB1285" s="1106"/>
      <c r="AC1285" s="1106"/>
      <c r="AD1285" s="1106"/>
      <c r="AE1285" s="1106"/>
      <c r="AF1285" s="1106"/>
      <c r="AG1285" s="1106"/>
      <c r="AH1285" s="1106"/>
      <c r="AL1285" s="1106"/>
      <c r="AZ1285" s="1106"/>
      <c r="BA1285" s="1106"/>
      <c r="BB1285" s="1106"/>
      <c r="BC1285" s="1106"/>
      <c r="BD1285" s="1106"/>
      <c r="BE1285" s="1106"/>
      <c r="BF1285" s="1106"/>
      <c r="BG1285" s="1106"/>
      <c r="BH1285" s="1106"/>
      <c r="BI1285" s="1106"/>
      <c r="BJ1285" s="1106"/>
      <c r="BK1285" s="1106"/>
      <c r="BL1285" s="1106"/>
      <c r="BM1285" s="1106"/>
      <c r="BN1285" s="1106"/>
      <c r="BO1285" s="1106"/>
      <c r="BP1285" s="1106"/>
      <c r="BQ1285" s="1106"/>
      <c r="BR1285" s="1106"/>
      <c r="BS1285" s="1106"/>
      <c r="BT1285" s="1106"/>
      <c r="BU1285" s="1106"/>
      <c r="BV1285" s="1106"/>
      <c r="BW1285" s="1106"/>
      <c r="BX1285" s="1106"/>
      <c r="BY1285" s="1106"/>
      <c r="BZ1285" s="1106"/>
      <c r="CA1285" s="1106"/>
    </row>
    <row r="1286" spans="3:79" ht="9" customHeight="1" x14ac:dyDescent="0.2">
      <c r="C1286" s="1106"/>
      <c r="D1286" s="1106"/>
      <c r="E1286" s="1106"/>
      <c r="F1286" s="1106"/>
      <c r="G1286" s="1106"/>
      <c r="H1286" s="1106"/>
      <c r="I1286" s="1106"/>
      <c r="J1286" s="1106"/>
      <c r="K1286" s="1106"/>
      <c r="L1286" s="1106"/>
      <c r="M1286" s="1106"/>
      <c r="N1286" s="1106"/>
      <c r="O1286" s="1106"/>
      <c r="AB1286" s="1106"/>
      <c r="AC1286" s="1106"/>
      <c r="AD1286" s="1106"/>
      <c r="AE1286" s="1106"/>
      <c r="AF1286" s="1106"/>
      <c r="AG1286" s="1106"/>
      <c r="AH1286" s="1106"/>
      <c r="AL1286" s="1106"/>
      <c r="AZ1286" s="1106"/>
      <c r="BA1286" s="1106"/>
      <c r="BB1286" s="1106"/>
      <c r="BC1286" s="1106"/>
      <c r="BD1286" s="1106"/>
      <c r="BE1286" s="1106"/>
      <c r="BF1286" s="1106"/>
      <c r="BG1286" s="1106"/>
      <c r="BH1286" s="1106"/>
      <c r="BI1286" s="1106"/>
      <c r="BJ1286" s="1106"/>
      <c r="BK1286" s="1106"/>
      <c r="BL1286" s="1106"/>
      <c r="BM1286" s="1106"/>
      <c r="BN1286" s="1106"/>
      <c r="BO1286" s="1106"/>
      <c r="BP1286" s="1106"/>
      <c r="BQ1286" s="1106"/>
      <c r="BR1286" s="1106"/>
      <c r="BS1286" s="1106"/>
      <c r="BT1286" s="1106"/>
      <c r="BU1286" s="1106"/>
      <c r="BV1286" s="1106"/>
      <c r="BW1286" s="1106"/>
      <c r="BX1286" s="1106"/>
      <c r="BY1286" s="1106"/>
      <c r="BZ1286" s="1106"/>
      <c r="CA1286" s="1106"/>
    </row>
    <row r="1287" spans="3:79" ht="9" customHeight="1" x14ac:dyDescent="0.2">
      <c r="C1287" s="1106"/>
      <c r="D1287" s="1106"/>
      <c r="E1287" s="1106"/>
      <c r="F1287" s="1106"/>
      <c r="G1287" s="1106"/>
      <c r="H1287" s="1106"/>
      <c r="I1287" s="1106"/>
      <c r="J1287" s="1106"/>
      <c r="K1287" s="1106"/>
      <c r="L1287" s="1106"/>
      <c r="M1287" s="1106"/>
      <c r="N1287" s="1106"/>
      <c r="O1287" s="1106"/>
      <c r="AB1287" s="1106"/>
      <c r="AC1287" s="1106"/>
      <c r="AD1287" s="1106"/>
      <c r="AE1287" s="1106"/>
      <c r="AF1287" s="1106"/>
      <c r="AG1287" s="1106"/>
      <c r="AH1287" s="1106"/>
      <c r="AL1287" s="1106"/>
      <c r="AZ1287" s="1106"/>
      <c r="BA1287" s="1106"/>
      <c r="BB1287" s="1106"/>
      <c r="BC1287" s="1106"/>
      <c r="BD1287" s="1106"/>
      <c r="BE1287" s="1106"/>
      <c r="BF1287" s="1106"/>
      <c r="BG1287" s="1106"/>
      <c r="BH1287" s="1106"/>
      <c r="BI1287" s="1106"/>
      <c r="BJ1287" s="1106"/>
      <c r="BK1287" s="1106"/>
      <c r="BL1287" s="1106"/>
      <c r="BM1287" s="1106"/>
      <c r="BN1287" s="1106"/>
      <c r="BO1287" s="1106"/>
      <c r="BP1287" s="1106"/>
      <c r="BQ1287" s="1106"/>
      <c r="BR1287" s="1106"/>
      <c r="BS1287" s="1106"/>
      <c r="BT1287" s="1106"/>
      <c r="BU1287" s="1106"/>
      <c r="BV1287" s="1106"/>
      <c r="BW1287" s="1106"/>
      <c r="BX1287" s="1106"/>
      <c r="BY1287" s="1106"/>
      <c r="BZ1287" s="1106"/>
      <c r="CA1287" s="1106"/>
    </row>
    <row r="1288" spans="3:79" ht="9" customHeight="1" x14ac:dyDescent="0.2">
      <c r="C1288" s="1106"/>
      <c r="D1288" s="1106"/>
      <c r="E1288" s="1106"/>
      <c r="F1288" s="1106"/>
      <c r="G1288" s="1106"/>
      <c r="H1288" s="1106"/>
      <c r="I1288" s="1106"/>
      <c r="J1288" s="1106"/>
      <c r="K1288" s="1106"/>
      <c r="L1288" s="1106"/>
      <c r="M1288" s="1106"/>
      <c r="N1288" s="1106"/>
      <c r="O1288" s="1106"/>
      <c r="U1288" s="1106"/>
      <c r="AB1288" s="1106"/>
      <c r="AC1288" s="1106"/>
      <c r="AD1288" s="1106"/>
      <c r="AE1288" s="1106"/>
      <c r="AF1288" s="1106"/>
      <c r="AG1288" s="1106"/>
      <c r="AH1288" s="1106"/>
      <c r="AL1288" s="1106"/>
      <c r="AT1288" s="1106"/>
      <c r="AU1288" s="1106"/>
      <c r="AV1288" s="1106"/>
      <c r="AW1288" s="1106"/>
      <c r="AX1288" s="1106"/>
      <c r="AY1288" s="1106"/>
      <c r="AZ1288" s="1106"/>
      <c r="BA1288" s="1106"/>
      <c r="BB1288" s="1106"/>
      <c r="BC1288" s="1106"/>
      <c r="BD1288" s="1106"/>
      <c r="BE1288" s="1106"/>
      <c r="BF1288" s="1106"/>
      <c r="BG1288" s="1106"/>
      <c r="BH1288" s="1106"/>
      <c r="BI1288" s="1106"/>
      <c r="BJ1288" s="1106"/>
      <c r="BK1288" s="1106"/>
      <c r="BL1288" s="1106"/>
      <c r="BM1288" s="1106"/>
      <c r="BN1288" s="1106"/>
      <c r="BO1288" s="1106"/>
      <c r="BP1288" s="1106"/>
      <c r="BQ1288" s="1106"/>
      <c r="BR1288" s="1106"/>
      <c r="BS1288" s="1106"/>
      <c r="BT1288" s="1106"/>
      <c r="BU1288" s="1106"/>
      <c r="BV1288" s="1106"/>
      <c r="BW1288" s="1106"/>
      <c r="BX1288" s="1106"/>
      <c r="BY1288" s="1106"/>
      <c r="BZ1288" s="1106"/>
      <c r="CA1288" s="1106"/>
    </row>
    <row r="1289" spans="3:79" ht="9" customHeight="1" x14ac:dyDescent="0.2">
      <c r="C1289" s="1106"/>
      <c r="D1289" s="1106"/>
      <c r="E1289" s="1106"/>
      <c r="F1289" s="1106"/>
      <c r="G1289" s="1106"/>
      <c r="H1289" s="1106"/>
      <c r="I1289" s="1106"/>
      <c r="J1289" s="1106"/>
      <c r="K1289" s="1106"/>
      <c r="L1289" s="1106"/>
      <c r="M1289" s="1106"/>
      <c r="N1289" s="1106"/>
      <c r="O1289" s="1106"/>
      <c r="U1289" s="1106"/>
      <c r="AB1289" s="1106"/>
      <c r="AC1289" s="1106"/>
      <c r="AD1289" s="1106"/>
      <c r="AE1289" s="1106"/>
      <c r="AF1289" s="1106"/>
      <c r="AG1289" s="1106"/>
      <c r="AH1289" s="1106"/>
      <c r="AL1289" s="1106"/>
      <c r="AO1289" s="1106"/>
      <c r="AP1289" s="1106"/>
      <c r="AT1289" s="1106"/>
      <c r="AU1289" s="1106"/>
      <c r="AV1289" s="1106"/>
      <c r="AW1289" s="1106"/>
      <c r="AX1289" s="1106"/>
      <c r="AY1289" s="1106"/>
      <c r="AZ1289" s="1106"/>
      <c r="BA1289" s="1106"/>
      <c r="BB1289" s="1106"/>
      <c r="BC1289" s="1106"/>
      <c r="BD1289" s="1106"/>
      <c r="BE1289" s="1106"/>
      <c r="BF1289" s="1106"/>
      <c r="BG1289" s="1106"/>
      <c r="BH1289" s="1106"/>
      <c r="BI1289" s="1106"/>
      <c r="BJ1289" s="1106"/>
      <c r="BK1289" s="1106"/>
      <c r="BL1289" s="1106"/>
      <c r="BM1289" s="1106"/>
      <c r="BN1289" s="1106"/>
      <c r="BO1289" s="1106"/>
      <c r="BP1289" s="1106"/>
      <c r="BQ1289" s="1106"/>
      <c r="BR1289" s="1106"/>
      <c r="BS1289" s="1106"/>
      <c r="BT1289" s="1106"/>
      <c r="BU1289" s="1106"/>
      <c r="BV1289" s="1106"/>
      <c r="BW1289" s="1106"/>
      <c r="BX1289" s="1106"/>
      <c r="BY1289" s="1106"/>
      <c r="BZ1289" s="1106"/>
      <c r="CA1289" s="1106"/>
    </row>
    <row r="1290" spans="3:79" ht="9" customHeight="1" x14ac:dyDescent="0.2">
      <c r="C1290" s="1106"/>
      <c r="D1290" s="1106"/>
      <c r="E1290" s="1106"/>
      <c r="F1290" s="1106"/>
      <c r="G1290" s="1106"/>
      <c r="H1290" s="1106"/>
      <c r="I1290" s="1106"/>
      <c r="J1290" s="1106"/>
      <c r="K1290" s="1106"/>
      <c r="L1290" s="1106"/>
      <c r="M1290" s="1106"/>
      <c r="N1290" s="1106"/>
      <c r="O1290" s="1106"/>
      <c r="U1290" s="1106"/>
      <c r="AB1290" s="1106"/>
      <c r="AC1290" s="1106"/>
      <c r="AD1290" s="1106"/>
      <c r="AE1290" s="1106"/>
      <c r="AF1290" s="1106"/>
      <c r="AG1290" s="1106"/>
      <c r="AH1290" s="1106"/>
      <c r="AL1290" s="1106"/>
      <c r="AT1290" s="1106"/>
      <c r="AU1290" s="1106"/>
      <c r="AV1290" s="1106"/>
      <c r="AW1290" s="1106"/>
      <c r="AX1290" s="1106"/>
      <c r="AY1290" s="1106"/>
      <c r="AZ1290" s="1106"/>
      <c r="BA1290" s="1106"/>
      <c r="BB1290" s="1106"/>
      <c r="BC1290" s="1106"/>
      <c r="BD1290" s="1106"/>
      <c r="BE1290" s="1106"/>
      <c r="BF1290" s="1106"/>
      <c r="BG1290" s="1106"/>
      <c r="BH1290" s="1106"/>
      <c r="BI1290" s="1106"/>
      <c r="BJ1290" s="1106"/>
      <c r="BK1290" s="1106"/>
      <c r="BL1290" s="1106"/>
      <c r="BM1290" s="1106"/>
      <c r="BN1290" s="1106"/>
      <c r="BO1290" s="1106"/>
      <c r="BP1290" s="1106"/>
      <c r="BQ1290" s="1106"/>
      <c r="BR1290" s="1106"/>
      <c r="BS1290" s="1106"/>
      <c r="BT1290" s="1106"/>
      <c r="BU1290" s="1106"/>
      <c r="BV1290" s="1106"/>
      <c r="BW1290" s="1106"/>
      <c r="BX1290" s="1106"/>
      <c r="BY1290" s="1106"/>
      <c r="BZ1290" s="1106"/>
      <c r="CA1290" s="1106"/>
    </row>
    <row r="1291" spans="3:79" ht="9" customHeight="1" x14ac:dyDescent="0.2">
      <c r="C1291" s="1106"/>
      <c r="D1291" s="1106"/>
      <c r="E1291" s="1106"/>
      <c r="F1291" s="1106"/>
      <c r="G1291" s="1106"/>
      <c r="H1291" s="1106"/>
      <c r="I1291" s="1106"/>
      <c r="J1291" s="1106"/>
      <c r="K1291" s="1106"/>
      <c r="L1291" s="1106"/>
      <c r="M1291" s="1106"/>
      <c r="N1291" s="1106"/>
      <c r="O1291" s="1106"/>
      <c r="AB1291" s="1106"/>
      <c r="AC1291" s="1106"/>
      <c r="AD1291" s="1106"/>
      <c r="AE1291" s="1106"/>
      <c r="AF1291" s="1106"/>
      <c r="AG1291" s="1106"/>
      <c r="AH1291" s="1106"/>
      <c r="AL1291" s="1106"/>
      <c r="AZ1291" s="1106"/>
      <c r="BA1291" s="1106"/>
      <c r="BB1291" s="1106"/>
      <c r="BC1291" s="1106"/>
      <c r="BD1291" s="1106"/>
      <c r="BE1291" s="1106"/>
      <c r="BF1291" s="1106"/>
      <c r="BG1291" s="1106"/>
      <c r="BH1291" s="1106"/>
      <c r="BI1291" s="1106"/>
      <c r="BJ1291" s="1106"/>
      <c r="BK1291" s="1106"/>
      <c r="BL1291" s="1106"/>
      <c r="BM1291" s="1106"/>
      <c r="BN1291" s="1106"/>
      <c r="BO1291" s="1106"/>
      <c r="BP1291" s="1106"/>
      <c r="BQ1291" s="1106"/>
      <c r="BR1291" s="1106"/>
      <c r="BS1291" s="1106"/>
      <c r="BT1291" s="1106"/>
      <c r="BU1291" s="1106"/>
      <c r="BV1291" s="1106"/>
      <c r="BW1291" s="1106"/>
      <c r="BX1291" s="1106"/>
      <c r="BY1291" s="1106"/>
      <c r="BZ1291" s="1106"/>
      <c r="CA1291" s="1106"/>
    </row>
    <row r="1292" spans="3:79" ht="9" customHeight="1" x14ac:dyDescent="0.2">
      <c r="C1292" s="1106"/>
      <c r="D1292" s="1106"/>
      <c r="E1292" s="1106"/>
      <c r="F1292" s="1106"/>
      <c r="G1292" s="1106"/>
      <c r="H1292" s="1106"/>
      <c r="I1292" s="1106"/>
      <c r="J1292" s="1106"/>
      <c r="K1292" s="1106"/>
      <c r="L1292" s="1106"/>
      <c r="M1292" s="1106"/>
      <c r="N1292" s="1106"/>
      <c r="O1292" s="1106"/>
      <c r="AB1292" s="1106"/>
      <c r="AC1292" s="1106"/>
      <c r="AD1292" s="1106"/>
      <c r="AE1292" s="1106"/>
      <c r="AF1292" s="1106"/>
      <c r="AG1292" s="1106"/>
      <c r="AH1292" s="1106"/>
      <c r="AL1292" s="1106"/>
      <c r="AZ1292" s="1106"/>
      <c r="BA1292" s="1106"/>
      <c r="BB1292" s="1106"/>
      <c r="BC1292" s="1106"/>
      <c r="BD1292" s="1106"/>
      <c r="BE1292" s="1106"/>
      <c r="BF1292" s="1106"/>
      <c r="BG1292" s="1106"/>
      <c r="BH1292" s="1106"/>
      <c r="BI1292" s="1106"/>
      <c r="BJ1292" s="1106"/>
      <c r="BK1292" s="1106"/>
      <c r="BL1292" s="1106"/>
      <c r="BM1292" s="1106"/>
      <c r="BN1292" s="1106"/>
      <c r="BO1292" s="1106"/>
      <c r="BP1292" s="1106"/>
      <c r="BQ1292" s="1106"/>
      <c r="BR1292" s="1106"/>
      <c r="BS1292" s="1106"/>
      <c r="BT1292" s="1106"/>
      <c r="BU1292" s="1106"/>
      <c r="BV1292" s="1106"/>
      <c r="BW1292" s="1106"/>
      <c r="BX1292" s="1106"/>
      <c r="BY1292" s="1106"/>
      <c r="BZ1292" s="1106"/>
      <c r="CA1292" s="1106"/>
    </row>
    <row r="1293" spans="3:79" ht="9" customHeight="1" x14ac:dyDescent="0.2">
      <c r="C1293" s="1106"/>
      <c r="D1293" s="1106"/>
      <c r="E1293" s="1106"/>
      <c r="F1293" s="1106"/>
      <c r="G1293" s="1106"/>
      <c r="H1293" s="1106"/>
      <c r="I1293" s="1106"/>
      <c r="J1293" s="1106"/>
      <c r="K1293" s="1106"/>
      <c r="L1293" s="1106"/>
      <c r="M1293" s="1106"/>
      <c r="N1293" s="1106"/>
      <c r="O1293" s="1106"/>
      <c r="AB1293" s="1106"/>
      <c r="AC1293" s="1106"/>
      <c r="AD1293" s="1106"/>
      <c r="AE1293" s="1106"/>
      <c r="AF1293" s="1106"/>
      <c r="AG1293" s="1106"/>
      <c r="AH1293" s="1106"/>
      <c r="AL1293" s="1106"/>
      <c r="AZ1293" s="1106"/>
      <c r="BA1293" s="1106"/>
      <c r="BB1293" s="1106"/>
      <c r="BC1293" s="1106"/>
      <c r="BD1293" s="1106"/>
      <c r="BE1293" s="1106"/>
      <c r="BF1293" s="1106"/>
      <c r="BG1293" s="1106"/>
      <c r="BH1293" s="1106"/>
      <c r="BI1293" s="1106"/>
      <c r="BJ1293" s="1106"/>
      <c r="BK1293" s="1106"/>
      <c r="BL1293" s="1106"/>
      <c r="BM1293" s="1106"/>
      <c r="BN1293" s="1106"/>
      <c r="BO1293" s="1106"/>
      <c r="BP1293" s="1106"/>
      <c r="BQ1293" s="1106"/>
      <c r="BR1293" s="1106"/>
      <c r="BS1293" s="1106"/>
      <c r="BT1293" s="1106"/>
      <c r="BU1293" s="1106"/>
      <c r="BV1293" s="1106"/>
      <c r="BW1293" s="1106"/>
      <c r="BX1293" s="1106"/>
      <c r="BY1293" s="1106"/>
      <c r="BZ1293" s="1106"/>
      <c r="CA1293" s="1106"/>
    </row>
    <row r="1294" spans="3:79" ht="9" customHeight="1" x14ac:dyDescent="0.2">
      <c r="C1294" s="1106"/>
      <c r="D1294" s="1106"/>
      <c r="E1294" s="1106"/>
      <c r="F1294" s="1106"/>
      <c r="G1294" s="1106"/>
      <c r="H1294" s="1106"/>
      <c r="I1294" s="1106"/>
      <c r="J1294" s="1106"/>
      <c r="K1294" s="1106"/>
      <c r="L1294" s="1106"/>
      <c r="M1294" s="1106"/>
      <c r="N1294" s="1106"/>
      <c r="O1294" s="1106"/>
      <c r="U1294" s="1106"/>
      <c r="AB1294" s="1106"/>
      <c r="AC1294" s="1106"/>
      <c r="AD1294" s="1106"/>
      <c r="AE1294" s="1106"/>
      <c r="AF1294" s="1106"/>
      <c r="AG1294" s="1106"/>
      <c r="AH1294" s="1106"/>
      <c r="AL1294" s="1106"/>
      <c r="AT1294" s="1106"/>
      <c r="AU1294" s="1106"/>
      <c r="AV1294" s="1106"/>
      <c r="AW1294" s="1106"/>
      <c r="AX1294" s="1106"/>
      <c r="AY1294" s="1106"/>
      <c r="AZ1294" s="1106"/>
      <c r="BA1294" s="1106"/>
      <c r="BB1294" s="1106"/>
      <c r="BC1294" s="1106"/>
      <c r="BD1294" s="1106"/>
      <c r="BE1294" s="1106"/>
      <c r="BF1294" s="1106"/>
      <c r="BG1294" s="1106"/>
      <c r="BH1294" s="1106"/>
      <c r="BI1294" s="1106"/>
      <c r="BJ1294" s="1106"/>
      <c r="BK1294" s="1106"/>
      <c r="BL1294" s="1106"/>
      <c r="BM1294" s="1106"/>
      <c r="BN1294" s="1106"/>
      <c r="BO1294" s="1106"/>
      <c r="BP1294" s="1106"/>
      <c r="BQ1294" s="1106"/>
      <c r="BR1294" s="1106"/>
      <c r="BS1294" s="1106"/>
      <c r="BT1294" s="1106"/>
      <c r="BU1294" s="1106"/>
      <c r="BV1294" s="1106"/>
      <c r="BW1294" s="1106"/>
      <c r="BX1294" s="1106"/>
      <c r="BY1294" s="1106"/>
      <c r="BZ1294" s="1106"/>
      <c r="CA1294" s="1106"/>
    </row>
    <row r="1295" spans="3:79" ht="9" customHeight="1" x14ac:dyDescent="0.2">
      <c r="C1295" s="1106"/>
      <c r="D1295" s="1106"/>
      <c r="E1295" s="1106"/>
      <c r="F1295" s="1106"/>
      <c r="G1295" s="1106"/>
      <c r="H1295" s="1106"/>
      <c r="I1295" s="1106"/>
      <c r="J1295" s="1106"/>
      <c r="K1295" s="1106"/>
      <c r="L1295" s="1106"/>
      <c r="M1295" s="1106"/>
      <c r="N1295" s="1106"/>
      <c r="O1295" s="1106"/>
      <c r="U1295" s="1106"/>
      <c r="AB1295" s="1106"/>
      <c r="AC1295" s="1106"/>
      <c r="AD1295" s="1106"/>
      <c r="AE1295" s="1106"/>
      <c r="AF1295" s="1106"/>
      <c r="AG1295" s="1106"/>
      <c r="AH1295" s="1106"/>
      <c r="AL1295" s="1106"/>
      <c r="AO1295" s="1106"/>
      <c r="AP1295" s="1106"/>
      <c r="AT1295" s="1106"/>
      <c r="AU1295" s="1106"/>
      <c r="AV1295" s="1106"/>
      <c r="AW1295" s="1106"/>
      <c r="AX1295" s="1106"/>
      <c r="AY1295" s="1106"/>
      <c r="AZ1295" s="1106"/>
      <c r="BA1295" s="1106"/>
      <c r="BB1295" s="1106"/>
      <c r="BC1295" s="1106"/>
      <c r="BD1295" s="1106"/>
      <c r="BE1295" s="1106"/>
      <c r="BF1295" s="1106"/>
      <c r="BG1295" s="1106"/>
      <c r="BH1295" s="1106"/>
      <c r="BI1295" s="1106"/>
      <c r="BJ1295" s="1106"/>
      <c r="BK1295" s="1106"/>
      <c r="BL1295" s="1106"/>
      <c r="BM1295" s="1106"/>
      <c r="BN1295" s="1106"/>
      <c r="BO1295" s="1106"/>
      <c r="BP1295" s="1106"/>
      <c r="BQ1295" s="1106"/>
      <c r="BR1295" s="1106"/>
      <c r="BS1295" s="1106"/>
      <c r="BT1295" s="1106"/>
      <c r="BU1295" s="1106"/>
      <c r="BV1295" s="1106"/>
      <c r="BW1295" s="1106"/>
      <c r="BX1295" s="1106"/>
      <c r="BY1295" s="1106"/>
      <c r="BZ1295" s="1106"/>
      <c r="CA1295" s="1106"/>
    </row>
    <row r="1296" spans="3:79" ht="9" customHeight="1" x14ac:dyDescent="0.2">
      <c r="C1296" s="1106"/>
      <c r="D1296" s="1106"/>
      <c r="E1296" s="1106"/>
      <c r="F1296" s="1106"/>
      <c r="G1296" s="1106"/>
      <c r="H1296" s="1106"/>
      <c r="I1296" s="1106"/>
      <c r="J1296" s="1106"/>
      <c r="K1296" s="1106"/>
      <c r="L1296" s="1106"/>
      <c r="M1296" s="1106"/>
      <c r="N1296" s="1106"/>
      <c r="O1296" s="1106"/>
      <c r="U1296" s="1106"/>
      <c r="AB1296" s="1106"/>
      <c r="AC1296" s="1106"/>
      <c r="AD1296" s="1106"/>
      <c r="AE1296" s="1106"/>
      <c r="AF1296" s="1106"/>
      <c r="AG1296" s="1106"/>
      <c r="AH1296" s="1106"/>
      <c r="AL1296" s="1106"/>
      <c r="AT1296" s="1106"/>
      <c r="AU1296" s="1106"/>
      <c r="AV1296" s="1106"/>
      <c r="AW1296" s="1106"/>
      <c r="AX1296" s="1106"/>
      <c r="AY1296" s="1106"/>
      <c r="AZ1296" s="1106"/>
      <c r="BA1296" s="1106"/>
      <c r="BB1296" s="1106"/>
      <c r="BC1296" s="1106"/>
      <c r="BD1296" s="1106"/>
      <c r="BE1296" s="1106"/>
      <c r="BF1296" s="1106"/>
      <c r="BG1296" s="1106"/>
      <c r="BH1296" s="1106"/>
      <c r="BI1296" s="1106"/>
      <c r="BJ1296" s="1106"/>
      <c r="BK1296" s="1106"/>
      <c r="BL1296" s="1106"/>
      <c r="BM1296" s="1106"/>
      <c r="BN1296" s="1106"/>
      <c r="BO1296" s="1106"/>
      <c r="BP1296" s="1106"/>
      <c r="BQ1296" s="1106"/>
      <c r="BR1296" s="1106"/>
      <c r="BS1296" s="1106"/>
      <c r="BT1296" s="1106"/>
      <c r="BU1296" s="1106"/>
      <c r="BV1296" s="1106"/>
      <c r="BW1296" s="1106"/>
      <c r="BX1296" s="1106"/>
      <c r="BY1296" s="1106"/>
      <c r="BZ1296" s="1106"/>
      <c r="CA1296" s="1106"/>
    </row>
    <row r="1297" spans="3:79" ht="9" customHeight="1" x14ac:dyDescent="0.2">
      <c r="C1297" s="1106"/>
      <c r="D1297" s="1106"/>
      <c r="E1297" s="1106"/>
      <c r="F1297" s="1106"/>
      <c r="G1297" s="1106"/>
      <c r="H1297" s="1106"/>
      <c r="I1297" s="1106"/>
      <c r="J1297" s="1106"/>
      <c r="K1297" s="1106"/>
      <c r="L1297" s="1106"/>
      <c r="M1297" s="1106"/>
      <c r="N1297" s="1106"/>
      <c r="O1297" s="1106"/>
      <c r="AB1297" s="1106"/>
      <c r="AC1297" s="1106"/>
      <c r="AD1297" s="1106"/>
      <c r="AE1297" s="1106"/>
      <c r="AF1297" s="1106"/>
      <c r="AG1297" s="1106"/>
      <c r="AH1297" s="1106"/>
      <c r="AL1297" s="1106"/>
      <c r="AZ1297" s="1106"/>
      <c r="BA1297" s="1106"/>
      <c r="BB1297" s="1106"/>
      <c r="BC1297" s="1106"/>
      <c r="BD1297" s="1106"/>
      <c r="BE1297" s="1106"/>
      <c r="BF1297" s="1106"/>
      <c r="BG1297" s="1106"/>
      <c r="BH1297" s="1106"/>
      <c r="BI1297" s="1106"/>
      <c r="BJ1297" s="1106"/>
      <c r="BK1297" s="1106"/>
      <c r="BL1297" s="1106"/>
      <c r="BM1297" s="1106"/>
      <c r="BN1297" s="1106"/>
      <c r="BO1297" s="1106"/>
      <c r="BP1297" s="1106"/>
      <c r="BQ1297" s="1106"/>
      <c r="BR1297" s="1106"/>
      <c r="BS1297" s="1106"/>
      <c r="BT1297" s="1106"/>
      <c r="BU1297" s="1106"/>
      <c r="BV1297" s="1106"/>
      <c r="BW1297" s="1106"/>
      <c r="BX1297" s="1106"/>
      <c r="BY1297" s="1106"/>
      <c r="BZ1297" s="1106"/>
      <c r="CA1297" s="1106"/>
    </row>
    <row r="1298" spans="3:79" ht="9" customHeight="1" x14ac:dyDescent="0.2">
      <c r="C1298" s="1106"/>
      <c r="D1298" s="1106"/>
      <c r="E1298" s="1106"/>
      <c r="F1298" s="1106"/>
      <c r="G1298" s="1106"/>
      <c r="H1298" s="1106"/>
      <c r="I1298" s="1106"/>
      <c r="J1298" s="1106"/>
      <c r="K1298" s="1106"/>
      <c r="L1298" s="1106"/>
      <c r="M1298" s="1106"/>
      <c r="N1298" s="1106"/>
      <c r="O1298" s="1106"/>
      <c r="AB1298" s="1106"/>
      <c r="AC1298" s="1106"/>
      <c r="AD1298" s="1106"/>
      <c r="AE1298" s="1106"/>
      <c r="AF1298" s="1106"/>
      <c r="AG1298" s="1106"/>
      <c r="AH1298" s="1106"/>
      <c r="AL1298" s="1106"/>
      <c r="AZ1298" s="1106"/>
      <c r="BA1298" s="1106"/>
      <c r="BB1298" s="1106"/>
      <c r="BC1298" s="1106"/>
      <c r="BD1298" s="1106"/>
      <c r="BE1298" s="1106"/>
      <c r="BF1298" s="1106"/>
      <c r="BG1298" s="1106"/>
      <c r="BH1298" s="1106"/>
      <c r="BI1298" s="1106"/>
      <c r="BJ1298" s="1106"/>
      <c r="BK1298" s="1106"/>
      <c r="BL1298" s="1106"/>
      <c r="BM1298" s="1106"/>
      <c r="BN1298" s="1106"/>
      <c r="BO1298" s="1106"/>
      <c r="BP1298" s="1106"/>
      <c r="BQ1298" s="1106"/>
      <c r="BR1298" s="1106"/>
      <c r="BS1298" s="1106"/>
      <c r="BT1298" s="1106"/>
      <c r="BU1298" s="1106"/>
      <c r="BV1298" s="1106"/>
      <c r="BW1298" s="1106"/>
      <c r="BX1298" s="1106"/>
      <c r="BY1298" s="1106"/>
      <c r="BZ1298" s="1106"/>
      <c r="CA1298" s="1106"/>
    </row>
    <row r="1299" spans="3:79" ht="9" customHeight="1" x14ac:dyDescent="0.2">
      <c r="C1299" s="1106"/>
      <c r="D1299" s="1106"/>
      <c r="E1299" s="1106"/>
      <c r="F1299" s="1106"/>
      <c r="G1299" s="1106"/>
      <c r="H1299" s="1106"/>
      <c r="I1299" s="1106"/>
      <c r="J1299" s="1106"/>
      <c r="K1299" s="1106"/>
      <c r="L1299" s="1106"/>
      <c r="M1299" s="1106"/>
      <c r="N1299" s="1106"/>
      <c r="O1299" s="1106"/>
      <c r="AB1299" s="1106"/>
      <c r="AC1299" s="1106"/>
      <c r="AD1299" s="1106"/>
      <c r="AE1299" s="1106"/>
      <c r="AF1299" s="1106"/>
      <c r="AG1299" s="1106"/>
      <c r="AH1299" s="1106"/>
      <c r="AL1299" s="1106"/>
      <c r="AZ1299" s="1106"/>
      <c r="BA1299" s="1106"/>
      <c r="BB1299" s="1106"/>
      <c r="BC1299" s="1106"/>
      <c r="BD1299" s="1106"/>
      <c r="BE1299" s="1106"/>
      <c r="BF1299" s="1106"/>
      <c r="BG1299" s="1106"/>
      <c r="BH1299" s="1106"/>
      <c r="BI1299" s="1106"/>
      <c r="BJ1299" s="1106"/>
      <c r="BK1299" s="1106"/>
      <c r="BL1299" s="1106"/>
      <c r="BM1299" s="1106"/>
      <c r="BN1299" s="1106"/>
      <c r="BO1299" s="1106"/>
      <c r="BP1299" s="1106"/>
      <c r="BQ1299" s="1106"/>
      <c r="BR1299" s="1106"/>
      <c r="BS1299" s="1106"/>
      <c r="BT1299" s="1106"/>
      <c r="BU1299" s="1106"/>
      <c r="BV1299" s="1106"/>
      <c r="BW1299" s="1106"/>
      <c r="BX1299" s="1106"/>
      <c r="BY1299" s="1106"/>
      <c r="BZ1299" s="1106"/>
      <c r="CA1299" s="1106"/>
    </row>
    <row r="1300" spans="3:79" ht="9" customHeight="1" x14ac:dyDescent="0.2">
      <c r="C1300" s="1106"/>
      <c r="D1300" s="1106"/>
      <c r="E1300" s="1106"/>
      <c r="F1300" s="1106"/>
      <c r="G1300" s="1106"/>
      <c r="H1300" s="1106"/>
      <c r="I1300" s="1106"/>
      <c r="J1300" s="1106"/>
      <c r="K1300" s="1106"/>
      <c r="L1300" s="1106"/>
      <c r="M1300" s="1106"/>
      <c r="N1300" s="1106"/>
      <c r="O1300" s="1106"/>
      <c r="U1300" s="1106"/>
      <c r="AB1300" s="1106"/>
      <c r="AC1300" s="1106"/>
      <c r="AD1300" s="1106"/>
      <c r="AE1300" s="1106"/>
      <c r="AF1300" s="1106"/>
      <c r="AG1300" s="1106"/>
      <c r="AH1300" s="1106"/>
      <c r="AL1300" s="1106"/>
      <c r="AT1300" s="1106"/>
      <c r="AU1300" s="1106"/>
      <c r="AV1300" s="1106"/>
      <c r="AW1300" s="1106"/>
      <c r="AX1300" s="1106"/>
      <c r="AY1300" s="1106"/>
      <c r="AZ1300" s="1106"/>
      <c r="BA1300" s="1106"/>
      <c r="BB1300" s="1106"/>
      <c r="BC1300" s="1106"/>
      <c r="BD1300" s="1106"/>
      <c r="BE1300" s="1106"/>
      <c r="BF1300" s="1106"/>
      <c r="BG1300" s="1106"/>
      <c r="BH1300" s="1106"/>
      <c r="BI1300" s="1106"/>
      <c r="BJ1300" s="1106"/>
      <c r="BK1300" s="1106"/>
      <c r="BL1300" s="1106"/>
      <c r="BM1300" s="1106"/>
      <c r="BN1300" s="1106"/>
      <c r="BO1300" s="1106"/>
      <c r="BP1300" s="1106"/>
      <c r="BQ1300" s="1106"/>
      <c r="BR1300" s="1106"/>
      <c r="BS1300" s="1106"/>
      <c r="BT1300" s="1106"/>
      <c r="BU1300" s="1106"/>
      <c r="BV1300" s="1106"/>
      <c r="BW1300" s="1106"/>
      <c r="BX1300" s="1106"/>
      <c r="BY1300" s="1106"/>
      <c r="BZ1300" s="1106"/>
      <c r="CA1300" s="1106"/>
    </row>
    <row r="1301" spans="3:79" ht="9" customHeight="1" x14ac:dyDescent="0.2">
      <c r="C1301" s="1106"/>
      <c r="D1301" s="1106"/>
      <c r="E1301" s="1106"/>
      <c r="F1301" s="1106"/>
      <c r="G1301" s="1106"/>
      <c r="H1301" s="1106"/>
      <c r="I1301" s="1106"/>
      <c r="J1301" s="1106"/>
      <c r="K1301" s="1106"/>
      <c r="L1301" s="1106"/>
      <c r="M1301" s="1106"/>
      <c r="N1301" s="1106"/>
      <c r="O1301" s="1106"/>
      <c r="U1301" s="1106"/>
      <c r="AB1301" s="1106"/>
      <c r="AC1301" s="1106"/>
      <c r="AD1301" s="1106"/>
      <c r="AE1301" s="1106"/>
      <c r="AF1301" s="1106"/>
      <c r="AG1301" s="1106"/>
      <c r="AH1301" s="1106"/>
      <c r="AL1301" s="1106"/>
      <c r="AO1301" s="1106"/>
      <c r="AP1301" s="1106"/>
      <c r="AT1301" s="1106"/>
      <c r="AU1301" s="1106"/>
      <c r="AV1301" s="1106"/>
      <c r="AW1301" s="1106"/>
      <c r="AX1301" s="1106"/>
      <c r="AY1301" s="1106"/>
      <c r="AZ1301" s="1106"/>
      <c r="BA1301" s="1106"/>
      <c r="BB1301" s="1106"/>
      <c r="BC1301" s="1106"/>
      <c r="BD1301" s="1106"/>
      <c r="BE1301" s="1106"/>
      <c r="BF1301" s="1106"/>
      <c r="BG1301" s="1106"/>
      <c r="BH1301" s="1106"/>
      <c r="BI1301" s="1106"/>
      <c r="BJ1301" s="1106"/>
      <c r="BK1301" s="1106"/>
      <c r="BL1301" s="1106"/>
      <c r="BM1301" s="1106"/>
      <c r="BN1301" s="1106"/>
      <c r="BO1301" s="1106"/>
      <c r="BP1301" s="1106"/>
      <c r="BQ1301" s="1106"/>
      <c r="BR1301" s="1106"/>
      <c r="BS1301" s="1106"/>
      <c r="BT1301" s="1106"/>
      <c r="BU1301" s="1106"/>
      <c r="BV1301" s="1106"/>
      <c r="BW1301" s="1106"/>
      <c r="BX1301" s="1106"/>
      <c r="BY1301" s="1106"/>
      <c r="BZ1301" s="1106"/>
      <c r="CA1301" s="1106"/>
    </row>
    <row r="1302" spans="3:79" ht="9" customHeight="1" x14ac:dyDescent="0.2">
      <c r="C1302" s="1106"/>
      <c r="D1302" s="1106"/>
      <c r="E1302" s="1106"/>
      <c r="F1302" s="1106"/>
      <c r="G1302" s="1106"/>
      <c r="H1302" s="1106"/>
      <c r="I1302" s="1106"/>
      <c r="J1302" s="1106"/>
      <c r="K1302" s="1106"/>
      <c r="L1302" s="1106"/>
      <c r="M1302" s="1106"/>
      <c r="N1302" s="1106"/>
      <c r="O1302" s="1106"/>
      <c r="U1302" s="1106"/>
      <c r="AB1302" s="1106"/>
      <c r="AC1302" s="1106"/>
      <c r="AD1302" s="1106"/>
      <c r="AE1302" s="1106"/>
      <c r="AF1302" s="1106"/>
      <c r="AG1302" s="1106"/>
      <c r="AH1302" s="1106"/>
      <c r="AL1302" s="1106"/>
      <c r="AT1302" s="1106"/>
      <c r="AU1302" s="1106"/>
      <c r="AV1302" s="1106"/>
      <c r="AW1302" s="1106"/>
      <c r="AX1302" s="1106"/>
      <c r="AY1302" s="1106"/>
      <c r="AZ1302" s="1106"/>
      <c r="BA1302" s="1106"/>
      <c r="BB1302" s="1106"/>
      <c r="BC1302" s="1106"/>
      <c r="BD1302" s="1106"/>
      <c r="BE1302" s="1106"/>
      <c r="BF1302" s="1106"/>
      <c r="BG1302" s="1106"/>
      <c r="BH1302" s="1106"/>
      <c r="BI1302" s="1106"/>
      <c r="BJ1302" s="1106"/>
      <c r="BK1302" s="1106"/>
      <c r="BL1302" s="1106"/>
      <c r="BM1302" s="1106"/>
      <c r="BN1302" s="1106"/>
      <c r="BO1302" s="1106"/>
      <c r="BP1302" s="1106"/>
      <c r="BQ1302" s="1106"/>
      <c r="BR1302" s="1106"/>
      <c r="BS1302" s="1106"/>
      <c r="BT1302" s="1106"/>
      <c r="BU1302" s="1106"/>
      <c r="BV1302" s="1106"/>
      <c r="BW1302" s="1106"/>
      <c r="BX1302" s="1106"/>
      <c r="BY1302" s="1106"/>
      <c r="BZ1302" s="1106"/>
      <c r="CA1302" s="1106"/>
    </row>
    <row r="1303" spans="3:79" ht="9" customHeight="1" x14ac:dyDescent="0.2">
      <c r="C1303" s="1106"/>
      <c r="D1303" s="1106"/>
      <c r="E1303" s="1106"/>
      <c r="F1303" s="1106"/>
      <c r="G1303" s="1106"/>
      <c r="H1303" s="1106"/>
      <c r="I1303" s="1106"/>
      <c r="J1303" s="1106"/>
      <c r="K1303" s="1106"/>
      <c r="L1303" s="1106"/>
      <c r="M1303" s="1106"/>
      <c r="N1303" s="1106"/>
      <c r="O1303" s="1106"/>
      <c r="AB1303" s="1106"/>
      <c r="AC1303" s="1106"/>
      <c r="AD1303" s="1106"/>
      <c r="AE1303" s="1106"/>
      <c r="AF1303" s="1106"/>
      <c r="AG1303" s="1106"/>
      <c r="AH1303" s="1106"/>
      <c r="AL1303" s="1106"/>
      <c r="AZ1303" s="1106"/>
      <c r="BA1303" s="1106"/>
      <c r="BB1303" s="1106"/>
      <c r="BC1303" s="1106"/>
      <c r="BD1303" s="1106"/>
      <c r="BE1303" s="1106"/>
      <c r="BF1303" s="1106"/>
      <c r="BG1303" s="1106"/>
      <c r="BH1303" s="1106"/>
      <c r="BI1303" s="1106"/>
      <c r="BJ1303" s="1106"/>
      <c r="BK1303" s="1106"/>
      <c r="BL1303" s="1106"/>
      <c r="BM1303" s="1106"/>
      <c r="BN1303" s="1106"/>
      <c r="BO1303" s="1106"/>
      <c r="BP1303" s="1106"/>
      <c r="BQ1303" s="1106"/>
      <c r="BR1303" s="1106"/>
      <c r="BS1303" s="1106"/>
      <c r="BT1303" s="1106"/>
      <c r="BU1303" s="1106"/>
      <c r="BV1303" s="1106"/>
      <c r="BW1303" s="1106"/>
      <c r="BX1303" s="1106"/>
      <c r="BY1303" s="1106"/>
      <c r="BZ1303" s="1106"/>
      <c r="CA1303" s="1106"/>
    </row>
    <row r="1304" spans="3:79" ht="9" customHeight="1" x14ac:dyDescent="0.2">
      <c r="C1304" s="1106"/>
      <c r="D1304" s="1106"/>
      <c r="E1304" s="1106"/>
      <c r="F1304" s="1106"/>
      <c r="G1304" s="1106"/>
      <c r="H1304" s="1106"/>
      <c r="I1304" s="1106"/>
      <c r="J1304" s="1106"/>
      <c r="K1304" s="1106"/>
      <c r="L1304" s="1106"/>
      <c r="M1304" s="1106"/>
      <c r="N1304" s="1106"/>
      <c r="O1304" s="1106"/>
      <c r="AB1304" s="1106"/>
      <c r="AC1304" s="1106"/>
      <c r="AD1304" s="1106"/>
      <c r="AE1304" s="1106"/>
      <c r="AF1304" s="1106"/>
      <c r="AG1304" s="1106"/>
      <c r="AH1304" s="1106"/>
      <c r="AL1304" s="1106"/>
      <c r="AZ1304" s="1106"/>
      <c r="BA1304" s="1106"/>
      <c r="BB1304" s="1106"/>
      <c r="BC1304" s="1106"/>
      <c r="BD1304" s="1106"/>
      <c r="BE1304" s="1106"/>
      <c r="BF1304" s="1106"/>
      <c r="BG1304" s="1106"/>
      <c r="BH1304" s="1106"/>
      <c r="BI1304" s="1106"/>
      <c r="BJ1304" s="1106"/>
      <c r="BK1304" s="1106"/>
      <c r="BL1304" s="1106"/>
      <c r="BM1304" s="1106"/>
      <c r="BN1304" s="1106"/>
      <c r="BO1304" s="1106"/>
      <c r="BP1304" s="1106"/>
      <c r="BQ1304" s="1106"/>
      <c r="BR1304" s="1106"/>
      <c r="BS1304" s="1106"/>
      <c r="BT1304" s="1106"/>
      <c r="BU1304" s="1106"/>
      <c r="BV1304" s="1106"/>
      <c r="BW1304" s="1106"/>
      <c r="BX1304" s="1106"/>
      <c r="BY1304" s="1106"/>
      <c r="BZ1304" s="1106"/>
      <c r="CA1304" s="1106"/>
    </row>
    <row r="1305" spans="3:79" ht="9" customHeight="1" x14ac:dyDescent="0.2">
      <c r="C1305" s="1106"/>
      <c r="D1305" s="1106"/>
      <c r="E1305" s="1106"/>
      <c r="F1305" s="1106"/>
      <c r="G1305" s="1106"/>
      <c r="H1305" s="1106"/>
      <c r="I1305" s="1106"/>
      <c r="J1305" s="1106"/>
      <c r="K1305" s="1106"/>
      <c r="L1305" s="1106"/>
      <c r="M1305" s="1106"/>
      <c r="N1305" s="1106"/>
      <c r="O1305" s="1106"/>
      <c r="AB1305" s="1106"/>
      <c r="AC1305" s="1106"/>
      <c r="AD1305" s="1106"/>
      <c r="AE1305" s="1106"/>
      <c r="AF1305" s="1106"/>
      <c r="AG1305" s="1106"/>
      <c r="AH1305" s="1106"/>
      <c r="AL1305" s="1106"/>
      <c r="AZ1305" s="1106"/>
      <c r="BA1305" s="1106"/>
      <c r="BB1305" s="1106"/>
      <c r="BC1305" s="1106"/>
      <c r="BD1305" s="1106"/>
      <c r="BE1305" s="1106"/>
      <c r="BF1305" s="1106"/>
      <c r="BG1305" s="1106"/>
      <c r="BH1305" s="1106"/>
      <c r="BI1305" s="1106"/>
      <c r="BJ1305" s="1106"/>
      <c r="BK1305" s="1106"/>
      <c r="BL1305" s="1106"/>
      <c r="BM1305" s="1106"/>
      <c r="BN1305" s="1106"/>
      <c r="BO1305" s="1106"/>
      <c r="BP1305" s="1106"/>
      <c r="BQ1305" s="1106"/>
      <c r="BR1305" s="1106"/>
      <c r="BS1305" s="1106"/>
      <c r="BT1305" s="1106"/>
      <c r="BU1305" s="1106"/>
      <c r="BV1305" s="1106"/>
      <c r="BW1305" s="1106"/>
      <c r="BX1305" s="1106"/>
      <c r="BY1305" s="1106"/>
      <c r="BZ1305" s="1106"/>
      <c r="CA1305" s="1106"/>
    </row>
    <row r="1306" spans="3:79" ht="9" customHeight="1" x14ac:dyDescent="0.2">
      <c r="C1306" s="1106"/>
      <c r="D1306" s="1106"/>
      <c r="E1306" s="1106"/>
      <c r="F1306" s="1106"/>
      <c r="G1306" s="1106"/>
      <c r="H1306" s="1106"/>
      <c r="I1306" s="1106"/>
      <c r="J1306" s="1106"/>
      <c r="K1306" s="1106"/>
      <c r="L1306" s="1106"/>
      <c r="M1306" s="1106"/>
      <c r="N1306" s="1106"/>
      <c r="O1306" s="1106"/>
      <c r="U1306" s="1106"/>
      <c r="AB1306" s="1106"/>
      <c r="AC1306" s="1106"/>
      <c r="AD1306" s="1106"/>
      <c r="AE1306" s="1106"/>
      <c r="AF1306" s="1106"/>
      <c r="AG1306" s="1106"/>
      <c r="AH1306" s="1106"/>
      <c r="AL1306" s="1106"/>
      <c r="AT1306" s="1106"/>
      <c r="AU1306" s="1106"/>
      <c r="AV1306" s="1106"/>
      <c r="AW1306" s="1106"/>
      <c r="AX1306" s="1106"/>
      <c r="AY1306" s="1106"/>
      <c r="AZ1306" s="1106"/>
      <c r="BA1306" s="1106"/>
      <c r="BB1306" s="1106"/>
      <c r="BC1306" s="1106"/>
      <c r="BD1306" s="1106"/>
      <c r="BE1306" s="1106"/>
      <c r="BF1306" s="1106"/>
      <c r="BG1306" s="1106"/>
      <c r="BH1306" s="1106"/>
      <c r="BI1306" s="1106"/>
      <c r="BJ1306" s="1106"/>
      <c r="BK1306" s="1106"/>
      <c r="BL1306" s="1106"/>
      <c r="BM1306" s="1106"/>
      <c r="BN1306" s="1106"/>
      <c r="BO1306" s="1106"/>
      <c r="BP1306" s="1106"/>
      <c r="BQ1306" s="1106"/>
      <c r="BR1306" s="1106"/>
      <c r="BS1306" s="1106"/>
      <c r="BT1306" s="1106"/>
      <c r="BU1306" s="1106"/>
      <c r="BV1306" s="1106"/>
      <c r="BW1306" s="1106"/>
      <c r="BX1306" s="1106"/>
      <c r="BY1306" s="1106"/>
      <c r="BZ1306" s="1106"/>
      <c r="CA1306" s="1106"/>
    </row>
    <row r="1307" spans="3:79" ht="9" customHeight="1" x14ac:dyDescent="0.2">
      <c r="C1307" s="1106"/>
      <c r="D1307" s="1106"/>
      <c r="E1307" s="1106"/>
      <c r="F1307" s="1106"/>
      <c r="G1307" s="1106"/>
      <c r="H1307" s="1106"/>
      <c r="I1307" s="1106"/>
      <c r="J1307" s="1106"/>
      <c r="K1307" s="1106"/>
      <c r="L1307" s="1106"/>
      <c r="M1307" s="1106"/>
      <c r="N1307" s="1106"/>
      <c r="O1307" s="1106"/>
      <c r="U1307" s="1106"/>
      <c r="AB1307" s="1106"/>
      <c r="AC1307" s="1106"/>
      <c r="AD1307" s="1106"/>
      <c r="AE1307" s="1106"/>
      <c r="AF1307" s="1106"/>
      <c r="AG1307" s="1106"/>
      <c r="AH1307" s="1106"/>
      <c r="AL1307" s="1106"/>
      <c r="AO1307" s="1106"/>
      <c r="AP1307" s="1106"/>
      <c r="AT1307" s="1106"/>
      <c r="AU1307" s="1106"/>
      <c r="AV1307" s="1106"/>
      <c r="AW1307" s="1106"/>
      <c r="AX1307" s="1106"/>
      <c r="AY1307" s="1106"/>
      <c r="AZ1307" s="1106"/>
      <c r="BA1307" s="1106"/>
      <c r="BB1307" s="1106"/>
      <c r="BC1307" s="1106"/>
      <c r="BD1307" s="1106"/>
      <c r="BE1307" s="1106"/>
      <c r="BF1307" s="1106"/>
      <c r="BG1307" s="1106"/>
      <c r="BH1307" s="1106"/>
      <c r="BI1307" s="1106"/>
      <c r="BJ1307" s="1106"/>
      <c r="BK1307" s="1106"/>
      <c r="BL1307" s="1106"/>
      <c r="BM1307" s="1106"/>
      <c r="BN1307" s="1106"/>
      <c r="BO1307" s="1106"/>
      <c r="BP1307" s="1106"/>
      <c r="BQ1307" s="1106"/>
      <c r="BR1307" s="1106"/>
      <c r="BS1307" s="1106"/>
      <c r="BT1307" s="1106"/>
      <c r="BU1307" s="1106"/>
      <c r="BV1307" s="1106"/>
      <c r="BW1307" s="1106"/>
      <c r="BX1307" s="1106"/>
      <c r="BY1307" s="1106"/>
      <c r="BZ1307" s="1106"/>
      <c r="CA1307" s="1106"/>
    </row>
    <row r="1308" spans="3:79" ht="9" customHeight="1" x14ac:dyDescent="0.2">
      <c r="C1308" s="1106"/>
      <c r="D1308" s="1106"/>
      <c r="E1308" s="1106"/>
      <c r="F1308" s="1106"/>
      <c r="G1308" s="1106"/>
      <c r="H1308" s="1106"/>
      <c r="I1308" s="1106"/>
      <c r="J1308" s="1106"/>
      <c r="K1308" s="1106"/>
      <c r="L1308" s="1106"/>
      <c r="M1308" s="1106"/>
      <c r="N1308" s="1106"/>
      <c r="O1308" s="1106"/>
      <c r="U1308" s="1106"/>
      <c r="AB1308" s="1106"/>
      <c r="AC1308" s="1106"/>
      <c r="AD1308" s="1106"/>
      <c r="AE1308" s="1106"/>
      <c r="AF1308" s="1106"/>
      <c r="AG1308" s="1106"/>
      <c r="AH1308" s="1106"/>
      <c r="AL1308" s="1106"/>
      <c r="AT1308" s="1106"/>
      <c r="AU1308" s="1106"/>
      <c r="AV1308" s="1106"/>
      <c r="AW1308" s="1106"/>
      <c r="AX1308" s="1106"/>
      <c r="AY1308" s="1106"/>
      <c r="AZ1308" s="1106"/>
      <c r="BA1308" s="1106"/>
      <c r="BB1308" s="1106"/>
      <c r="BC1308" s="1106"/>
      <c r="BD1308" s="1106"/>
      <c r="BE1308" s="1106"/>
      <c r="BF1308" s="1106"/>
      <c r="BG1308" s="1106"/>
      <c r="BH1308" s="1106"/>
      <c r="BI1308" s="1106"/>
      <c r="BJ1308" s="1106"/>
      <c r="BK1308" s="1106"/>
      <c r="BL1308" s="1106"/>
      <c r="BM1308" s="1106"/>
      <c r="BN1308" s="1106"/>
      <c r="BO1308" s="1106"/>
      <c r="BP1308" s="1106"/>
      <c r="BQ1308" s="1106"/>
      <c r="BR1308" s="1106"/>
      <c r="BS1308" s="1106"/>
      <c r="BT1308" s="1106"/>
      <c r="BU1308" s="1106"/>
      <c r="BV1308" s="1106"/>
      <c r="BW1308" s="1106"/>
      <c r="BX1308" s="1106"/>
      <c r="BY1308" s="1106"/>
      <c r="BZ1308" s="1106"/>
      <c r="CA1308" s="1106"/>
    </row>
    <row r="1309" spans="3:79" ht="9" customHeight="1" x14ac:dyDescent="0.2">
      <c r="C1309" s="1106"/>
      <c r="D1309" s="1106"/>
      <c r="E1309" s="1106"/>
      <c r="F1309" s="1106"/>
      <c r="G1309" s="1106"/>
      <c r="H1309" s="1106"/>
      <c r="I1309" s="1106"/>
      <c r="J1309" s="1106"/>
      <c r="K1309" s="1106"/>
      <c r="L1309" s="1106"/>
      <c r="M1309" s="1106"/>
      <c r="N1309" s="1106"/>
      <c r="O1309" s="1106"/>
      <c r="AB1309" s="1106"/>
      <c r="AC1309" s="1106"/>
      <c r="AD1309" s="1106"/>
      <c r="AE1309" s="1106"/>
      <c r="AF1309" s="1106"/>
      <c r="AG1309" s="1106"/>
      <c r="AH1309" s="1106"/>
      <c r="AL1309" s="1106"/>
      <c r="AZ1309" s="1106"/>
      <c r="BA1309" s="1106"/>
      <c r="BB1309" s="1106"/>
      <c r="BC1309" s="1106"/>
      <c r="BD1309" s="1106"/>
      <c r="BE1309" s="1106"/>
      <c r="BF1309" s="1106"/>
      <c r="BG1309" s="1106"/>
      <c r="BH1309" s="1106"/>
      <c r="BI1309" s="1106"/>
      <c r="BJ1309" s="1106"/>
      <c r="BK1309" s="1106"/>
      <c r="BL1309" s="1106"/>
      <c r="BM1309" s="1106"/>
      <c r="BN1309" s="1106"/>
      <c r="BO1309" s="1106"/>
      <c r="BP1309" s="1106"/>
      <c r="BQ1309" s="1106"/>
      <c r="BR1309" s="1106"/>
      <c r="BS1309" s="1106"/>
      <c r="BT1309" s="1106"/>
      <c r="BU1309" s="1106"/>
      <c r="BV1309" s="1106"/>
      <c r="BW1309" s="1106"/>
      <c r="BX1309" s="1106"/>
      <c r="BY1309" s="1106"/>
      <c r="BZ1309" s="1106"/>
      <c r="CA1309" s="1106"/>
    </row>
    <row r="1310" spans="3:79" ht="9" customHeight="1" x14ac:dyDescent="0.2">
      <c r="C1310" s="1106"/>
      <c r="D1310" s="1106"/>
      <c r="E1310" s="1106"/>
      <c r="F1310" s="1106"/>
      <c r="G1310" s="1106"/>
      <c r="H1310" s="1106"/>
      <c r="I1310" s="1106"/>
      <c r="J1310" s="1106"/>
      <c r="K1310" s="1106"/>
      <c r="L1310" s="1106"/>
      <c r="M1310" s="1106"/>
      <c r="N1310" s="1106"/>
      <c r="O1310" s="1106"/>
      <c r="AB1310" s="1106"/>
      <c r="AC1310" s="1106"/>
      <c r="AD1310" s="1106"/>
      <c r="AE1310" s="1106"/>
      <c r="AF1310" s="1106"/>
      <c r="AG1310" s="1106"/>
      <c r="AH1310" s="1106"/>
      <c r="AL1310" s="1106"/>
      <c r="AZ1310" s="1106"/>
      <c r="BA1310" s="1106"/>
      <c r="BB1310" s="1106"/>
      <c r="BC1310" s="1106"/>
      <c r="BD1310" s="1106"/>
      <c r="BE1310" s="1106"/>
      <c r="BF1310" s="1106"/>
      <c r="BG1310" s="1106"/>
      <c r="BH1310" s="1106"/>
      <c r="BI1310" s="1106"/>
      <c r="BJ1310" s="1106"/>
      <c r="BK1310" s="1106"/>
      <c r="BL1310" s="1106"/>
      <c r="BM1310" s="1106"/>
      <c r="BN1310" s="1106"/>
      <c r="BO1310" s="1106"/>
      <c r="BP1310" s="1106"/>
      <c r="BQ1310" s="1106"/>
      <c r="BR1310" s="1106"/>
      <c r="BS1310" s="1106"/>
      <c r="BT1310" s="1106"/>
      <c r="BU1310" s="1106"/>
      <c r="BV1310" s="1106"/>
      <c r="BW1310" s="1106"/>
      <c r="BX1310" s="1106"/>
      <c r="BY1310" s="1106"/>
      <c r="BZ1310" s="1106"/>
      <c r="CA1310" s="1106"/>
    </row>
    <row r="1311" spans="3:79" ht="9" customHeight="1" x14ac:dyDescent="0.2">
      <c r="C1311" s="1106"/>
      <c r="D1311" s="1106"/>
      <c r="E1311" s="1106"/>
      <c r="F1311" s="1106"/>
      <c r="G1311" s="1106"/>
      <c r="H1311" s="1106"/>
      <c r="I1311" s="1106"/>
      <c r="J1311" s="1106"/>
      <c r="K1311" s="1106"/>
      <c r="L1311" s="1106"/>
      <c r="M1311" s="1106"/>
      <c r="N1311" s="1106"/>
      <c r="O1311" s="1106"/>
      <c r="AB1311" s="1106"/>
      <c r="AC1311" s="1106"/>
      <c r="AD1311" s="1106"/>
      <c r="AE1311" s="1106"/>
      <c r="AF1311" s="1106"/>
      <c r="AG1311" s="1106"/>
      <c r="AH1311" s="1106"/>
      <c r="AL1311" s="1106"/>
      <c r="AZ1311" s="1106"/>
      <c r="BA1311" s="1106"/>
      <c r="BB1311" s="1106"/>
      <c r="BC1311" s="1106"/>
      <c r="BD1311" s="1106"/>
      <c r="BE1311" s="1106"/>
      <c r="BF1311" s="1106"/>
      <c r="BG1311" s="1106"/>
      <c r="BH1311" s="1106"/>
      <c r="BI1311" s="1106"/>
      <c r="BJ1311" s="1106"/>
      <c r="BK1311" s="1106"/>
      <c r="BL1311" s="1106"/>
      <c r="BM1311" s="1106"/>
      <c r="BN1311" s="1106"/>
      <c r="BO1311" s="1106"/>
      <c r="BP1311" s="1106"/>
      <c r="BQ1311" s="1106"/>
      <c r="BR1311" s="1106"/>
      <c r="BS1311" s="1106"/>
      <c r="BT1311" s="1106"/>
      <c r="BU1311" s="1106"/>
      <c r="BV1311" s="1106"/>
      <c r="BW1311" s="1106"/>
      <c r="BX1311" s="1106"/>
      <c r="BY1311" s="1106"/>
      <c r="BZ1311" s="1106"/>
      <c r="CA1311" s="1106"/>
    </row>
    <row r="1312" spans="3:79" ht="9" customHeight="1" x14ac:dyDescent="0.2">
      <c r="C1312" s="1106"/>
      <c r="D1312" s="1106"/>
      <c r="E1312" s="1106"/>
      <c r="F1312" s="1106"/>
      <c r="G1312" s="1106"/>
      <c r="H1312" s="1106"/>
      <c r="I1312" s="1106"/>
      <c r="J1312" s="1106"/>
      <c r="K1312" s="1106"/>
      <c r="L1312" s="1106"/>
      <c r="M1312" s="1106"/>
      <c r="N1312" s="1106"/>
      <c r="O1312" s="1106"/>
      <c r="U1312" s="1106"/>
      <c r="AB1312" s="1106"/>
      <c r="AC1312" s="1106"/>
      <c r="AD1312" s="1106"/>
      <c r="AE1312" s="1106"/>
      <c r="AF1312" s="1106"/>
      <c r="AG1312" s="1106"/>
      <c r="AH1312" s="1106"/>
      <c r="AL1312" s="1106"/>
      <c r="AT1312" s="1106"/>
      <c r="AU1312" s="1106"/>
      <c r="AV1312" s="1106"/>
      <c r="AW1312" s="1106"/>
      <c r="AX1312" s="1106"/>
      <c r="AY1312" s="1106"/>
      <c r="AZ1312" s="1106"/>
      <c r="BA1312" s="1106"/>
      <c r="BB1312" s="1106"/>
      <c r="BC1312" s="1106"/>
      <c r="BD1312" s="1106"/>
      <c r="BE1312" s="1106"/>
      <c r="BF1312" s="1106"/>
      <c r="BG1312" s="1106"/>
      <c r="BH1312" s="1106"/>
      <c r="BI1312" s="1106"/>
      <c r="BJ1312" s="1106"/>
      <c r="BK1312" s="1106"/>
      <c r="BL1312" s="1106"/>
      <c r="BM1312" s="1106"/>
      <c r="BN1312" s="1106"/>
      <c r="BO1312" s="1106"/>
      <c r="BP1312" s="1106"/>
      <c r="BQ1312" s="1106"/>
      <c r="BR1312" s="1106"/>
      <c r="BS1312" s="1106"/>
      <c r="BT1312" s="1106"/>
      <c r="BU1312" s="1106"/>
      <c r="BV1312" s="1106"/>
      <c r="BW1312" s="1106"/>
      <c r="BX1312" s="1106"/>
      <c r="BY1312" s="1106"/>
      <c r="BZ1312" s="1106"/>
      <c r="CA1312" s="1106"/>
    </row>
    <row r="1313" spans="3:79" ht="9" customHeight="1" x14ac:dyDescent="0.2">
      <c r="C1313" s="1106"/>
      <c r="D1313" s="1106"/>
      <c r="E1313" s="1106"/>
      <c r="F1313" s="1106"/>
      <c r="G1313" s="1106"/>
      <c r="H1313" s="1106"/>
      <c r="I1313" s="1106"/>
      <c r="J1313" s="1106"/>
      <c r="K1313" s="1106"/>
      <c r="L1313" s="1106"/>
      <c r="M1313" s="1106"/>
      <c r="N1313" s="1106"/>
      <c r="O1313" s="1106"/>
      <c r="U1313" s="1106"/>
      <c r="AB1313" s="1106"/>
      <c r="AC1313" s="1106"/>
      <c r="AD1313" s="1106"/>
      <c r="AE1313" s="1106"/>
      <c r="AF1313" s="1106"/>
      <c r="AG1313" s="1106"/>
      <c r="AH1313" s="1106"/>
      <c r="AL1313" s="1106"/>
      <c r="AO1313" s="1106"/>
      <c r="AP1313" s="1106"/>
      <c r="AT1313" s="1106"/>
      <c r="AU1313" s="1106"/>
      <c r="AV1313" s="1106"/>
      <c r="AW1313" s="1106"/>
      <c r="AX1313" s="1106"/>
      <c r="AY1313" s="1106"/>
      <c r="AZ1313" s="1106"/>
      <c r="BA1313" s="1106"/>
      <c r="BB1313" s="1106"/>
      <c r="BC1313" s="1106"/>
      <c r="BD1313" s="1106"/>
      <c r="BE1313" s="1106"/>
      <c r="BF1313" s="1106"/>
      <c r="BG1313" s="1106"/>
      <c r="BH1313" s="1106"/>
      <c r="BI1313" s="1106"/>
      <c r="BJ1313" s="1106"/>
      <c r="BK1313" s="1106"/>
      <c r="BL1313" s="1106"/>
      <c r="BM1313" s="1106"/>
      <c r="BN1313" s="1106"/>
      <c r="BO1313" s="1106"/>
      <c r="BP1313" s="1106"/>
      <c r="BQ1313" s="1106"/>
      <c r="BR1313" s="1106"/>
      <c r="BS1313" s="1106"/>
      <c r="BT1313" s="1106"/>
      <c r="BU1313" s="1106"/>
      <c r="BV1313" s="1106"/>
      <c r="BW1313" s="1106"/>
      <c r="BX1313" s="1106"/>
      <c r="BY1313" s="1106"/>
      <c r="BZ1313" s="1106"/>
      <c r="CA1313" s="1106"/>
    </row>
    <row r="1314" spans="3:79" ht="9" customHeight="1" x14ac:dyDescent="0.2">
      <c r="C1314" s="1106"/>
      <c r="D1314" s="1106"/>
      <c r="E1314" s="1106"/>
      <c r="F1314" s="1106"/>
      <c r="G1314" s="1106"/>
      <c r="H1314" s="1106"/>
      <c r="I1314" s="1106"/>
      <c r="J1314" s="1106"/>
      <c r="K1314" s="1106"/>
      <c r="L1314" s="1106"/>
      <c r="M1314" s="1106"/>
      <c r="N1314" s="1106"/>
      <c r="O1314" s="1106"/>
      <c r="U1314" s="1106"/>
      <c r="AB1314" s="1106"/>
      <c r="AC1314" s="1106"/>
      <c r="AD1314" s="1106"/>
      <c r="AE1314" s="1106"/>
      <c r="AF1314" s="1106"/>
      <c r="AG1314" s="1106"/>
      <c r="AH1314" s="1106"/>
      <c r="AL1314" s="1106"/>
      <c r="AT1314" s="1106"/>
      <c r="AU1314" s="1106"/>
      <c r="AV1314" s="1106"/>
      <c r="AW1314" s="1106"/>
      <c r="AX1314" s="1106"/>
      <c r="AY1314" s="1106"/>
      <c r="AZ1314" s="1106"/>
      <c r="BA1314" s="1106"/>
      <c r="BB1314" s="1106"/>
      <c r="BC1314" s="1106"/>
      <c r="BD1314" s="1106"/>
      <c r="BE1314" s="1106"/>
      <c r="BF1314" s="1106"/>
      <c r="BG1314" s="1106"/>
      <c r="BH1314" s="1106"/>
      <c r="BI1314" s="1106"/>
      <c r="BJ1314" s="1106"/>
      <c r="BK1314" s="1106"/>
      <c r="BL1314" s="1106"/>
      <c r="BM1314" s="1106"/>
      <c r="BN1314" s="1106"/>
      <c r="BO1314" s="1106"/>
      <c r="BP1314" s="1106"/>
      <c r="BQ1314" s="1106"/>
      <c r="BR1314" s="1106"/>
      <c r="BS1314" s="1106"/>
      <c r="BT1314" s="1106"/>
      <c r="BU1314" s="1106"/>
      <c r="BV1314" s="1106"/>
      <c r="BW1314" s="1106"/>
      <c r="BX1314" s="1106"/>
      <c r="BY1314" s="1106"/>
      <c r="BZ1314" s="1106"/>
      <c r="CA1314" s="1106"/>
    </row>
    <row r="1315" spans="3:79" ht="9" customHeight="1" x14ac:dyDescent="0.2">
      <c r="C1315" s="1106"/>
      <c r="D1315" s="1106"/>
      <c r="E1315" s="1106"/>
      <c r="F1315" s="1106"/>
      <c r="G1315" s="1106"/>
      <c r="H1315" s="1106"/>
      <c r="I1315" s="1106"/>
      <c r="J1315" s="1106"/>
      <c r="K1315" s="1106"/>
      <c r="L1315" s="1106"/>
      <c r="M1315" s="1106"/>
      <c r="N1315" s="1106"/>
      <c r="O1315" s="1106"/>
      <c r="AB1315" s="1106"/>
      <c r="AC1315" s="1106"/>
      <c r="AD1315" s="1106"/>
      <c r="AE1315" s="1106"/>
      <c r="AF1315" s="1106"/>
      <c r="AG1315" s="1106"/>
      <c r="AH1315" s="1106"/>
      <c r="AL1315" s="1106"/>
      <c r="AZ1315" s="1106"/>
      <c r="BA1315" s="1106"/>
      <c r="BB1315" s="1106"/>
      <c r="BC1315" s="1106"/>
      <c r="BD1315" s="1106"/>
      <c r="BE1315" s="1106"/>
      <c r="BF1315" s="1106"/>
      <c r="BG1315" s="1106"/>
      <c r="BH1315" s="1106"/>
      <c r="BI1315" s="1106"/>
      <c r="BJ1315" s="1106"/>
      <c r="BK1315" s="1106"/>
      <c r="BL1315" s="1106"/>
      <c r="BM1315" s="1106"/>
      <c r="BN1315" s="1106"/>
      <c r="BO1315" s="1106"/>
      <c r="BP1315" s="1106"/>
      <c r="BQ1315" s="1106"/>
      <c r="BR1315" s="1106"/>
      <c r="BS1315" s="1106"/>
      <c r="BT1315" s="1106"/>
      <c r="BU1315" s="1106"/>
      <c r="BV1315" s="1106"/>
      <c r="BW1315" s="1106"/>
      <c r="BX1315" s="1106"/>
      <c r="BY1315" s="1106"/>
      <c r="BZ1315" s="1106"/>
      <c r="CA1315" s="1106"/>
    </row>
    <row r="1316" spans="3:79" ht="9" customHeight="1" x14ac:dyDescent="0.2">
      <c r="C1316" s="1106"/>
      <c r="D1316" s="1106"/>
      <c r="E1316" s="1106"/>
      <c r="F1316" s="1106"/>
      <c r="G1316" s="1106"/>
      <c r="H1316" s="1106"/>
      <c r="I1316" s="1106"/>
      <c r="J1316" s="1106"/>
      <c r="K1316" s="1106"/>
      <c r="L1316" s="1106"/>
      <c r="M1316" s="1106"/>
      <c r="N1316" s="1106"/>
      <c r="O1316" s="1106"/>
      <c r="AB1316" s="1106"/>
      <c r="AC1316" s="1106"/>
      <c r="AD1316" s="1106"/>
      <c r="AE1316" s="1106"/>
      <c r="AF1316" s="1106"/>
      <c r="AG1316" s="1106"/>
      <c r="AH1316" s="1106"/>
      <c r="AL1316" s="1106"/>
      <c r="AZ1316" s="1106"/>
      <c r="BA1316" s="1106"/>
      <c r="BB1316" s="1106"/>
      <c r="BC1316" s="1106"/>
      <c r="BD1316" s="1106"/>
      <c r="BE1316" s="1106"/>
      <c r="BF1316" s="1106"/>
      <c r="BG1316" s="1106"/>
      <c r="BH1316" s="1106"/>
      <c r="BI1316" s="1106"/>
      <c r="BJ1316" s="1106"/>
      <c r="BK1316" s="1106"/>
      <c r="BL1316" s="1106"/>
      <c r="BM1316" s="1106"/>
      <c r="BN1316" s="1106"/>
      <c r="BO1316" s="1106"/>
      <c r="BP1316" s="1106"/>
      <c r="BQ1316" s="1106"/>
      <c r="BR1316" s="1106"/>
      <c r="BS1316" s="1106"/>
      <c r="BT1316" s="1106"/>
      <c r="BU1316" s="1106"/>
      <c r="BV1316" s="1106"/>
      <c r="BW1316" s="1106"/>
      <c r="BX1316" s="1106"/>
      <c r="BY1316" s="1106"/>
      <c r="BZ1316" s="1106"/>
      <c r="CA1316" s="1106"/>
    </row>
    <row r="1317" spans="3:79" ht="9" customHeight="1" x14ac:dyDescent="0.2">
      <c r="C1317" s="1106"/>
      <c r="D1317" s="1106"/>
      <c r="E1317" s="1106"/>
      <c r="F1317" s="1106"/>
      <c r="G1317" s="1106"/>
      <c r="H1317" s="1106"/>
      <c r="I1317" s="1106"/>
      <c r="J1317" s="1106"/>
      <c r="K1317" s="1106"/>
      <c r="L1317" s="1106"/>
      <c r="M1317" s="1106"/>
      <c r="N1317" s="1106"/>
      <c r="O1317" s="1106"/>
      <c r="AB1317" s="1106"/>
      <c r="AC1317" s="1106"/>
      <c r="AD1317" s="1106"/>
      <c r="AE1317" s="1106"/>
      <c r="AF1317" s="1106"/>
      <c r="AG1317" s="1106"/>
      <c r="AH1317" s="1106"/>
      <c r="AL1317" s="1106"/>
      <c r="AZ1317" s="1106"/>
      <c r="BA1317" s="1106"/>
      <c r="BB1317" s="1106"/>
      <c r="BC1317" s="1106"/>
      <c r="BD1317" s="1106"/>
      <c r="BE1317" s="1106"/>
      <c r="BF1317" s="1106"/>
      <c r="BG1317" s="1106"/>
      <c r="BH1317" s="1106"/>
      <c r="BI1317" s="1106"/>
      <c r="BJ1317" s="1106"/>
      <c r="BK1317" s="1106"/>
      <c r="BL1317" s="1106"/>
      <c r="BM1317" s="1106"/>
      <c r="BN1317" s="1106"/>
      <c r="BO1317" s="1106"/>
      <c r="BP1317" s="1106"/>
      <c r="BQ1317" s="1106"/>
      <c r="BR1317" s="1106"/>
      <c r="BS1317" s="1106"/>
      <c r="BT1317" s="1106"/>
      <c r="BU1317" s="1106"/>
      <c r="BV1317" s="1106"/>
      <c r="BW1317" s="1106"/>
      <c r="BX1317" s="1106"/>
      <c r="BY1317" s="1106"/>
      <c r="BZ1317" s="1106"/>
      <c r="CA1317" s="1106"/>
    </row>
    <row r="1318" spans="3:79" ht="9" customHeight="1" x14ac:dyDescent="0.2">
      <c r="C1318" s="1106"/>
      <c r="D1318" s="1106"/>
      <c r="E1318" s="1106"/>
      <c r="F1318" s="1106"/>
      <c r="G1318" s="1106"/>
      <c r="H1318" s="1106"/>
      <c r="I1318" s="1106"/>
      <c r="J1318" s="1106"/>
      <c r="K1318" s="1106"/>
      <c r="L1318" s="1106"/>
      <c r="M1318" s="1106"/>
      <c r="N1318" s="1106"/>
      <c r="O1318" s="1106"/>
      <c r="U1318" s="1106"/>
      <c r="AB1318" s="1106"/>
      <c r="AC1318" s="1106"/>
      <c r="AD1318" s="1106"/>
      <c r="AE1318" s="1106"/>
      <c r="AF1318" s="1106"/>
      <c r="AG1318" s="1106"/>
      <c r="AH1318" s="1106"/>
      <c r="AL1318" s="1106"/>
      <c r="AT1318" s="1106"/>
      <c r="AU1318" s="1106"/>
      <c r="AV1318" s="1106"/>
      <c r="AW1318" s="1106"/>
      <c r="AX1318" s="1106"/>
      <c r="AY1318" s="1106"/>
      <c r="AZ1318" s="1106"/>
      <c r="BA1318" s="1106"/>
      <c r="BB1318" s="1106"/>
      <c r="BC1318" s="1106"/>
      <c r="BD1318" s="1106"/>
      <c r="BE1318" s="1106"/>
      <c r="BF1318" s="1106"/>
      <c r="BG1318" s="1106"/>
      <c r="BH1318" s="1106"/>
      <c r="BI1318" s="1106"/>
      <c r="BJ1318" s="1106"/>
      <c r="BK1318" s="1106"/>
      <c r="BL1318" s="1106"/>
      <c r="BM1318" s="1106"/>
      <c r="BN1318" s="1106"/>
      <c r="BO1318" s="1106"/>
      <c r="BP1318" s="1106"/>
      <c r="BQ1318" s="1106"/>
      <c r="BR1318" s="1106"/>
      <c r="BS1318" s="1106"/>
      <c r="BT1318" s="1106"/>
      <c r="BU1318" s="1106"/>
      <c r="BV1318" s="1106"/>
      <c r="BW1318" s="1106"/>
      <c r="BX1318" s="1106"/>
      <c r="BY1318" s="1106"/>
      <c r="BZ1318" s="1106"/>
      <c r="CA1318" s="1106"/>
    </row>
    <row r="1319" spans="3:79" ht="9" customHeight="1" x14ac:dyDescent="0.2">
      <c r="C1319" s="1106"/>
      <c r="D1319" s="1106"/>
      <c r="E1319" s="1106"/>
      <c r="F1319" s="1106"/>
      <c r="G1319" s="1106"/>
      <c r="H1319" s="1106"/>
      <c r="I1319" s="1106"/>
      <c r="J1319" s="1106"/>
      <c r="K1319" s="1106"/>
      <c r="L1319" s="1106"/>
      <c r="M1319" s="1106"/>
      <c r="N1319" s="1106"/>
      <c r="O1319" s="1106"/>
      <c r="U1319" s="1106"/>
      <c r="AB1319" s="1106"/>
      <c r="AC1319" s="1106"/>
      <c r="AD1319" s="1106"/>
      <c r="AE1319" s="1106"/>
      <c r="AF1319" s="1106"/>
      <c r="AG1319" s="1106"/>
      <c r="AH1319" s="1106"/>
      <c r="AL1319" s="1106"/>
      <c r="AO1319" s="1106"/>
      <c r="AP1319" s="1106"/>
      <c r="AT1319" s="1106"/>
      <c r="AU1319" s="1106"/>
      <c r="AV1319" s="1106"/>
      <c r="AW1319" s="1106"/>
      <c r="AX1319" s="1106"/>
      <c r="AY1319" s="1106"/>
      <c r="AZ1319" s="1106"/>
      <c r="BA1319" s="1106"/>
      <c r="BB1319" s="1106"/>
      <c r="BC1319" s="1106"/>
      <c r="BD1319" s="1106"/>
      <c r="BE1319" s="1106"/>
      <c r="BF1319" s="1106"/>
      <c r="BG1319" s="1106"/>
      <c r="BH1319" s="1106"/>
      <c r="BI1319" s="1106"/>
      <c r="BJ1319" s="1106"/>
      <c r="BK1319" s="1106"/>
      <c r="BL1319" s="1106"/>
      <c r="BM1319" s="1106"/>
      <c r="BN1319" s="1106"/>
      <c r="BO1319" s="1106"/>
      <c r="BP1319" s="1106"/>
      <c r="BQ1319" s="1106"/>
      <c r="BR1319" s="1106"/>
      <c r="BS1319" s="1106"/>
      <c r="BT1319" s="1106"/>
      <c r="BU1319" s="1106"/>
      <c r="BV1319" s="1106"/>
      <c r="BW1319" s="1106"/>
      <c r="BX1319" s="1106"/>
      <c r="BY1319" s="1106"/>
      <c r="BZ1319" s="1106"/>
      <c r="CA1319" s="1106"/>
    </row>
    <row r="1320" spans="3:79" ht="9" customHeight="1" x14ac:dyDescent="0.2">
      <c r="C1320" s="1106"/>
      <c r="D1320" s="1106"/>
      <c r="E1320" s="1106"/>
      <c r="F1320" s="1106"/>
      <c r="G1320" s="1106"/>
      <c r="H1320" s="1106"/>
      <c r="I1320" s="1106"/>
      <c r="J1320" s="1106"/>
      <c r="K1320" s="1106"/>
      <c r="L1320" s="1106"/>
      <c r="M1320" s="1106"/>
      <c r="N1320" s="1106"/>
      <c r="O1320" s="1106"/>
      <c r="U1320" s="1106"/>
      <c r="AB1320" s="1106"/>
      <c r="AC1320" s="1106"/>
      <c r="AD1320" s="1106"/>
      <c r="AE1320" s="1106"/>
      <c r="AF1320" s="1106"/>
      <c r="AG1320" s="1106"/>
      <c r="AH1320" s="1106"/>
      <c r="AL1320" s="1106"/>
      <c r="AT1320" s="1106"/>
      <c r="AU1320" s="1106"/>
      <c r="AV1320" s="1106"/>
      <c r="AW1320" s="1106"/>
      <c r="AX1320" s="1106"/>
      <c r="AY1320" s="1106"/>
      <c r="AZ1320" s="1106"/>
      <c r="BA1320" s="1106"/>
      <c r="BB1320" s="1106"/>
      <c r="BC1320" s="1106"/>
      <c r="BD1320" s="1106"/>
      <c r="BE1320" s="1106"/>
      <c r="BF1320" s="1106"/>
      <c r="BG1320" s="1106"/>
      <c r="BH1320" s="1106"/>
      <c r="BI1320" s="1106"/>
      <c r="BJ1320" s="1106"/>
      <c r="BK1320" s="1106"/>
      <c r="BL1320" s="1106"/>
      <c r="BM1320" s="1106"/>
      <c r="BN1320" s="1106"/>
      <c r="BO1320" s="1106"/>
      <c r="BP1320" s="1106"/>
      <c r="BQ1320" s="1106"/>
      <c r="BR1320" s="1106"/>
      <c r="BS1320" s="1106"/>
      <c r="BT1320" s="1106"/>
      <c r="BU1320" s="1106"/>
      <c r="BV1320" s="1106"/>
      <c r="BW1320" s="1106"/>
      <c r="BX1320" s="1106"/>
      <c r="BY1320" s="1106"/>
      <c r="BZ1320" s="1106"/>
      <c r="CA1320" s="1106"/>
    </row>
    <row r="1321" spans="3:79" ht="9" customHeight="1" x14ac:dyDescent="0.2">
      <c r="C1321" s="1106"/>
      <c r="D1321" s="1106"/>
      <c r="E1321" s="1106"/>
      <c r="F1321" s="1106"/>
      <c r="G1321" s="1106"/>
      <c r="H1321" s="1106"/>
      <c r="I1321" s="1106"/>
      <c r="J1321" s="1106"/>
      <c r="K1321" s="1106"/>
      <c r="L1321" s="1106"/>
      <c r="M1321" s="1106"/>
      <c r="N1321" s="1106"/>
      <c r="O1321" s="1106"/>
      <c r="AB1321" s="1106"/>
      <c r="AC1321" s="1106"/>
      <c r="AD1321" s="1106"/>
      <c r="AE1321" s="1106"/>
      <c r="AF1321" s="1106"/>
      <c r="AG1321" s="1106"/>
      <c r="AH1321" s="1106"/>
      <c r="AL1321" s="1106"/>
      <c r="AZ1321" s="1106"/>
      <c r="BA1321" s="1106"/>
      <c r="BB1321" s="1106"/>
      <c r="BC1321" s="1106"/>
      <c r="BD1321" s="1106"/>
      <c r="BE1321" s="1106"/>
      <c r="BF1321" s="1106"/>
      <c r="BG1321" s="1106"/>
      <c r="BH1321" s="1106"/>
      <c r="BI1321" s="1106"/>
      <c r="BJ1321" s="1106"/>
      <c r="BK1321" s="1106"/>
      <c r="BL1321" s="1106"/>
      <c r="BM1321" s="1106"/>
      <c r="BN1321" s="1106"/>
      <c r="BO1321" s="1106"/>
      <c r="BP1321" s="1106"/>
      <c r="BQ1321" s="1106"/>
      <c r="BR1321" s="1106"/>
      <c r="BS1321" s="1106"/>
      <c r="BT1321" s="1106"/>
      <c r="BU1321" s="1106"/>
      <c r="BV1321" s="1106"/>
      <c r="BW1321" s="1106"/>
      <c r="BX1321" s="1106"/>
      <c r="BY1321" s="1106"/>
      <c r="BZ1321" s="1106"/>
      <c r="CA1321" s="1106"/>
    </row>
    <row r="1322" spans="3:79" ht="9" customHeight="1" x14ac:dyDescent="0.2">
      <c r="C1322" s="1106"/>
      <c r="D1322" s="1106"/>
      <c r="E1322" s="1106"/>
      <c r="F1322" s="1106"/>
      <c r="G1322" s="1106"/>
      <c r="H1322" s="1106"/>
      <c r="I1322" s="1106"/>
      <c r="J1322" s="1106"/>
      <c r="K1322" s="1106"/>
      <c r="L1322" s="1106"/>
      <c r="M1322" s="1106"/>
      <c r="N1322" s="1106"/>
      <c r="O1322" s="1106"/>
      <c r="AB1322" s="1106"/>
      <c r="AC1322" s="1106"/>
      <c r="AD1322" s="1106"/>
      <c r="AE1322" s="1106"/>
      <c r="AF1322" s="1106"/>
      <c r="AG1322" s="1106"/>
      <c r="AH1322" s="1106"/>
      <c r="AL1322" s="1106"/>
      <c r="AZ1322" s="1106"/>
      <c r="BA1322" s="1106"/>
      <c r="BB1322" s="1106"/>
      <c r="BC1322" s="1106"/>
      <c r="BD1322" s="1106"/>
      <c r="BE1322" s="1106"/>
      <c r="BF1322" s="1106"/>
      <c r="BG1322" s="1106"/>
      <c r="BH1322" s="1106"/>
      <c r="BI1322" s="1106"/>
      <c r="BJ1322" s="1106"/>
      <c r="BK1322" s="1106"/>
      <c r="BL1322" s="1106"/>
      <c r="BM1322" s="1106"/>
      <c r="BN1322" s="1106"/>
      <c r="BO1322" s="1106"/>
      <c r="BP1322" s="1106"/>
      <c r="BQ1322" s="1106"/>
      <c r="BR1322" s="1106"/>
      <c r="BS1322" s="1106"/>
      <c r="BT1322" s="1106"/>
      <c r="BU1322" s="1106"/>
      <c r="BV1322" s="1106"/>
      <c r="BW1322" s="1106"/>
      <c r="BX1322" s="1106"/>
      <c r="BY1322" s="1106"/>
      <c r="BZ1322" s="1106"/>
      <c r="CA1322" s="1106"/>
    </row>
    <row r="1323" spans="3:79" ht="9" customHeight="1" x14ac:dyDescent="0.2">
      <c r="C1323" s="1106"/>
      <c r="D1323" s="1106"/>
      <c r="E1323" s="1106"/>
      <c r="F1323" s="1106"/>
      <c r="G1323" s="1106"/>
      <c r="H1323" s="1106"/>
      <c r="I1323" s="1106"/>
      <c r="J1323" s="1106"/>
      <c r="K1323" s="1106"/>
      <c r="L1323" s="1106"/>
      <c r="M1323" s="1106"/>
      <c r="N1323" s="1106"/>
      <c r="O1323" s="1106"/>
      <c r="AB1323" s="1106"/>
      <c r="AC1323" s="1106"/>
      <c r="AD1323" s="1106"/>
      <c r="AE1323" s="1106"/>
      <c r="AF1323" s="1106"/>
      <c r="AG1323" s="1106"/>
      <c r="AH1323" s="1106"/>
      <c r="AL1323" s="1106"/>
      <c r="AZ1323" s="1106"/>
      <c r="BA1323" s="1106"/>
      <c r="BB1323" s="1106"/>
      <c r="BC1323" s="1106"/>
      <c r="BD1323" s="1106"/>
      <c r="BE1323" s="1106"/>
      <c r="BF1323" s="1106"/>
      <c r="BG1323" s="1106"/>
      <c r="BH1323" s="1106"/>
      <c r="BI1323" s="1106"/>
      <c r="BJ1323" s="1106"/>
      <c r="BK1323" s="1106"/>
      <c r="BL1323" s="1106"/>
      <c r="BM1323" s="1106"/>
      <c r="BN1323" s="1106"/>
      <c r="BO1323" s="1106"/>
      <c r="BP1323" s="1106"/>
      <c r="BQ1323" s="1106"/>
      <c r="BR1323" s="1106"/>
      <c r="BS1323" s="1106"/>
      <c r="BT1323" s="1106"/>
      <c r="BU1323" s="1106"/>
      <c r="BV1323" s="1106"/>
      <c r="BW1323" s="1106"/>
      <c r="BX1323" s="1106"/>
      <c r="BY1323" s="1106"/>
      <c r="BZ1323" s="1106"/>
      <c r="CA1323" s="1106"/>
    </row>
    <row r="1324" spans="3:79" ht="9" customHeight="1" x14ac:dyDescent="0.2">
      <c r="C1324" s="1106"/>
      <c r="D1324" s="1106"/>
      <c r="E1324" s="1106"/>
      <c r="F1324" s="1106"/>
      <c r="G1324" s="1106"/>
      <c r="H1324" s="1106"/>
      <c r="I1324" s="1106"/>
      <c r="J1324" s="1106"/>
      <c r="K1324" s="1106"/>
      <c r="L1324" s="1106"/>
      <c r="M1324" s="1106"/>
      <c r="N1324" s="1106"/>
      <c r="O1324" s="1106"/>
      <c r="U1324" s="1106"/>
      <c r="AB1324" s="1106"/>
      <c r="AC1324" s="1106"/>
      <c r="AD1324" s="1106"/>
      <c r="AE1324" s="1106"/>
      <c r="AF1324" s="1106"/>
      <c r="AG1324" s="1106"/>
      <c r="AH1324" s="1106"/>
      <c r="AL1324" s="1106"/>
      <c r="AT1324" s="1106"/>
      <c r="AU1324" s="1106"/>
      <c r="AV1324" s="1106"/>
      <c r="AW1324" s="1106"/>
      <c r="AX1324" s="1106"/>
      <c r="AY1324" s="1106"/>
      <c r="AZ1324" s="1106"/>
      <c r="BA1324" s="1106"/>
      <c r="BB1324" s="1106"/>
      <c r="BC1324" s="1106"/>
      <c r="BD1324" s="1106"/>
      <c r="BE1324" s="1106"/>
      <c r="BF1324" s="1106"/>
      <c r="BG1324" s="1106"/>
      <c r="BH1324" s="1106"/>
      <c r="BI1324" s="1106"/>
      <c r="BJ1324" s="1106"/>
      <c r="BK1324" s="1106"/>
      <c r="BL1324" s="1106"/>
      <c r="BM1324" s="1106"/>
      <c r="BN1324" s="1106"/>
      <c r="BO1324" s="1106"/>
      <c r="BP1324" s="1106"/>
      <c r="BQ1324" s="1106"/>
      <c r="BR1324" s="1106"/>
      <c r="BS1324" s="1106"/>
      <c r="BT1324" s="1106"/>
      <c r="BU1324" s="1106"/>
      <c r="BV1324" s="1106"/>
      <c r="BW1324" s="1106"/>
      <c r="BX1324" s="1106"/>
      <c r="BY1324" s="1106"/>
      <c r="BZ1324" s="1106"/>
      <c r="CA1324" s="1106"/>
    </row>
    <row r="1325" spans="3:79" ht="9" customHeight="1" x14ac:dyDescent="0.2">
      <c r="C1325" s="1106"/>
      <c r="D1325" s="1106"/>
      <c r="E1325" s="1106"/>
      <c r="F1325" s="1106"/>
      <c r="G1325" s="1106"/>
      <c r="H1325" s="1106"/>
      <c r="I1325" s="1106"/>
      <c r="J1325" s="1106"/>
      <c r="K1325" s="1106"/>
      <c r="L1325" s="1106"/>
      <c r="M1325" s="1106"/>
      <c r="N1325" s="1106"/>
      <c r="O1325" s="1106"/>
      <c r="U1325" s="1106"/>
      <c r="AB1325" s="1106"/>
      <c r="AC1325" s="1106"/>
      <c r="AD1325" s="1106"/>
      <c r="AE1325" s="1106"/>
      <c r="AF1325" s="1106"/>
      <c r="AG1325" s="1106"/>
      <c r="AH1325" s="1106"/>
      <c r="AL1325" s="1106"/>
      <c r="AO1325" s="1106"/>
      <c r="AP1325" s="1106"/>
      <c r="AT1325" s="1106"/>
      <c r="AU1325" s="1106"/>
      <c r="AV1325" s="1106"/>
      <c r="AW1325" s="1106"/>
      <c r="AX1325" s="1106"/>
      <c r="AY1325" s="1106"/>
      <c r="AZ1325" s="1106"/>
      <c r="BA1325" s="1106"/>
      <c r="BB1325" s="1106"/>
      <c r="BC1325" s="1106"/>
      <c r="BD1325" s="1106"/>
      <c r="BE1325" s="1106"/>
      <c r="BF1325" s="1106"/>
      <c r="BG1325" s="1106"/>
      <c r="BH1325" s="1106"/>
      <c r="BI1325" s="1106"/>
      <c r="BJ1325" s="1106"/>
      <c r="BK1325" s="1106"/>
      <c r="BL1325" s="1106"/>
      <c r="BM1325" s="1106"/>
      <c r="BN1325" s="1106"/>
      <c r="BO1325" s="1106"/>
      <c r="BP1325" s="1106"/>
      <c r="BQ1325" s="1106"/>
      <c r="BR1325" s="1106"/>
      <c r="BS1325" s="1106"/>
      <c r="BT1325" s="1106"/>
      <c r="BU1325" s="1106"/>
      <c r="BV1325" s="1106"/>
      <c r="BW1325" s="1106"/>
      <c r="BX1325" s="1106"/>
      <c r="BY1325" s="1106"/>
      <c r="BZ1325" s="1106"/>
      <c r="CA1325" s="1106"/>
    </row>
    <row r="1326" spans="3:79" ht="9" customHeight="1" x14ac:dyDescent="0.2">
      <c r="C1326" s="1106"/>
      <c r="D1326" s="1106"/>
      <c r="E1326" s="1106"/>
      <c r="F1326" s="1106"/>
      <c r="G1326" s="1106"/>
      <c r="H1326" s="1106"/>
      <c r="I1326" s="1106"/>
      <c r="J1326" s="1106"/>
      <c r="K1326" s="1106"/>
      <c r="L1326" s="1106"/>
      <c r="M1326" s="1106"/>
      <c r="N1326" s="1106"/>
      <c r="O1326" s="1106"/>
      <c r="U1326" s="1106"/>
      <c r="AB1326" s="1106"/>
      <c r="AC1326" s="1106"/>
      <c r="AD1326" s="1106"/>
      <c r="AE1326" s="1106"/>
      <c r="AF1326" s="1106"/>
      <c r="AG1326" s="1106"/>
      <c r="AH1326" s="1106"/>
      <c r="AL1326" s="1106"/>
      <c r="AT1326" s="1106"/>
      <c r="AU1326" s="1106"/>
      <c r="AV1326" s="1106"/>
      <c r="AW1326" s="1106"/>
      <c r="AX1326" s="1106"/>
      <c r="AY1326" s="1106"/>
      <c r="AZ1326" s="1106"/>
      <c r="BA1326" s="1106"/>
      <c r="BB1326" s="1106"/>
      <c r="BC1326" s="1106"/>
      <c r="BD1326" s="1106"/>
      <c r="BE1326" s="1106"/>
      <c r="BF1326" s="1106"/>
      <c r="BG1326" s="1106"/>
      <c r="BH1326" s="1106"/>
      <c r="BI1326" s="1106"/>
      <c r="BJ1326" s="1106"/>
      <c r="BK1326" s="1106"/>
      <c r="BL1326" s="1106"/>
      <c r="BM1326" s="1106"/>
      <c r="BN1326" s="1106"/>
      <c r="BO1326" s="1106"/>
      <c r="BP1326" s="1106"/>
      <c r="BQ1326" s="1106"/>
      <c r="BR1326" s="1106"/>
      <c r="BS1326" s="1106"/>
      <c r="BT1326" s="1106"/>
      <c r="BU1326" s="1106"/>
      <c r="BV1326" s="1106"/>
      <c r="BW1326" s="1106"/>
      <c r="BX1326" s="1106"/>
      <c r="BY1326" s="1106"/>
      <c r="BZ1326" s="1106"/>
      <c r="CA1326" s="1106"/>
    </row>
    <row r="1327" spans="3:79" ht="9" customHeight="1" x14ac:dyDescent="0.2">
      <c r="C1327" s="1106"/>
      <c r="D1327" s="1106"/>
      <c r="E1327" s="1106"/>
      <c r="F1327" s="1106"/>
      <c r="G1327" s="1106"/>
      <c r="H1327" s="1106"/>
      <c r="I1327" s="1106"/>
      <c r="J1327" s="1106"/>
      <c r="K1327" s="1106"/>
      <c r="L1327" s="1106"/>
      <c r="M1327" s="1106"/>
      <c r="N1327" s="1106"/>
      <c r="O1327" s="1106"/>
      <c r="AB1327" s="1106"/>
      <c r="AC1327" s="1106"/>
      <c r="AD1327" s="1106"/>
      <c r="AE1327" s="1106"/>
      <c r="AF1327" s="1106"/>
      <c r="AG1327" s="1106"/>
      <c r="AH1327" s="1106"/>
      <c r="AL1327" s="1106"/>
      <c r="AZ1327" s="1106"/>
      <c r="BA1327" s="1106"/>
      <c r="BB1327" s="1106"/>
      <c r="BC1327" s="1106"/>
      <c r="BD1327" s="1106"/>
      <c r="BE1327" s="1106"/>
      <c r="BF1327" s="1106"/>
      <c r="BG1327" s="1106"/>
      <c r="BH1327" s="1106"/>
      <c r="BI1327" s="1106"/>
      <c r="BJ1327" s="1106"/>
      <c r="BK1327" s="1106"/>
      <c r="BL1327" s="1106"/>
      <c r="BM1327" s="1106"/>
      <c r="BN1327" s="1106"/>
      <c r="BO1327" s="1106"/>
      <c r="BP1327" s="1106"/>
      <c r="BQ1327" s="1106"/>
      <c r="BR1327" s="1106"/>
      <c r="BS1327" s="1106"/>
      <c r="BT1327" s="1106"/>
      <c r="BU1327" s="1106"/>
      <c r="BV1327" s="1106"/>
      <c r="BW1327" s="1106"/>
      <c r="BX1327" s="1106"/>
      <c r="BY1327" s="1106"/>
      <c r="BZ1327" s="1106"/>
      <c r="CA1327" s="1106"/>
    </row>
    <row r="1328" spans="3:79" ht="9" customHeight="1" x14ac:dyDescent="0.2">
      <c r="C1328" s="1106"/>
      <c r="D1328" s="1106"/>
      <c r="E1328" s="1106"/>
      <c r="F1328" s="1106"/>
      <c r="G1328" s="1106"/>
      <c r="H1328" s="1106"/>
      <c r="I1328" s="1106"/>
      <c r="J1328" s="1106"/>
      <c r="K1328" s="1106"/>
      <c r="L1328" s="1106"/>
      <c r="M1328" s="1106"/>
      <c r="N1328" s="1106"/>
      <c r="O1328" s="1106"/>
      <c r="AB1328" s="1106"/>
      <c r="AC1328" s="1106"/>
      <c r="AD1328" s="1106"/>
      <c r="AE1328" s="1106"/>
      <c r="AF1328" s="1106"/>
      <c r="AG1328" s="1106"/>
      <c r="AH1328" s="1106"/>
      <c r="AL1328" s="1106"/>
      <c r="AZ1328" s="1106"/>
      <c r="BA1328" s="1106"/>
      <c r="BB1328" s="1106"/>
      <c r="BC1328" s="1106"/>
      <c r="BD1328" s="1106"/>
      <c r="BE1328" s="1106"/>
      <c r="BF1328" s="1106"/>
      <c r="BG1328" s="1106"/>
      <c r="BH1328" s="1106"/>
      <c r="BI1328" s="1106"/>
      <c r="BJ1328" s="1106"/>
      <c r="BK1328" s="1106"/>
      <c r="BL1328" s="1106"/>
      <c r="BM1328" s="1106"/>
      <c r="BN1328" s="1106"/>
      <c r="BO1328" s="1106"/>
      <c r="BP1328" s="1106"/>
      <c r="BQ1328" s="1106"/>
      <c r="BR1328" s="1106"/>
      <c r="BS1328" s="1106"/>
      <c r="BT1328" s="1106"/>
      <c r="BU1328" s="1106"/>
      <c r="BV1328" s="1106"/>
      <c r="BW1328" s="1106"/>
      <c r="BX1328" s="1106"/>
      <c r="BY1328" s="1106"/>
      <c r="BZ1328" s="1106"/>
      <c r="CA1328" s="1106"/>
    </row>
    <row r="1329" spans="3:79" ht="9" customHeight="1" x14ac:dyDescent="0.2">
      <c r="C1329" s="1106"/>
      <c r="D1329" s="1106"/>
      <c r="E1329" s="1106"/>
      <c r="F1329" s="1106"/>
      <c r="G1329" s="1106"/>
      <c r="H1329" s="1106"/>
      <c r="I1329" s="1106"/>
      <c r="J1329" s="1106"/>
      <c r="K1329" s="1106"/>
      <c r="L1329" s="1106"/>
      <c r="M1329" s="1106"/>
      <c r="N1329" s="1106"/>
      <c r="O1329" s="1106"/>
      <c r="AB1329" s="1106"/>
      <c r="AC1329" s="1106"/>
      <c r="AD1329" s="1106"/>
      <c r="AE1329" s="1106"/>
      <c r="AF1329" s="1106"/>
      <c r="AG1329" s="1106"/>
      <c r="AH1329" s="1106"/>
      <c r="AL1329" s="1106"/>
      <c r="AZ1329" s="1106"/>
      <c r="BA1329" s="1106"/>
      <c r="BB1329" s="1106"/>
      <c r="BC1329" s="1106"/>
      <c r="BD1329" s="1106"/>
      <c r="BE1329" s="1106"/>
      <c r="BF1329" s="1106"/>
      <c r="BG1329" s="1106"/>
      <c r="BH1329" s="1106"/>
      <c r="BI1329" s="1106"/>
      <c r="BJ1329" s="1106"/>
      <c r="BK1329" s="1106"/>
      <c r="BL1329" s="1106"/>
      <c r="BM1329" s="1106"/>
      <c r="BN1329" s="1106"/>
      <c r="BO1329" s="1106"/>
      <c r="BP1329" s="1106"/>
      <c r="BQ1329" s="1106"/>
      <c r="BR1329" s="1106"/>
      <c r="BS1329" s="1106"/>
      <c r="BT1329" s="1106"/>
      <c r="BU1329" s="1106"/>
      <c r="BV1329" s="1106"/>
      <c r="BW1329" s="1106"/>
      <c r="BX1329" s="1106"/>
      <c r="BY1329" s="1106"/>
      <c r="BZ1329" s="1106"/>
      <c r="CA1329" s="1106"/>
    </row>
    <row r="1330" spans="3:79" ht="9" customHeight="1" x14ac:dyDescent="0.2">
      <c r="C1330" s="1106"/>
      <c r="D1330" s="1106"/>
      <c r="E1330" s="1106"/>
      <c r="F1330" s="1106"/>
      <c r="G1330" s="1106"/>
      <c r="H1330" s="1106"/>
      <c r="I1330" s="1106"/>
      <c r="J1330" s="1106"/>
      <c r="K1330" s="1106"/>
      <c r="L1330" s="1106"/>
      <c r="M1330" s="1106"/>
      <c r="N1330" s="1106"/>
      <c r="O1330" s="1106"/>
      <c r="U1330" s="1106"/>
      <c r="AB1330" s="1106"/>
      <c r="AC1330" s="1106"/>
      <c r="AD1330" s="1106"/>
      <c r="AE1330" s="1106"/>
      <c r="AF1330" s="1106"/>
      <c r="AG1330" s="1106"/>
      <c r="AH1330" s="1106"/>
      <c r="AL1330" s="1106"/>
      <c r="AT1330" s="1106"/>
      <c r="AU1330" s="1106"/>
      <c r="AV1330" s="1106"/>
      <c r="AW1330" s="1106"/>
      <c r="AX1330" s="1106"/>
      <c r="AY1330" s="1106"/>
      <c r="AZ1330" s="1106"/>
      <c r="BA1330" s="1106"/>
      <c r="BB1330" s="1106"/>
      <c r="BC1330" s="1106"/>
      <c r="BD1330" s="1106"/>
      <c r="BE1330" s="1106"/>
      <c r="BF1330" s="1106"/>
      <c r="BG1330" s="1106"/>
      <c r="BH1330" s="1106"/>
      <c r="BI1330" s="1106"/>
      <c r="BJ1330" s="1106"/>
      <c r="BK1330" s="1106"/>
      <c r="BL1330" s="1106"/>
      <c r="BM1330" s="1106"/>
      <c r="BN1330" s="1106"/>
      <c r="BO1330" s="1106"/>
      <c r="BP1330" s="1106"/>
      <c r="BQ1330" s="1106"/>
      <c r="BR1330" s="1106"/>
      <c r="BS1330" s="1106"/>
      <c r="BT1330" s="1106"/>
      <c r="BU1330" s="1106"/>
      <c r="BV1330" s="1106"/>
      <c r="BW1330" s="1106"/>
      <c r="BX1330" s="1106"/>
      <c r="BY1330" s="1106"/>
      <c r="BZ1330" s="1106"/>
      <c r="CA1330" s="1106"/>
    </row>
    <row r="1331" spans="3:79" ht="9" customHeight="1" x14ac:dyDescent="0.2">
      <c r="C1331" s="1106"/>
      <c r="D1331" s="1106"/>
      <c r="E1331" s="1106"/>
      <c r="F1331" s="1106"/>
      <c r="G1331" s="1106"/>
      <c r="H1331" s="1106"/>
      <c r="I1331" s="1106"/>
      <c r="J1331" s="1106"/>
      <c r="K1331" s="1106"/>
      <c r="L1331" s="1106"/>
      <c r="M1331" s="1106"/>
      <c r="N1331" s="1106"/>
      <c r="O1331" s="1106"/>
      <c r="U1331" s="1106"/>
      <c r="AB1331" s="1106"/>
      <c r="AC1331" s="1106"/>
      <c r="AD1331" s="1106"/>
      <c r="AE1331" s="1106"/>
      <c r="AF1331" s="1106"/>
      <c r="AG1331" s="1106"/>
      <c r="AH1331" s="1106"/>
      <c r="AL1331" s="1106"/>
      <c r="AO1331" s="1106"/>
      <c r="AP1331" s="1106"/>
      <c r="AT1331" s="1106"/>
      <c r="AU1331" s="1106"/>
      <c r="AV1331" s="1106"/>
      <c r="AW1331" s="1106"/>
      <c r="AX1331" s="1106"/>
      <c r="AY1331" s="1106"/>
      <c r="AZ1331" s="1106"/>
      <c r="BA1331" s="1106"/>
      <c r="BB1331" s="1106"/>
      <c r="BC1331" s="1106"/>
      <c r="BD1331" s="1106"/>
      <c r="BE1331" s="1106"/>
      <c r="BF1331" s="1106"/>
      <c r="BG1331" s="1106"/>
      <c r="BH1331" s="1106"/>
      <c r="BI1331" s="1106"/>
      <c r="BJ1331" s="1106"/>
      <c r="BK1331" s="1106"/>
      <c r="BL1331" s="1106"/>
      <c r="BM1331" s="1106"/>
      <c r="BN1331" s="1106"/>
      <c r="BO1331" s="1106"/>
      <c r="BP1331" s="1106"/>
      <c r="BQ1331" s="1106"/>
      <c r="BR1331" s="1106"/>
      <c r="BS1331" s="1106"/>
      <c r="BT1331" s="1106"/>
      <c r="BU1331" s="1106"/>
      <c r="BV1331" s="1106"/>
      <c r="BW1331" s="1106"/>
      <c r="BX1331" s="1106"/>
      <c r="BY1331" s="1106"/>
      <c r="BZ1331" s="1106"/>
      <c r="CA1331" s="1106"/>
    </row>
    <row r="1332" spans="3:79" ht="9" customHeight="1" x14ac:dyDescent="0.2">
      <c r="C1332" s="1106"/>
      <c r="D1332" s="1106"/>
      <c r="E1332" s="1106"/>
      <c r="F1332" s="1106"/>
      <c r="G1332" s="1106"/>
      <c r="H1332" s="1106"/>
      <c r="I1332" s="1106"/>
      <c r="J1332" s="1106"/>
      <c r="K1332" s="1106"/>
      <c r="L1332" s="1106"/>
      <c r="M1332" s="1106"/>
      <c r="N1332" s="1106"/>
      <c r="O1332" s="1106"/>
      <c r="U1332" s="1106"/>
      <c r="AB1332" s="1106"/>
      <c r="AC1332" s="1106"/>
      <c r="AD1332" s="1106"/>
      <c r="AE1332" s="1106"/>
      <c r="AF1332" s="1106"/>
      <c r="AG1332" s="1106"/>
      <c r="AH1332" s="1106"/>
      <c r="AL1332" s="1106"/>
      <c r="AT1332" s="1106"/>
      <c r="AU1332" s="1106"/>
      <c r="AV1332" s="1106"/>
      <c r="AW1332" s="1106"/>
      <c r="AX1332" s="1106"/>
      <c r="AY1332" s="1106"/>
      <c r="AZ1332" s="1106"/>
      <c r="BA1332" s="1106"/>
      <c r="BB1332" s="1106"/>
      <c r="BC1332" s="1106"/>
      <c r="BD1332" s="1106"/>
      <c r="BE1332" s="1106"/>
      <c r="BF1332" s="1106"/>
      <c r="BG1332" s="1106"/>
      <c r="BH1332" s="1106"/>
      <c r="BI1332" s="1106"/>
      <c r="BJ1332" s="1106"/>
      <c r="BK1332" s="1106"/>
      <c r="BL1332" s="1106"/>
      <c r="BM1332" s="1106"/>
      <c r="BN1332" s="1106"/>
      <c r="BO1332" s="1106"/>
      <c r="BP1332" s="1106"/>
      <c r="BQ1332" s="1106"/>
      <c r="BR1332" s="1106"/>
      <c r="BS1332" s="1106"/>
      <c r="BT1332" s="1106"/>
      <c r="BU1332" s="1106"/>
      <c r="BV1332" s="1106"/>
      <c r="BW1332" s="1106"/>
      <c r="BX1332" s="1106"/>
      <c r="BY1332" s="1106"/>
      <c r="BZ1332" s="1106"/>
      <c r="CA1332" s="1106"/>
    </row>
    <row r="1333" spans="3:79" ht="9" customHeight="1" x14ac:dyDescent="0.2">
      <c r="C1333" s="1106"/>
      <c r="D1333" s="1106"/>
      <c r="E1333" s="1106"/>
      <c r="F1333" s="1106"/>
      <c r="G1333" s="1106"/>
      <c r="H1333" s="1106"/>
      <c r="I1333" s="1106"/>
      <c r="J1333" s="1106"/>
      <c r="K1333" s="1106"/>
      <c r="L1333" s="1106"/>
      <c r="M1333" s="1106"/>
      <c r="N1333" s="1106"/>
      <c r="O1333" s="1106"/>
      <c r="AB1333" s="1106"/>
      <c r="AC1333" s="1106"/>
      <c r="AD1333" s="1106"/>
      <c r="AE1333" s="1106"/>
      <c r="AF1333" s="1106"/>
      <c r="AG1333" s="1106"/>
      <c r="AH1333" s="1106"/>
      <c r="AL1333" s="1106"/>
      <c r="AZ1333" s="1106"/>
      <c r="BA1333" s="1106"/>
      <c r="BB1333" s="1106"/>
      <c r="BC1333" s="1106"/>
      <c r="BD1333" s="1106"/>
      <c r="BE1333" s="1106"/>
      <c r="BF1333" s="1106"/>
      <c r="BG1333" s="1106"/>
      <c r="BH1333" s="1106"/>
      <c r="BI1333" s="1106"/>
      <c r="BJ1333" s="1106"/>
      <c r="BK1333" s="1106"/>
      <c r="BL1333" s="1106"/>
      <c r="BM1333" s="1106"/>
      <c r="BN1333" s="1106"/>
      <c r="BO1333" s="1106"/>
      <c r="BP1333" s="1106"/>
      <c r="BQ1333" s="1106"/>
      <c r="BR1333" s="1106"/>
      <c r="BS1333" s="1106"/>
      <c r="BT1333" s="1106"/>
      <c r="BU1333" s="1106"/>
      <c r="BV1333" s="1106"/>
      <c r="BW1333" s="1106"/>
      <c r="BX1333" s="1106"/>
      <c r="BY1333" s="1106"/>
      <c r="BZ1333" s="1106"/>
      <c r="CA1333" s="1106"/>
    </row>
    <row r="1334" spans="3:79" ht="9" customHeight="1" x14ac:dyDescent="0.2">
      <c r="C1334" s="1106"/>
      <c r="D1334" s="1106"/>
      <c r="E1334" s="1106"/>
      <c r="F1334" s="1106"/>
      <c r="G1334" s="1106"/>
      <c r="H1334" s="1106"/>
      <c r="I1334" s="1106"/>
      <c r="J1334" s="1106"/>
      <c r="K1334" s="1106"/>
      <c r="L1334" s="1106"/>
      <c r="M1334" s="1106"/>
      <c r="N1334" s="1106"/>
      <c r="O1334" s="1106"/>
      <c r="AB1334" s="1106"/>
      <c r="AC1334" s="1106"/>
      <c r="AD1334" s="1106"/>
      <c r="AE1334" s="1106"/>
      <c r="AF1334" s="1106"/>
      <c r="AG1334" s="1106"/>
      <c r="AH1334" s="1106"/>
      <c r="AL1334" s="1106"/>
      <c r="AZ1334" s="1106"/>
      <c r="BA1334" s="1106"/>
      <c r="BB1334" s="1106"/>
      <c r="BC1334" s="1106"/>
      <c r="BD1334" s="1106"/>
      <c r="BE1334" s="1106"/>
      <c r="BF1334" s="1106"/>
      <c r="BG1334" s="1106"/>
      <c r="BH1334" s="1106"/>
      <c r="BI1334" s="1106"/>
      <c r="BJ1334" s="1106"/>
      <c r="BK1334" s="1106"/>
      <c r="BL1334" s="1106"/>
      <c r="BM1334" s="1106"/>
      <c r="BN1334" s="1106"/>
      <c r="BO1334" s="1106"/>
      <c r="BP1334" s="1106"/>
      <c r="BQ1334" s="1106"/>
      <c r="BR1334" s="1106"/>
      <c r="BS1334" s="1106"/>
      <c r="BT1334" s="1106"/>
      <c r="BU1334" s="1106"/>
      <c r="BV1334" s="1106"/>
      <c r="BW1334" s="1106"/>
      <c r="BX1334" s="1106"/>
      <c r="BY1334" s="1106"/>
      <c r="BZ1334" s="1106"/>
      <c r="CA1334" s="1106"/>
    </row>
    <row r="1335" spans="3:79" ht="9" customHeight="1" x14ac:dyDescent="0.2">
      <c r="C1335" s="1106"/>
      <c r="D1335" s="1106"/>
      <c r="E1335" s="1106"/>
      <c r="F1335" s="1106"/>
      <c r="G1335" s="1106"/>
      <c r="H1335" s="1106"/>
      <c r="I1335" s="1106"/>
      <c r="J1335" s="1106"/>
      <c r="K1335" s="1106"/>
      <c r="L1335" s="1106"/>
      <c r="M1335" s="1106"/>
      <c r="N1335" s="1106"/>
      <c r="O1335" s="1106"/>
      <c r="AB1335" s="1106"/>
      <c r="AC1335" s="1106"/>
      <c r="AD1335" s="1106"/>
      <c r="AE1335" s="1106"/>
      <c r="AF1335" s="1106"/>
      <c r="AG1335" s="1106"/>
      <c r="AH1335" s="1106"/>
      <c r="AL1335" s="1106"/>
      <c r="AZ1335" s="1106"/>
      <c r="BA1335" s="1106"/>
      <c r="BB1335" s="1106"/>
      <c r="BC1335" s="1106"/>
      <c r="BD1335" s="1106"/>
      <c r="BE1335" s="1106"/>
      <c r="BF1335" s="1106"/>
      <c r="BG1335" s="1106"/>
      <c r="BH1335" s="1106"/>
      <c r="BI1335" s="1106"/>
      <c r="BJ1335" s="1106"/>
      <c r="BK1335" s="1106"/>
      <c r="BL1335" s="1106"/>
      <c r="BM1335" s="1106"/>
      <c r="BN1335" s="1106"/>
      <c r="BO1335" s="1106"/>
      <c r="BP1335" s="1106"/>
      <c r="BQ1335" s="1106"/>
      <c r="BR1335" s="1106"/>
      <c r="BS1335" s="1106"/>
      <c r="BT1335" s="1106"/>
      <c r="BU1335" s="1106"/>
      <c r="BV1335" s="1106"/>
      <c r="BW1335" s="1106"/>
      <c r="BX1335" s="1106"/>
      <c r="BY1335" s="1106"/>
      <c r="BZ1335" s="1106"/>
      <c r="CA1335" s="1106"/>
    </row>
    <row r="1336" spans="3:79" ht="9" customHeight="1" x14ac:dyDescent="0.2">
      <c r="C1336" s="1106"/>
      <c r="D1336" s="1106"/>
      <c r="E1336" s="1106"/>
      <c r="F1336" s="1106"/>
      <c r="G1336" s="1106"/>
      <c r="H1336" s="1106"/>
      <c r="I1336" s="1106"/>
      <c r="J1336" s="1106"/>
      <c r="K1336" s="1106"/>
      <c r="L1336" s="1106"/>
      <c r="M1336" s="1106"/>
      <c r="N1336" s="1106"/>
      <c r="O1336" s="1106"/>
      <c r="U1336" s="1106"/>
      <c r="AB1336" s="1106"/>
      <c r="AC1336" s="1106"/>
      <c r="AD1336" s="1106"/>
      <c r="AE1336" s="1106"/>
      <c r="AF1336" s="1106"/>
      <c r="AG1336" s="1106"/>
      <c r="AH1336" s="1106"/>
      <c r="AL1336" s="1106"/>
      <c r="AT1336" s="1106"/>
      <c r="AU1336" s="1106"/>
      <c r="AV1336" s="1106"/>
      <c r="AW1336" s="1106"/>
      <c r="AX1336" s="1106"/>
      <c r="AY1336" s="1106"/>
      <c r="AZ1336" s="1106"/>
      <c r="BA1336" s="1106"/>
      <c r="BB1336" s="1106"/>
      <c r="BC1336" s="1106"/>
      <c r="BD1336" s="1106"/>
      <c r="BE1336" s="1106"/>
      <c r="BF1336" s="1106"/>
      <c r="BG1336" s="1106"/>
      <c r="BH1336" s="1106"/>
      <c r="BI1336" s="1106"/>
      <c r="BJ1336" s="1106"/>
      <c r="BK1336" s="1106"/>
      <c r="BL1336" s="1106"/>
      <c r="BM1336" s="1106"/>
      <c r="BN1336" s="1106"/>
      <c r="BO1336" s="1106"/>
      <c r="BP1336" s="1106"/>
      <c r="BQ1336" s="1106"/>
      <c r="BR1336" s="1106"/>
      <c r="BS1336" s="1106"/>
      <c r="BT1336" s="1106"/>
      <c r="BU1336" s="1106"/>
      <c r="BV1336" s="1106"/>
      <c r="BW1336" s="1106"/>
      <c r="BX1336" s="1106"/>
      <c r="BY1336" s="1106"/>
      <c r="BZ1336" s="1106"/>
      <c r="CA1336" s="1106"/>
    </row>
    <row r="1337" spans="3:79" ht="9" customHeight="1" x14ac:dyDescent="0.2">
      <c r="C1337" s="1106"/>
      <c r="D1337" s="1106"/>
      <c r="E1337" s="1106"/>
      <c r="F1337" s="1106"/>
      <c r="G1337" s="1106"/>
      <c r="H1337" s="1106"/>
      <c r="I1337" s="1106"/>
      <c r="J1337" s="1106"/>
      <c r="K1337" s="1106"/>
      <c r="L1337" s="1106"/>
      <c r="M1337" s="1106"/>
      <c r="N1337" s="1106"/>
      <c r="O1337" s="1106"/>
      <c r="U1337" s="1106"/>
      <c r="AB1337" s="1106"/>
      <c r="AC1337" s="1106"/>
      <c r="AD1337" s="1106"/>
      <c r="AE1337" s="1106"/>
      <c r="AF1337" s="1106"/>
      <c r="AG1337" s="1106"/>
      <c r="AH1337" s="1106"/>
      <c r="AL1337" s="1106"/>
      <c r="AO1337" s="1106"/>
      <c r="AP1337" s="1106"/>
      <c r="AT1337" s="1106"/>
      <c r="AU1337" s="1106"/>
      <c r="AV1337" s="1106"/>
      <c r="AW1337" s="1106"/>
      <c r="AX1337" s="1106"/>
      <c r="AY1337" s="1106"/>
      <c r="AZ1337" s="1106"/>
      <c r="BA1337" s="1106"/>
      <c r="BB1337" s="1106"/>
      <c r="BC1337" s="1106"/>
      <c r="BD1337" s="1106"/>
      <c r="BE1337" s="1106"/>
      <c r="BF1337" s="1106"/>
      <c r="BG1337" s="1106"/>
      <c r="BH1337" s="1106"/>
      <c r="BI1337" s="1106"/>
      <c r="BJ1337" s="1106"/>
      <c r="BK1337" s="1106"/>
      <c r="BL1337" s="1106"/>
      <c r="BM1337" s="1106"/>
      <c r="BN1337" s="1106"/>
      <c r="BO1337" s="1106"/>
      <c r="BP1337" s="1106"/>
      <c r="BQ1337" s="1106"/>
      <c r="BR1337" s="1106"/>
      <c r="BS1337" s="1106"/>
      <c r="BT1337" s="1106"/>
      <c r="BU1337" s="1106"/>
      <c r="BV1337" s="1106"/>
      <c r="BW1337" s="1106"/>
      <c r="BX1337" s="1106"/>
      <c r="BY1337" s="1106"/>
      <c r="BZ1337" s="1106"/>
      <c r="CA1337" s="1106"/>
    </row>
    <row r="1338" spans="3:79" ht="9" customHeight="1" x14ac:dyDescent="0.2">
      <c r="C1338" s="1106"/>
      <c r="D1338" s="1106"/>
      <c r="E1338" s="1106"/>
      <c r="F1338" s="1106"/>
      <c r="G1338" s="1106"/>
      <c r="H1338" s="1106"/>
      <c r="I1338" s="1106"/>
      <c r="J1338" s="1106"/>
      <c r="K1338" s="1106"/>
      <c r="L1338" s="1106"/>
      <c r="M1338" s="1106"/>
      <c r="N1338" s="1106"/>
      <c r="O1338" s="1106"/>
      <c r="U1338" s="1106"/>
      <c r="AB1338" s="1106"/>
      <c r="AC1338" s="1106"/>
      <c r="AD1338" s="1106"/>
      <c r="AE1338" s="1106"/>
      <c r="AF1338" s="1106"/>
      <c r="AG1338" s="1106"/>
      <c r="AH1338" s="1106"/>
      <c r="AL1338" s="1106"/>
      <c r="AT1338" s="1106"/>
      <c r="AU1338" s="1106"/>
      <c r="AV1338" s="1106"/>
      <c r="AW1338" s="1106"/>
      <c r="AX1338" s="1106"/>
      <c r="AY1338" s="1106"/>
      <c r="AZ1338" s="1106"/>
      <c r="BA1338" s="1106"/>
      <c r="BB1338" s="1106"/>
      <c r="BC1338" s="1106"/>
      <c r="BD1338" s="1106"/>
      <c r="BE1338" s="1106"/>
      <c r="BF1338" s="1106"/>
      <c r="BG1338" s="1106"/>
      <c r="BH1338" s="1106"/>
      <c r="BI1338" s="1106"/>
      <c r="BJ1338" s="1106"/>
      <c r="BK1338" s="1106"/>
      <c r="BL1338" s="1106"/>
      <c r="BM1338" s="1106"/>
      <c r="BN1338" s="1106"/>
      <c r="BO1338" s="1106"/>
      <c r="BP1338" s="1106"/>
      <c r="BQ1338" s="1106"/>
      <c r="BR1338" s="1106"/>
      <c r="BS1338" s="1106"/>
      <c r="BT1338" s="1106"/>
      <c r="BU1338" s="1106"/>
      <c r="BV1338" s="1106"/>
      <c r="BW1338" s="1106"/>
      <c r="BX1338" s="1106"/>
      <c r="BY1338" s="1106"/>
      <c r="BZ1338" s="1106"/>
      <c r="CA1338" s="1106"/>
    </row>
    <row r="1339" spans="3:79" ht="9" customHeight="1" x14ac:dyDescent="0.2">
      <c r="C1339" s="1106"/>
      <c r="D1339" s="1106"/>
      <c r="E1339" s="1106"/>
      <c r="F1339" s="1106"/>
      <c r="G1339" s="1106"/>
      <c r="H1339" s="1106"/>
      <c r="I1339" s="1106"/>
      <c r="J1339" s="1106"/>
      <c r="K1339" s="1106"/>
      <c r="L1339" s="1106"/>
      <c r="M1339" s="1106"/>
      <c r="N1339" s="1106"/>
      <c r="O1339" s="1106"/>
      <c r="AB1339" s="1106"/>
      <c r="AC1339" s="1106"/>
      <c r="AD1339" s="1106"/>
      <c r="AE1339" s="1106"/>
      <c r="AF1339" s="1106"/>
      <c r="AG1339" s="1106"/>
      <c r="AH1339" s="1106"/>
      <c r="AL1339" s="1106"/>
      <c r="AZ1339" s="1106"/>
      <c r="BA1339" s="1106"/>
      <c r="BB1339" s="1106"/>
      <c r="BC1339" s="1106"/>
      <c r="BD1339" s="1106"/>
      <c r="BE1339" s="1106"/>
      <c r="BF1339" s="1106"/>
      <c r="BG1339" s="1106"/>
      <c r="BH1339" s="1106"/>
      <c r="BI1339" s="1106"/>
      <c r="BJ1339" s="1106"/>
      <c r="BK1339" s="1106"/>
      <c r="BL1339" s="1106"/>
      <c r="BM1339" s="1106"/>
      <c r="BN1339" s="1106"/>
      <c r="BO1339" s="1106"/>
      <c r="BP1339" s="1106"/>
      <c r="BQ1339" s="1106"/>
      <c r="BR1339" s="1106"/>
      <c r="BS1339" s="1106"/>
      <c r="BT1339" s="1106"/>
      <c r="BU1339" s="1106"/>
      <c r="BV1339" s="1106"/>
      <c r="BW1339" s="1106"/>
      <c r="BX1339" s="1106"/>
      <c r="BY1339" s="1106"/>
      <c r="BZ1339" s="1106"/>
      <c r="CA1339" s="1106"/>
    </row>
    <row r="1340" spans="3:79" ht="9" customHeight="1" x14ac:dyDescent="0.2">
      <c r="C1340" s="1106"/>
      <c r="D1340" s="1106"/>
      <c r="E1340" s="1106"/>
      <c r="F1340" s="1106"/>
      <c r="G1340" s="1106"/>
      <c r="H1340" s="1106"/>
      <c r="I1340" s="1106"/>
      <c r="J1340" s="1106"/>
      <c r="K1340" s="1106"/>
      <c r="L1340" s="1106"/>
      <c r="M1340" s="1106"/>
      <c r="N1340" s="1106"/>
      <c r="O1340" s="1106"/>
      <c r="AB1340" s="1106"/>
      <c r="AC1340" s="1106"/>
      <c r="AD1340" s="1106"/>
      <c r="AE1340" s="1106"/>
      <c r="AF1340" s="1106"/>
      <c r="AG1340" s="1106"/>
      <c r="AH1340" s="1106"/>
      <c r="AL1340" s="1106"/>
      <c r="AZ1340" s="1106"/>
      <c r="BA1340" s="1106"/>
      <c r="BB1340" s="1106"/>
      <c r="BC1340" s="1106"/>
      <c r="BD1340" s="1106"/>
      <c r="BE1340" s="1106"/>
      <c r="BF1340" s="1106"/>
      <c r="BG1340" s="1106"/>
      <c r="BH1340" s="1106"/>
      <c r="BI1340" s="1106"/>
      <c r="BJ1340" s="1106"/>
      <c r="BK1340" s="1106"/>
      <c r="BL1340" s="1106"/>
      <c r="BM1340" s="1106"/>
      <c r="BN1340" s="1106"/>
      <c r="BO1340" s="1106"/>
      <c r="BP1340" s="1106"/>
      <c r="BQ1340" s="1106"/>
      <c r="BR1340" s="1106"/>
      <c r="BS1340" s="1106"/>
      <c r="BT1340" s="1106"/>
      <c r="BU1340" s="1106"/>
      <c r="BV1340" s="1106"/>
      <c r="BW1340" s="1106"/>
      <c r="BX1340" s="1106"/>
      <c r="BY1340" s="1106"/>
      <c r="BZ1340" s="1106"/>
      <c r="CA1340" s="1106"/>
    </row>
    <row r="1341" spans="3:79" ht="9" customHeight="1" x14ac:dyDescent="0.2">
      <c r="C1341" s="1106"/>
      <c r="D1341" s="1106"/>
      <c r="E1341" s="1106"/>
      <c r="F1341" s="1106"/>
      <c r="G1341" s="1106"/>
      <c r="H1341" s="1106"/>
      <c r="I1341" s="1106"/>
      <c r="J1341" s="1106"/>
      <c r="K1341" s="1106"/>
      <c r="L1341" s="1106"/>
      <c r="M1341" s="1106"/>
      <c r="N1341" s="1106"/>
      <c r="O1341" s="1106"/>
      <c r="AB1341" s="1106"/>
      <c r="AC1341" s="1106"/>
      <c r="AD1341" s="1106"/>
      <c r="AE1341" s="1106"/>
      <c r="AF1341" s="1106"/>
      <c r="AG1341" s="1106"/>
      <c r="AH1341" s="1106"/>
      <c r="AL1341" s="1106"/>
      <c r="AZ1341" s="1106"/>
      <c r="BA1341" s="1106"/>
      <c r="BB1341" s="1106"/>
      <c r="BC1341" s="1106"/>
      <c r="BD1341" s="1106"/>
      <c r="BE1341" s="1106"/>
      <c r="BF1341" s="1106"/>
      <c r="BG1341" s="1106"/>
      <c r="BH1341" s="1106"/>
      <c r="BI1341" s="1106"/>
      <c r="BJ1341" s="1106"/>
      <c r="BK1341" s="1106"/>
      <c r="BL1341" s="1106"/>
      <c r="BM1341" s="1106"/>
      <c r="BN1341" s="1106"/>
      <c r="BO1341" s="1106"/>
      <c r="BP1341" s="1106"/>
      <c r="BQ1341" s="1106"/>
      <c r="BR1341" s="1106"/>
      <c r="BS1341" s="1106"/>
      <c r="BT1341" s="1106"/>
      <c r="BU1341" s="1106"/>
      <c r="BV1341" s="1106"/>
      <c r="BW1341" s="1106"/>
      <c r="BX1341" s="1106"/>
      <c r="BY1341" s="1106"/>
      <c r="BZ1341" s="1106"/>
      <c r="CA1341" s="1106"/>
    </row>
    <row r="1342" spans="3:79" ht="9" customHeight="1" x14ac:dyDescent="0.2">
      <c r="C1342" s="1106"/>
      <c r="D1342" s="1106"/>
      <c r="E1342" s="1106"/>
      <c r="F1342" s="1106"/>
      <c r="G1342" s="1106"/>
      <c r="H1342" s="1106"/>
      <c r="I1342" s="1106"/>
      <c r="J1342" s="1106"/>
      <c r="K1342" s="1106"/>
      <c r="L1342" s="1106"/>
      <c r="M1342" s="1106"/>
      <c r="N1342" s="1106"/>
      <c r="O1342" s="1106"/>
      <c r="U1342" s="1106"/>
      <c r="AB1342" s="1106"/>
      <c r="AC1342" s="1106"/>
      <c r="AD1342" s="1106"/>
      <c r="AE1342" s="1106"/>
      <c r="AF1342" s="1106"/>
      <c r="AG1342" s="1106"/>
      <c r="AH1342" s="1106"/>
      <c r="AL1342" s="1106"/>
      <c r="AT1342" s="1106"/>
      <c r="AU1342" s="1106"/>
      <c r="AV1342" s="1106"/>
      <c r="AW1342" s="1106"/>
      <c r="AX1342" s="1106"/>
      <c r="AY1342" s="1106"/>
      <c r="AZ1342" s="1106"/>
      <c r="BA1342" s="1106"/>
      <c r="BB1342" s="1106"/>
      <c r="BC1342" s="1106"/>
      <c r="BD1342" s="1106"/>
      <c r="BE1342" s="1106"/>
      <c r="BF1342" s="1106"/>
      <c r="BG1342" s="1106"/>
      <c r="BH1342" s="1106"/>
      <c r="BI1342" s="1106"/>
      <c r="BJ1342" s="1106"/>
      <c r="BK1342" s="1106"/>
      <c r="BL1342" s="1106"/>
      <c r="BM1342" s="1106"/>
      <c r="BN1342" s="1106"/>
      <c r="BO1342" s="1106"/>
      <c r="BP1342" s="1106"/>
      <c r="BQ1342" s="1106"/>
      <c r="BR1342" s="1106"/>
      <c r="BS1342" s="1106"/>
      <c r="BT1342" s="1106"/>
      <c r="BU1342" s="1106"/>
      <c r="BV1342" s="1106"/>
      <c r="BW1342" s="1106"/>
      <c r="BX1342" s="1106"/>
      <c r="BY1342" s="1106"/>
      <c r="BZ1342" s="1106"/>
      <c r="CA1342" s="1106"/>
    </row>
    <row r="1343" spans="3:79" ht="9" customHeight="1" x14ac:dyDescent="0.2">
      <c r="C1343" s="1106"/>
      <c r="D1343" s="1106"/>
      <c r="E1343" s="1106"/>
      <c r="F1343" s="1106"/>
      <c r="G1343" s="1106"/>
      <c r="H1343" s="1106"/>
      <c r="I1343" s="1106"/>
      <c r="J1343" s="1106"/>
      <c r="K1343" s="1106"/>
      <c r="L1343" s="1106"/>
      <c r="M1343" s="1106"/>
      <c r="N1343" s="1106"/>
      <c r="O1343" s="1106"/>
      <c r="U1343" s="1106"/>
      <c r="AB1343" s="1106"/>
      <c r="AC1343" s="1106"/>
      <c r="AD1343" s="1106"/>
      <c r="AE1343" s="1106"/>
      <c r="AF1343" s="1106"/>
      <c r="AG1343" s="1106"/>
      <c r="AH1343" s="1106"/>
      <c r="AL1343" s="1106"/>
      <c r="AO1343" s="1106"/>
      <c r="AP1343" s="1106"/>
      <c r="AT1343" s="1106"/>
      <c r="AU1343" s="1106"/>
      <c r="AV1343" s="1106"/>
      <c r="AW1343" s="1106"/>
      <c r="AX1343" s="1106"/>
      <c r="AY1343" s="1106"/>
      <c r="AZ1343" s="1106"/>
      <c r="BA1343" s="1106"/>
      <c r="BB1343" s="1106"/>
      <c r="BC1343" s="1106"/>
      <c r="BD1343" s="1106"/>
      <c r="BE1343" s="1106"/>
      <c r="BF1343" s="1106"/>
      <c r="BG1343" s="1106"/>
      <c r="BH1343" s="1106"/>
      <c r="BI1343" s="1106"/>
      <c r="BJ1343" s="1106"/>
      <c r="BK1343" s="1106"/>
      <c r="BL1343" s="1106"/>
      <c r="BM1343" s="1106"/>
      <c r="BN1343" s="1106"/>
      <c r="BO1343" s="1106"/>
      <c r="BP1343" s="1106"/>
      <c r="BQ1343" s="1106"/>
      <c r="BR1343" s="1106"/>
      <c r="BS1343" s="1106"/>
      <c r="BT1343" s="1106"/>
      <c r="BU1343" s="1106"/>
      <c r="BV1343" s="1106"/>
      <c r="BW1343" s="1106"/>
      <c r="BX1343" s="1106"/>
      <c r="BY1343" s="1106"/>
      <c r="BZ1343" s="1106"/>
      <c r="CA1343" s="1106"/>
    </row>
    <row r="1344" spans="3:79" ht="9" customHeight="1" x14ac:dyDescent="0.2">
      <c r="C1344" s="1106"/>
      <c r="D1344" s="1106"/>
      <c r="E1344" s="1106"/>
      <c r="F1344" s="1106"/>
      <c r="G1344" s="1106"/>
      <c r="H1344" s="1106"/>
      <c r="I1344" s="1106"/>
      <c r="J1344" s="1106"/>
      <c r="K1344" s="1106"/>
      <c r="L1344" s="1106"/>
      <c r="M1344" s="1106"/>
      <c r="N1344" s="1106"/>
      <c r="O1344" s="1106"/>
      <c r="U1344" s="1106"/>
      <c r="AB1344" s="1106"/>
      <c r="AC1344" s="1106"/>
      <c r="AD1344" s="1106"/>
      <c r="AE1344" s="1106"/>
      <c r="AF1344" s="1106"/>
      <c r="AG1344" s="1106"/>
      <c r="AH1344" s="1106"/>
      <c r="AL1344" s="1106"/>
      <c r="AT1344" s="1106"/>
      <c r="AU1344" s="1106"/>
      <c r="AV1344" s="1106"/>
      <c r="AW1344" s="1106"/>
      <c r="AX1344" s="1106"/>
      <c r="AY1344" s="1106"/>
      <c r="AZ1344" s="1106"/>
      <c r="BA1344" s="1106"/>
      <c r="BB1344" s="1106"/>
      <c r="BC1344" s="1106"/>
      <c r="BD1344" s="1106"/>
      <c r="BE1344" s="1106"/>
      <c r="BF1344" s="1106"/>
      <c r="BG1344" s="1106"/>
      <c r="BH1344" s="1106"/>
      <c r="BI1344" s="1106"/>
      <c r="BJ1344" s="1106"/>
      <c r="BK1344" s="1106"/>
      <c r="BL1344" s="1106"/>
      <c r="BM1344" s="1106"/>
      <c r="BN1344" s="1106"/>
      <c r="BO1344" s="1106"/>
      <c r="BP1344" s="1106"/>
      <c r="BQ1344" s="1106"/>
      <c r="BR1344" s="1106"/>
      <c r="BS1344" s="1106"/>
      <c r="BT1344" s="1106"/>
      <c r="BU1344" s="1106"/>
      <c r="BV1344" s="1106"/>
      <c r="BW1344" s="1106"/>
      <c r="BX1344" s="1106"/>
      <c r="BY1344" s="1106"/>
      <c r="BZ1344" s="1106"/>
      <c r="CA1344" s="1106"/>
    </row>
    <row r="1345" spans="3:79" ht="9" customHeight="1" x14ac:dyDescent="0.2">
      <c r="C1345" s="1106"/>
      <c r="D1345" s="1106"/>
      <c r="E1345" s="1106"/>
      <c r="F1345" s="1106"/>
      <c r="G1345" s="1106"/>
      <c r="H1345" s="1106"/>
      <c r="I1345" s="1106"/>
      <c r="J1345" s="1106"/>
      <c r="K1345" s="1106"/>
      <c r="L1345" s="1106"/>
      <c r="M1345" s="1106"/>
      <c r="N1345" s="1106"/>
      <c r="O1345" s="1106"/>
      <c r="AB1345" s="1106"/>
      <c r="AC1345" s="1106"/>
      <c r="AD1345" s="1106"/>
      <c r="AE1345" s="1106"/>
      <c r="AF1345" s="1106"/>
      <c r="AG1345" s="1106"/>
      <c r="AH1345" s="1106"/>
      <c r="AL1345" s="1106"/>
      <c r="AZ1345" s="1106"/>
      <c r="BA1345" s="1106"/>
      <c r="BB1345" s="1106"/>
      <c r="BC1345" s="1106"/>
      <c r="BD1345" s="1106"/>
      <c r="BE1345" s="1106"/>
      <c r="BF1345" s="1106"/>
      <c r="BG1345" s="1106"/>
      <c r="BH1345" s="1106"/>
      <c r="BI1345" s="1106"/>
      <c r="BJ1345" s="1106"/>
      <c r="BK1345" s="1106"/>
      <c r="BL1345" s="1106"/>
      <c r="BM1345" s="1106"/>
      <c r="BN1345" s="1106"/>
      <c r="BO1345" s="1106"/>
      <c r="BP1345" s="1106"/>
      <c r="BQ1345" s="1106"/>
      <c r="BR1345" s="1106"/>
      <c r="BS1345" s="1106"/>
      <c r="BT1345" s="1106"/>
      <c r="BU1345" s="1106"/>
      <c r="BV1345" s="1106"/>
      <c r="BW1345" s="1106"/>
      <c r="BX1345" s="1106"/>
      <c r="BY1345" s="1106"/>
      <c r="BZ1345" s="1106"/>
      <c r="CA1345" s="1106"/>
    </row>
    <row r="1346" spans="3:79" ht="9" customHeight="1" x14ac:dyDescent="0.2">
      <c r="C1346" s="1106"/>
      <c r="D1346" s="1106"/>
      <c r="E1346" s="1106"/>
      <c r="F1346" s="1106"/>
      <c r="G1346" s="1106"/>
      <c r="H1346" s="1106"/>
      <c r="I1346" s="1106"/>
      <c r="J1346" s="1106"/>
      <c r="K1346" s="1106"/>
      <c r="L1346" s="1106"/>
      <c r="M1346" s="1106"/>
      <c r="N1346" s="1106"/>
      <c r="O1346" s="1106"/>
      <c r="AB1346" s="1106"/>
      <c r="AC1346" s="1106"/>
      <c r="AD1346" s="1106"/>
      <c r="AE1346" s="1106"/>
      <c r="AF1346" s="1106"/>
      <c r="AG1346" s="1106"/>
      <c r="AH1346" s="1106"/>
      <c r="AL1346" s="1106"/>
      <c r="AZ1346" s="1106"/>
      <c r="BA1346" s="1106"/>
      <c r="BB1346" s="1106"/>
      <c r="BC1346" s="1106"/>
      <c r="BD1346" s="1106"/>
      <c r="BE1346" s="1106"/>
      <c r="BF1346" s="1106"/>
      <c r="BG1346" s="1106"/>
      <c r="BH1346" s="1106"/>
      <c r="BI1346" s="1106"/>
      <c r="BJ1346" s="1106"/>
      <c r="BK1346" s="1106"/>
      <c r="BL1346" s="1106"/>
      <c r="BM1346" s="1106"/>
      <c r="BN1346" s="1106"/>
      <c r="BO1346" s="1106"/>
      <c r="BP1346" s="1106"/>
      <c r="BQ1346" s="1106"/>
      <c r="BR1346" s="1106"/>
      <c r="BS1346" s="1106"/>
      <c r="BT1346" s="1106"/>
      <c r="BU1346" s="1106"/>
      <c r="BV1346" s="1106"/>
      <c r="BW1346" s="1106"/>
      <c r="BX1346" s="1106"/>
      <c r="BY1346" s="1106"/>
      <c r="BZ1346" s="1106"/>
      <c r="CA1346" s="1106"/>
    </row>
    <row r="1347" spans="3:79" ht="9" customHeight="1" x14ac:dyDescent="0.2">
      <c r="C1347" s="1106"/>
      <c r="D1347" s="1106"/>
      <c r="E1347" s="1106"/>
      <c r="F1347" s="1106"/>
      <c r="G1347" s="1106"/>
      <c r="H1347" s="1106"/>
      <c r="I1347" s="1106"/>
      <c r="J1347" s="1106"/>
      <c r="K1347" s="1106"/>
      <c r="L1347" s="1106"/>
      <c r="M1347" s="1106"/>
      <c r="N1347" s="1106"/>
      <c r="O1347" s="1106"/>
      <c r="AB1347" s="1106"/>
      <c r="AC1347" s="1106"/>
      <c r="AD1347" s="1106"/>
      <c r="AE1347" s="1106"/>
      <c r="AF1347" s="1106"/>
      <c r="AG1347" s="1106"/>
      <c r="AH1347" s="1106"/>
      <c r="AL1347" s="1106"/>
      <c r="AZ1347" s="1106"/>
      <c r="BA1347" s="1106"/>
      <c r="BB1347" s="1106"/>
      <c r="BC1347" s="1106"/>
      <c r="BD1347" s="1106"/>
      <c r="BE1347" s="1106"/>
      <c r="BF1347" s="1106"/>
      <c r="BG1347" s="1106"/>
      <c r="BH1347" s="1106"/>
      <c r="BI1347" s="1106"/>
      <c r="BJ1347" s="1106"/>
      <c r="BK1347" s="1106"/>
      <c r="BL1347" s="1106"/>
      <c r="BM1347" s="1106"/>
      <c r="BN1347" s="1106"/>
      <c r="BO1347" s="1106"/>
      <c r="BP1347" s="1106"/>
      <c r="BQ1347" s="1106"/>
      <c r="BR1347" s="1106"/>
      <c r="BS1347" s="1106"/>
      <c r="BT1347" s="1106"/>
      <c r="BU1347" s="1106"/>
      <c r="BV1347" s="1106"/>
      <c r="BW1347" s="1106"/>
      <c r="BX1347" s="1106"/>
      <c r="BY1347" s="1106"/>
      <c r="BZ1347" s="1106"/>
      <c r="CA1347" s="1106"/>
    </row>
    <row r="1348" spans="3:79" ht="9" customHeight="1" x14ac:dyDescent="0.2">
      <c r="C1348" s="1106"/>
      <c r="D1348" s="1106"/>
      <c r="E1348" s="1106"/>
      <c r="F1348" s="1106"/>
      <c r="G1348" s="1106"/>
      <c r="H1348" s="1106"/>
      <c r="I1348" s="1106"/>
      <c r="J1348" s="1106"/>
      <c r="K1348" s="1106"/>
      <c r="L1348" s="1106"/>
      <c r="M1348" s="1106"/>
      <c r="N1348" s="1106"/>
      <c r="O1348" s="1106"/>
      <c r="U1348" s="1106"/>
      <c r="AB1348" s="1106"/>
      <c r="AC1348" s="1106"/>
      <c r="AD1348" s="1106"/>
      <c r="AE1348" s="1106"/>
      <c r="AF1348" s="1106"/>
      <c r="AG1348" s="1106"/>
      <c r="AH1348" s="1106"/>
      <c r="AL1348" s="1106"/>
      <c r="AT1348" s="1106"/>
      <c r="AU1348" s="1106"/>
      <c r="AV1348" s="1106"/>
      <c r="AW1348" s="1106"/>
      <c r="AX1348" s="1106"/>
      <c r="AY1348" s="1106"/>
      <c r="AZ1348" s="1106"/>
      <c r="BA1348" s="1106"/>
      <c r="BB1348" s="1106"/>
      <c r="BC1348" s="1106"/>
      <c r="BD1348" s="1106"/>
      <c r="BE1348" s="1106"/>
      <c r="BF1348" s="1106"/>
      <c r="BG1348" s="1106"/>
      <c r="BH1348" s="1106"/>
      <c r="BI1348" s="1106"/>
      <c r="BJ1348" s="1106"/>
      <c r="BK1348" s="1106"/>
      <c r="BL1348" s="1106"/>
      <c r="BM1348" s="1106"/>
      <c r="BN1348" s="1106"/>
      <c r="BO1348" s="1106"/>
      <c r="BP1348" s="1106"/>
      <c r="BQ1348" s="1106"/>
      <c r="BR1348" s="1106"/>
      <c r="BS1348" s="1106"/>
      <c r="BT1348" s="1106"/>
      <c r="BU1348" s="1106"/>
      <c r="BV1348" s="1106"/>
      <c r="BW1348" s="1106"/>
      <c r="BX1348" s="1106"/>
      <c r="BY1348" s="1106"/>
      <c r="BZ1348" s="1106"/>
      <c r="CA1348" s="1106"/>
    </row>
    <row r="1349" spans="3:79" ht="9" customHeight="1" x14ac:dyDescent="0.2">
      <c r="C1349" s="1106"/>
      <c r="D1349" s="1106"/>
      <c r="E1349" s="1106"/>
      <c r="F1349" s="1106"/>
      <c r="G1349" s="1106"/>
      <c r="H1349" s="1106"/>
      <c r="I1349" s="1106"/>
      <c r="J1349" s="1106"/>
      <c r="K1349" s="1106"/>
      <c r="L1349" s="1106"/>
      <c r="M1349" s="1106"/>
      <c r="N1349" s="1106"/>
      <c r="O1349" s="1106"/>
      <c r="U1349" s="1106"/>
      <c r="AB1349" s="1106"/>
      <c r="AC1349" s="1106"/>
      <c r="AD1349" s="1106"/>
      <c r="AE1349" s="1106"/>
      <c r="AF1349" s="1106"/>
      <c r="AG1349" s="1106"/>
      <c r="AH1349" s="1106"/>
      <c r="AL1349" s="1106"/>
      <c r="AO1349" s="1106"/>
      <c r="AP1349" s="1106"/>
      <c r="AT1349" s="1106"/>
      <c r="AU1349" s="1106"/>
      <c r="AV1349" s="1106"/>
      <c r="AW1349" s="1106"/>
      <c r="AX1349" s="1106"/>
      <c r="AY1349" s="1106"/>
      <c r="AZ1349" s="1106"/>
      <c r="BA1349" s="1106"/>
      <c r="BB1349" s="1106"/>
      <c r="BC1349" s="1106"/>
      <c r="BD1349" s="1106"/>
      <c r="BE1349" s="1106"/>
      <c r="BF1349" s="1106"/>
      <c r="BG1349" s="1106"/>
      <c r="BH1349" s="1106"/>
      <c r="BI1349" s="1106"/>
      <c r="BJ1349" s="1106"/>
      <c r="BK1349" s="1106"/>
      <c r="BL1349" s="1106"/>
      <c r="BM1349" s="1106"/>
      <c r="BN1349" s="1106"/>
      <c r="BO1349" s="1106"/>
      <c r="BP1349" s="1106"/>
      <c r="BQ1349" s="1106"/>
      <c r="BR1349" s="1106"/>
      <c r="BS1349" s="1106"/>
      <c r="BT1349" s="1106"/>
      <c r="BU1349" s="1106"/>
      <c r="BV1349" s="1106"/>
      <c r="BW1349" s="1106"/>
      <c r="BX1349" s="1106"/>
      <c r="BY1349" s="1106"/>
      <c r="BZ1349" s="1106"/>
      <c r="CA1349" s="1106"/>
    </row>
    <row r="1350" spans="3:79" ht="9" customHeight="1" x14ac:dyDescent="0.2">
      <c r="C1350" s="1106"/>
      <c r="D1350" s="1106"/>
      <c r="E1350" s="1106"/>
      <c r="F1350" s="1106"/>
      <c r="G1350" s="1106"/>
      <c r="H1350" s="1106"/>
      <c r="I1350" s="1106"/>
      <c r="J1350" s="1106"/>
      <c r="K1350" s="1106"/>
      <c r="L1350" s="1106"/>
      <c r="M1350" s="1106"/>
      <c r="N1350" s="1106"/>
      <c r="O1350" s="1106"/>
      <c r="U1350" s="1106"/>
      <c r="AB1350" s="1106"/>
      <c r="AC1350" s="1106"/>
      <c r="AD1350" s="1106"/>
      <c r="AE1350" s="1106"/>
      <c r="AF1350" s="1106"/>
      <c r="AG1350" s="1106"/>
      <c r="AH1350" s="1106"/>
      <c r="AL1350" s="1106"/>
      <c r="AT1350" s="1106"/>
      <c r="AU1350" s="1106"/>
      <c r="AV1350" s="1106"/>
      <c r="AW1350" s="1106"/>
      <c r="AX1350" s="1106"/>
      <c r="AY1350" s="1106"/>
      <c r="AZ1350" s="1106"/>
      <c r="BA1350" s="1106"/>
      <c r="BB1350" s="1106"/>
      <c r="BC1350" s="1106"/>
      <c r="BD1350" s="1106"/>
      <c r="BE1350" s="1106"/>
      <c r="BF1350" s="1106"/>
      <c r="BG1350" s="1106"/>
      <c r="BH1350" s="1106"/>
      <c r="BI1350" s="1106"/>
      <c r="BJ1350" s="1106"/>
      <c r="BK1350" s="1106"/>
      <c r="BL1350" s="1106"/>
      <c r="BM1350" s="1106"/>
      <c r="BN1350" s="1106"/>
      <c r="BO1350" s="1106"/>
      <c r="BP1350" s="1106"/>
      <c r="BQ1350" s="1106"/>
      <c r="BR1350" s="1106"/>
      <c r="BS1350" s="1106"/>
      <c r="BT1350" s="1106"/>
      <c r="BU1350" s="1106"/>
      <c r="BV1350" s="1106"/>
      <c r="BW1350" s="1106"/>
      <c r="BX1350" s="1106"/>
      <c r="BY1350" s="1106"/>
      <c r="BZ1350" s="1106"/>
      <c r="CA1350" s="1106"/>
    </row>
    <row r="1351" spans="3:79" ht="9" customHeight="1" x14ac:dyDescent="0.2">
      <c r="C1351" s="1106"/>
      <c r="D1351" s="1106"/>
      <c r="E1351" s="1106"/>
      <c r="F1351" s="1106"/>
      <c r="G1351" s="1106"/>
      <c r="H1351" s="1106"/>
      <c r="I1351" s="1106"/>
      <c r="J1351" s="1106"/>
      <c r="K1351" s="1106"/>
      <c r="L1351" s="1106"/>
      <c r="M1351" s="1106"/>
      <c r="N1351" s="1106"/>
      <c r="O1351" s="1106"/>
      <c r="AB1351" s="1106"/>
      <c r="AC1351" s="1106"/>
      <c r="AD1351" s="1106"/>
      <c r="AE1351" s="1106"/>
      <c r="AF1351" s="1106"/>
      <c r="AG1351" s="1106"/>
      <c r="AH1351" s="1106"/>
      <c r="AL1351" s="1106"/>
      <c r="AZ1351" s="1106"/>
      <c r="BA1351" s="1106"/>
      <c r="BB1351" s="1106"/>
      <c r="BC1351" s="1106"/>
      <c r="BD1351" s="1106"/>
      <c r="BE1351" s="1106"/>
      <c r="BF1351" s="1106"/>
      <c r="BG1351" s="1106"/>
      <c r="BH1351" s="1106"/>
      <c r="BI1351" s="1106"/>
      <c r="BJ1351" s="1106"/>
      <c r="BK1351" s="1106"/>
      <c r="BL1351" s="1106"/>
      <c r="BM1351" s="1106"/>
      <c r="BN1351" s="1106"/>
      <c r="BO1351" s="1106"/>
      <c r="BP1351" s="1106"/>
      <c r="BQ1351" s="1106"/>
      <c r="BR1351" s="1106"/>
      <c r="BS1351" s="1106"/>
      <c r="BT1351" s="1106"/>
      <c r="BU1351" s="1106"/>
      <c r="BV1351" s="1106"/>
      <c r="BW1351" s="1106"/>
      <c r="BX1351" s="1106"/>
      <c r="BY1351" s="1106"/>
      <c r="BZ1351" s="1106"/>
      <c r="CA1351" s="1106"/>
    </row>
    <row r="1352" spans="3:79" ht="9" customHeight="1" x14ac:dyDescent="0.2">
      <c r="C1352" s="1106"/>
      <c r="D1352" s="1106"/>
      <c r="E1352" s="1106"/>
      <c r="F1352" s="1106"/>
      <c r="G1352" s="1106"/>
      <c r="H1352" s="1106"/>
      <c r="I1352" s="1106"/>
      <c r="J1352" s="1106"/>
      <c r="K1352" s="1106"/>
      <c r="L1352" s="1106"/>
      <c r="M1352" s="1106"/>
      <c r="N1352" s="1106"/>
      <c r="O1352" s="1106"/>
      <c r="AB1352" s="1106"/>
      <c r="AC1352" s="1106"/>
      <c r="AD1352" s="1106"/>
      <c r="AE1352" s="1106"/>
      <c r="AF1352" s="1106"/>
      <c r="AG1352" s="1106"/>
      <c r="AH1352" s="1106"/>
      <c r="AL1352" s="1106"/>
      <c r="AZ1352" s="1106"/>
      <c r="BA1352" s="1106"/>
      <c r="BB1352" s="1106"/>
      <c r="BC1352" s="1106"/>
      <c r="BD1352" s="1106"/>
      <c r="BE1352" s="1106"/>
      <c r="BF1352" s="1106"/>
      <c r="BG1352" s="1106"/>
      <c r="BH1352" s="1106"/>
      <c r="BI1352" s="1106"/>
      <c r="BJ1352" s="1106"/>
      <c r="BK1352" s="1106"/>
      <c r="BL1352" s="1106"/>
      <c r="BM1352" s="1106"/>
      <c r="BN1352" s="1106"/>
      <c r="BO1352" s="1106"/>
      <c r="BP1352" s="1106"/>
      <c r="BQ1352" s="1106"/>
      <c r="BR1352" s="1106"/>
      <c r="BS1352" s="1106"/>
      <c r="BT1352" s="1106"/>
      <c r="BU1352" s="1106"/>
      <c r="BV1352" s="1106"/>
      <c r="BW1352" s="1106"/>
      <c r="BX1352" s="1106"/>
      <c r="BY1352" s="1106"/>
      <c r="BZ1352" s="1106"/>
      <c r="CA1352" s="1106"/>
    </row>
    <row r="1353" spans="3:79" ht="9" customHeight="1" x14ac:dyDescent="0.2">
      <c r="C1353" s="1106"/>
      <c r="D1353" s="1106"/>
      <c r="E1353" s="1106"/>
      <c r="F1353" s="1106"/>
      <c r="G1353" s="1106"/>
      <c r="H1353" s="1106"/>
      <c r="I1353" s="1106"/>
      <c r="J1353" s="1106"/>
      <c r="K1353" s="1106"/>
      <c r="L1353" s="1106"/>
      <c r="M1353" s="1106"/>
      <c r="N1353" s="1106"/>
      <c r="O1353" s="1106"/>
      <c r="AB1353" s="1106"/>
      <c r="AC1353" s="1106"/>
      <c r="AD1353" s="1106"/>
      <c r="AE1353" s="1106"/>
      <c r="AF1353" s="1106"/>
      <c r="AG1353" s="1106"/>
      <c r="AH1353" s="1106"/>
      <c r="AL1353" s="1106"/>
      <c r="AZ1353" s="1106"/>
      <c r="BA1353" s="1106"/>
      <c r="BB1353" s="1106"/>
      <c r="BC1353" s="1106"/>
      <c r="BD1353" s="1106"/>
      <c r="BE1353" s="1106"/>
      <c r="BF1353" s="1106"/>
      <c r="BG1353" s="1106"/>
      <c r="BH1353" s="1106"/>
      <c r="BI1353" s="1106"/>
      <c r="BJ1353" s="1106"/>
      <c r="BK1353" s="1106"/>
      <c r="BL1353" s="1106"/>
      <c r="BM1353" s="1106"/>
      <c r="BN1353" s="1106"/>
      <c r="BO1353" s="1106"/>
      <c r="BP1353" s="1106"/>
      <c r="BQ1353" s="1106"/>
      <c r="BR1353" s="1106"/>
      <c r="BS1353" s="1106"/>
      <c r="BT1353" s="1106"/>
      <c r="BU1353" s="1106"/>
      <c r="BV1353" s="1106"/>
      <c r="BW1353" s="1106"/>
      <c r="BX1353" s="1106"/>
      <c r="BY1353" s="1106"/>
      <c r="BZ1353" s="1106"/>
      <c r="CA1353" s="1106"/>
    </row>
    <row r="1354" spans="3:79" ht="9" customHeight="1" x14ac:dyDescent="0.2">
      <c r="C1354" s="1106"/>
      <c r="D1354" s="1106"/>
      <c r="E1354" s="1106"/>
      <c r="F1354" s="1106"/>
      <c r="G1354" s="1106"/>
      <c r="H1354" s="1106"/>
      <c r="I1354" s="1106"/>
      <c r="J1354" s="1106"/>
      <c r="K1354" s="1106"/>
      <c r="L1354" s="1106"/>
      <c r="M1354" s="1106"/>
      <c r="N1354" s="1106"/>
      <c r="O1354" s="1106"/>
      <c r="U1354" s="1106"/>
      <c r="AB1354" s="1106"/>
      <c r="AC1354" s="1106"/>
      <c r="AD1354" s="1106"/>
      <c r="AE1354" s="1106"/>
      <c r="AF1354" s="1106"/>
      <c r="AG1354" s="1106"/>
      <c r="AH1354" s="1106"/>
      <c r="AL1354" s="1106"/>
      <c r="AT1354" s="1106"/>
      <c r="AU1354" s="1106"/>
      <c r="AV1354" s="1106"/>
      <c r="AW1354" s="1106"/>
      <c r="AX1354" s="1106"/>
      <c r="AY1354" s="1106"/>
      <c r="AZ1354" s="1106"/>
      <c r="BA1354" s="1106"/>
      <c r="BB1354" s="1106"/>
      <c r="BC1354" s="1106"/>
      <c r="BD1354" s="1106"/>
      <c r="BE1354" s="1106"/>
      <c r="BF1354" s="1106"/>
      <c r="BG1354" s="1106"/>
      <c r="BH1354" s="1106"/>
      <c r="BI1354" s="1106"/>
      <c r="BJ1354" s="1106"/>
      <c r="BK1354" s="1106"/>
      <c r="BL1354" s="1106"/>
      <c r="BM1354" s="1106"/>
      <c r="BN1354" s="1106"/>
      <c r="BO1354" s="1106"/>
      <c r="BP1354" s="1106"/>
      <c r="BQ1354" s="1106"/>
      <c r="BR1354" s="1106"/>
      <c r="BS1354" s="1106"/>
      <c r="BT1354" s="1106"/>
      <c r="BU1354" s="1106"/>
      <c r="BV1354" s="1106"/>
      <c r="BW1354" s="1106"/>
      <c r="BX1354" s="1106"/>
      <c r="BY1354" s="1106"/>
      <c r="BZ1354" s="1106"/>
      <c r="CA1354" s="1106"/>
    </row>
    <row r="1355" spans="3:79" ht="9" customHeight="1" x14ac:dyDescent="0.2">
      <c r="C1355" s="1106"/>
      <c r="D1355" s="1106"/>
      <c r="E1355" s="1106"/>
      <c r="F1355" s="1106"/>
      <c r="G1355" s="1106"/>
      <c r="H1355" s="1106"/>
      <c r="I1355" s="1106"/>
      <c r="J1355" s="1106"/>
      <c r="K1355" s="1106"/>
      <c r="L1355" s="1106"/>
      <c r="M1355" s="1106"/>
      <c r="N1355" s="1106"/>
      <c r="O1355" s="1106"/>
      <c r="U1355" s="1106"/>
      <c r="AB1355" s="1106"/>
      <c r="AC1355" s="1106"/>
      <c r="AD1355" s="1106"/>
      <c r="AE1355" s="1106"/>
      <c r="AF1355" s="1106"/>
      <c r="AG1355" s="1106"/>
      <c r="AH1355" s="1106"/>
      <c r="AL1355" s="1106"/>
      <c r="AO1355" s="1106"/>
      <c r="AP1355" s="1106"/>
      <c r="AT1355" s="1106"/>
      <c r="AU1355" s="1106"/>
      <c r="AV1355" s="1106"/>
      <c r="AW1355" s="1106"/>
      <c r="AX1355" s="1106"/>
      <c r="AY1355" s="1106"/>
      <c r="AZ1355" s="1106"/>
      <c r="BA1355" s="1106"/>
      <c r="BB1355" s="1106"/>
      <c r="BC1355" s="1106"/>
      <c r="BD1355" s="1106"/>
      <c r="BE1355" s="1106"/>
      <c r="BF1355" s="1106"/>
      <c r="BG1355" s="1106"/>
      <c r="BH1355" s="1106"/>
      <c r="BI1355" s="1106"/>
      <c r="BJ1355" s="1106"/>
      <c r="BK1355" s="1106"/>
      <c r="BL1355" s="1106"/>
      <c r="BM1355" s="1106"/>
      <c r="BN1355" s="1106"/>
      <c r="BO1355" s="1106"/>
      <c r="BP1355" s="1106"/>
      <c r="BQ1355" s="1106"/>
      <c r="BR1355" s="1106"/>
      <c r="BS1355" s="1106"/>
      <c r="BT1355" s="1106"/>
      <c r="BU1355" s="1106"/>
      <c r="BV1355" s="1106"/>
      <c r="BW1355" s="1106"/>
      <c r="BX1355" s="1106"/>
      <c r="BY1355" s="1106"/>
      <c r="BZ1355" s="1106"/>
      <c r="CA1355" s="1106"/>
    </row>
    <row r="1356" spans="3:79" ht="9" customHeight="1" x14ac:dyDescent="0.2">
      <c r="C1356" s="1106"/>
      <c r="D1356" s="1106"/>
      <c r="E1356" s="1106"/>
      <c r="F1356" s="1106"/>
      <c r="G1356" s="1106"/>
      <c r="H1356" s="1106"/>
      <c r="I1356" s="1106"/>
      <c r="J1356" s="1106"/>
      <c r="K1356" s="1106"/>
      <c r="L1356" s="1106"/>
      <c r="M1356" s="1106"/>
      <c r="N1356" s="1106"/>
      <c r="O1356" s="1106"/>
      <c r="U1356" s="1106"/>
      <c r="AB1356" s="1106"/>
      <c r="AC1356" s="1106"/>
      <c r="AD1356" s="1106"/>
      <c r="AE1356" s="1106"/>
      <c r="AF1356" s="1106"/>
      <c r="AG1356" s="1106"/>
      <c r="AH1356" s="1106"/>
      <c r="AL1356" s="1106"/>
      <c r="AT1356" s="1106"/>
      <c r="AU1356" s="1106"/>
      <c r="AV1356" s="1106"/>
      <c r="AW1356" s="1106"/>
      <c r="AX1356" s="1106"/>
      <c r="AY1356" s="1106"/>
      <c r="AZ1356" s="1106"/>
      <c r="BA1356" s="1106"/>
      <c r="BB1356" s="1106"/>
      <c r="BC1356" s="1106"/>
      <c r="BD1356" s="1106"/>
      <c r="BE1356" s="1106"/>
      <c r="BF1356" s="1106"/>
      <c r="BG1356" s="1106"/>
      <c r="BH1356" s="1106"/>
      <c r="BI1356" s="1106"/>
      <c r="BJ1356" s="1106"/>
      <c r="BK1356" s="1106"/>
      <c r="BL1356" s="1106"/>
      <c r="BM1356" s="1106"/>
      <c r="BN1356" s="1106"/>
      <c r="BO1356" s="1106"/>
      <c r="BP1356" s="1106"/>
      <c r="BQ1356" s="1106"/>
      <c r="BR1356" s="1106"/>
      <c r="BS1356" s="1106"/>
      <c r="BT1356" s="1106"/>
      <c r="BU1356" s="1106"/>
      <c r="BV1356" s="1106"/>
      <c r="BW1356" s="1106"/>
      <c r="BX1356" s="1106"/>
      <c r="BY1356" s="1106"/>
      <c r="BZ1356" s="1106"/>
      <c r="CA1356" s="1106"/>
    </row>
    <row r="1357" spans="3:79" ht="9" customHeight="1" x14ac:dyDescent="0.2">
      <c r="C1357" s="1106"/>
      <c r="D1357" s="1106"/>
      <c r="E1357" s="1106"/>
      <c r="F1357" s="1106"/>
      <c r="G1357" s="1106"/>
      <c r="H1357" s="1106"/>
      <c r="I1357" s="1106"/>
      <c r="J1357" s="1106"/>
      <c r="K1357" s="1106"/>
      <c r="L1357" s="1106"/>
      <c r="M1357" s="1106"/>
      <c r="N1357" s="1106"/>
      <c r="O1357" s="1106"/>
      <c r="AB1357" s="1106"/>
      <c r="AC1357" s="1106"/>
      <c r="AD1357" s="1106"/>
      <c r="AE1357" s="1106"/>
      <c r="AF1357" s="1106"/>
      <c r="AG1357" s="1106"/>
      <c r="AH1357" s="1106"/>
      <c r="AL1357" s="1106"/>
      <c r="AZ1357" s="1106"/>
      <c r="BA1357" s="1106"/>
      <c r="BB1357" s="1106"/>
      <c r="BC1357" s="1106"/>
      <c r="BD1357" s="1106"/>
      <c r="BE1357" s="1106"/>
      <c r="BF1357" s="1106"/>
      <c r="BG1357" s="1106"/>
      <c r="BH1357" s="1106"/>
      <c r="BI1357" s="1106"/>
      <c r="BJ1357" s="1106"/>
      <c r="BK1357" s="1106"/>
      <c r="BL1357" s="1106"/>
      <c r="BM1357" s="1106"/>
      <c r="BN1357" s="1106"/>
      <c r="BO1357" s="1106"/>
      <c r="BP1357" s="1106"/>
      <c r="BQ1357" s="1106"/>
      <c r="BR1357" s="1106"/>
      <c r="BS1357" s="1106"/>
      <c r="BT1357" s="1106"/>
      <c r="BU1357" s="1106"/>
      <c r="BV1357" s="1106"/>
      <c r="BW1357" s="1106"/>
      <c r="BX1357" s="1106"/>
      <c r="BY1357" s="1106"/>
      <c r="BZ1357" s="1106"/>
      <c r="CA1357" s="1106"/>
    </row>
    <row r="1358" spans="3:79" ht="9" customHeight="1" x14ac:dyDescent="0.2">
      <c r="C1358" s="1106"/>
      <c r="D1358" s="1106"/>
      <c r="E1358" s="1106"/>
      <c r="F1358" s="1106"/>
      <c r="G1358" s="1106"/>
      <c r="H1358" s="1106"/>
      <c r="I1358" s="1106"/>
      <c r="J1358" s="1106"/>
      <c r="K1358" s="1106"/>
      <c r="L1358" s="1106"/>
      <c r="M1358" s="1106"/>
      <c r="N1358" s="1106"/>
      <c r="O1358" s="1106"/>
      <c r="AB1358" s="1106"/>
      <c r="AC1358" s="1106"/>
      <c r="AD1358" s="1106"/>
      <c r="AE1358" s="1106"/>
      <c r="AF1358" s="1106"/>
      <c r="AG1358" s="1106"/>
      <c r="AH1358" s="1106"/>
      <c r="AL1358" s="1106"/>
      <c r="AZ1358" s="1106"/>
      <c r="BA1358" s="1106"/>
      <c r="BB1358" s="1106"/>
      <c r="BC1358" s="1106"/>
      <c r="BD1358" s="1106"/>
      <c r="BE1358" s="1106"/>
      <c r="BF1358" s="1106"/>
      <c r="BG1358" s="1106"/>
      <c r="BH1358" s="1106"/>
      <c r="BI1358" s="1106"/>
      <c r="BJ1358" s="1106"/>
      <c r="BK1358" s="1106"/>
      <c r="BL1358" s="1106"/>
      <c r="BM1358" s="1106"/>
      <c r="BN1358" s="1106"/>
      <c r="BO1358" s="1106"/>
      <c r="BP1358" s="1106"/>
      <c r="BQ1358" s="1106"/>
      <c r="BR1358" s="1106"/>
      <c r="BS1358" s="1106"/>
      <c r="BT1358" s="1106"/>
      <c r="BU1358" s="1106"/>
      <c r="BV1358" s="1106"/>
      <c r="BW1358" s="1106"/>
      <c r="BX1358" s="1106"/>
      <c r="BY1358" s="1106"/>
      <c r="BZ1358" s="1106"/>
      <c r="CA1358" s="1106"/>
    </row>
    <row r="1359" spans="3:79" ht="9" customHeight="1" x14ac:dyDescent="0.2">
      <c r="C1359" s="1106"/>
      <c r="D1359" s="1106"/>
      <c r="E1359" s="1106"/>
      <c r="F1359" s="1106"/>
      <c r="G1359" s="1106"/>
      <c r="H1359" s="1106"/>
      <c r="I1359" s="1106"/>
      <c r="J1359" s="1106"/>
      <c r="K1359" s="1106"/>
      <c r="L1359" s="1106"/>
      <c r="M1359" s="1106"/>
      <c r="N1359" s="1106"/>
      <c r="O1359" s="1106"/>
      <c r="AB1359" s="1106"/>
      <c r="AC1359" s="1106"/>
      <c r="AD1359" s="1106"/>
      <c r="AE1359" s="1106"/>
      <c r="AF1359" s="1106"/>
      <c r="AG1359" s="1106"/>
      <c r="AH1359" s="1106"/>
      <c r="AL1359" s="1106"/>
      <c r="AZ1359" s="1106"/>
      <c r="BA1359" s="1106"/>
      <c r="BB1359" s="1106"/>
      <c r="BC1359" s="1106"/>
      <c r="BD1359" s="1106"/>
      <c r="BE1359" s="1106"/>
      <c r="BF1359" s="1106"/>
      <c r="BG1359" s="1106"/>
      <c r="BH1359" s="1106"/>
      <c r="BI1359" s="1106"/>
      <c r="BJ1359" s="1106"/>
      <c r="BK1359" s="1106"/>
      <c r="BL1359" s="1106"/>
      <c r="BM1359" s="1106"/>
      <c r="BN1359" s="1106"/>
      <c r="BO1359" s="1106"/>
      <c r="BP1359" s="1106"/>
      <c r="BQ1359" s="1106"/>
      <c r="BR1359" s="1106"/>
      <c r="BS1359" s="1106"/>
      <c r="BT1359" s="1106"/>
      <c r="BU1359" s="1106"/>
      <c r="BV1359" s="1106"/>
      <c r="BW1359" s="1106"/>
      <c r="BX1359" s="1106"/>
      <c r="BY1359" s="1106"/>
      <c r="BZ1359" s="1106"/>
      <c r="CA1359" s="1106"/>
    </row>
    <row r="1360" spans="3:79" ht="9" customHeight="1" x14ac:dyDescent="0.2">
      <c r="C1360" s="1106"/>
      <c r="D1360" s="1106"/>
      <c r="E1360" s="1106"/>
      <c r="F1360" s="1106"/>
      <c r="G1360" s="1106"/>
      <c r="H1360" s="1106"/>
      <c r="I1360" s="1106"/>
      <c r="J1360" s="1106"/>
      <c r="K1360" s="1106"/>
      <c r="L1360" s="1106"/>
      <c r="M1360" s="1106"/>
      <c r="N1360" s="1106"/>
      <c r="O1360" s="1106"/>
      <c r="U1360" s="1106"/>
      <c r="AB1360" s="1106"/>
      <c r="AC1360" s="1106"/>
      <c r="AD1360" s="1106"/>
      <c r="AE1360" s="1106"/>
      <c r="AF1360" s="1106"/>
      <c r="AG1360" s="1106"/>
      <c r="AH1360" s="1106"/>
      <c r="AL1360" s="1106"/>
      <c r="AT1360" s="1106"/>
      <c r="AU1360" s="1106"/>
      <c r="AV1360" s="1106"/>
      <c r="AW1360" s="1106"/>
      <c r="AX1360" s="1106"/>
      <c r="AY1360" s="1106"/>
      <c r="AZ1360" s="1106"/>
      <c r="BA1360" s="1106"/>
      <c r="BB1360" s="1106"/>
      <c r="BC1360" s="1106"/>
      <c r="BD1360" s="1106"/>
      <c r="BE1360" s="1106"/>
      <c r="BF1360" s="1106"/>
      <c r="BG1360" s="1106"/>
      <c r="BH1360" s="1106"/>
      <c r="BI1360" s="1106"/>
      <c r="BJ1360" s="1106"/>
      <c r="BK1360" s="1106"/>
      <c r="BL1360" s="1106"/>
      <c r="BM1360" s="1106"/>
      <c r="BN1360" s="1106"/>
      <c r="BO1360" s="1106"/>
      <c r="BP1360" s="1106"/>
      <c r="BQ1360" s="1106"/>
      <c r="BR1360" s="1106"/>
      <c r="BS1360" s="1106"/>
      <c r="BT1360" s="1106"/>
      <c r="BU1360" s="1106"/>
      <c r="BV1360" s="1106"/>
      <c r="BW1360" s="1106"/>
      <c r="BX1360" s="1106"/>
      <c r="BY1360" s="1106"/>
      <c r="BZ1360" s="1106"/>
      <c r="CA1360" s="1106"/>
    </row>
    <row r="1361" spans="3:79" ht="9" customHeight="1" x14ac:dyDescent="0.2">
      <c r="C1361" s="1106"/>
      <c r="D1361" s="1106"/>
      <c r="E1361" s="1106"/>
      <c r="F1361" s="1106"/>
      <c r="G1361" s="1106"/>
      <c r="H1361" s="1106"/>
      <c r="I1361" s="1106"/>
      <c r="J1361" s="1106"/>
      <c r="K1361" s="1106"/>
      <c r="L1361" s="1106"/>
      <c r="M1361" s="1106"/>
      <c r="N1361" s="1106"/>
      <c r="O1361" s="1106"/>
      <c r="U1361" s="1106"/>
      <c r="AB1361" s="1106"/>
      <c r="AC1361" s="1106"/>
      <c r="AD1361" s="1106"/>
      <c r="AE1361" s="1106"/>
      <c r="AF1361" s="1106"/>
      <c r="AG1361" s="1106"/>
      <c r="AH1361" s="1106"/>
      <c r="AL1361" s="1106"/>
      <c r="AO1361" s="1106"/>
      <c r="AP1361" s="1106"/>
      <c r="AT1361" s="1106"/>
      <c r="AU1361" s="1106"/>
      <c r="AV1361" s="1106"/>
      <c r="AW1361" s="1106"/>
      <c r="AX1361" s="1106"/>
      <c r="AY1361" s="1106"/>
      <c r="AZ1361" s="1106"/>
      <c r="BA1361" s="1106"/>
      <c r="BB1361" s="1106"/>
      <c r="BC1361" s="1106"/>
      <c r="BD1361" s="1106"/>
      <c r="BE1361" s="1106"/>
      <c r="BF1361" s="1106"/>
      <c r="BG1361" s="1106"/>
      <c r="BH1361" s="1106"/>
      <c r="BI1361" s="1106"/>
      <c r="BJ1361" s="1106"/>
      <c r="BK1361" s="1106"/>
      <c r="BL1361" s="1106"/>
      <c r="BM1361" s="1106"/>
      <c r="BN1361" s="1106"/>
      <c r="BO1361" s="1106"/>
      <c r="BP1361" s="1106"/>
      <c r="BQ1361" s="1106"/>
      <c r="BR1361" s="1106"/>
      <c r="BS1361" s="1106"/>
      <c r="BT1361" s="1106"/>
      <c r="BU1361" s="1106"/>
      <c r="BV1361" s="1106"/>
      <c r="BW1361" s="1106"/>
      <c r="BX1361" s="1106"/>
      <c r="BY1361" s="1106"/>
      <c r="BZ1361" s="1106"/>
      <c r="CA1361" s="1106"/>
    </row>
    <row r="1362" spans="3:79" ht="9" customHeight="1" x14ac:dyDescent="0.2">
      <c r="C1362" s="1106"/>
      <c r="D1362" s="1106"/>
      <c r="E1362" s="1106"/>
      <c r="F1362" s="1106"/>
      <c r="G1362" s="1106"/>
      <c r="H1362" s="1106"/>
      <c r="I1362" s="1106"/>
      <c r="J1362" s="1106"/>
      <c r="K1362" s="1106"/>
      <c r="L1362" s="1106"/>
      <c r="M1362" s="1106"/>
      <c r="N1362" s="1106"/>
      <c r="O1362" s="1106"/>
      <c r="U1362" s="1106"/>
      <c r="AB1362" s="1106"/>
      <c r="AC1362" s="1106"/>
      <c r="AD1362" s="1106"/>
      <c r="AE1362" s="1106"/>
      <c r="AF1362" s="1106"/>
      <c r="AG1362" s="1106"/>
      <c r="AH1362" s="1106"/>
      <c r="AL1362" s="1106"/>
      <c r="AT1362" s="1106"/>
      <c r="AU1362" s="1106"/>
      <c r="AV1362" s="1106"/>
      <c r="AW1362" s="1106"/>
      <c r="AX1362" s="1106"/>
      <c r="AY1362" s="1106"/>
      <c r="AZ1362" s="1106"/>
      <c r="BA1362" s="1106"/>
      <c r="BB1362" s="1106"/>
      <c r="BC1362" s="1106"/>
      <c r="BD1362" s="1106"/>
      <c r="BE1362" s="1106"/>
      <c r="BF1362" s="1106"/>
      <c r="BG1362" s="1106"/>
      <c r="BH1362" s="1106"/>
      <c r="BI1362" s="1106"/>
      <c r="BJ1362" s="1106"/>
      <c r="BK1362" s="1106"/>
      <c r="BL1362" s="1106"/>
      <c r="BM1362" s="1106"/>
      <c r="BN1362" s="1106"/>
      <c r="BO1362" s="1106"/>
      <c r="BP1362" s="1106"/>
      <c r="BQ1362" s="1106"/>
      <c r="BR1362" s="1106"/>
      <c r="BS1362" s="1106"/>
      <c r="BT1362" s="1106"/>
      <c r="BU1362" s="1106"/>
      <c r="BV1362" s="1106"/>
      <c r="BW1362" s="1106"/>
      <c r="BX1362" s="1106"/>
      <c r="BY1362" s="1106"/>
      <c r="BZ1362" s="1106"/>
      <c r="CA1362" s="1106"/>
    </row>
    <row r="1363" spans="3:79" ht="9" customHeight="1" x14ac:dyDescent="0.2">
      <c r="C1363" s="1106"/>
      <c r="D1363" s="1106"/>
      <c r="E1363" s="1106"/>
      <c r="F1363" s="1106"/>
      <c r="G1363" s="1106"/>
      <c r="H1363" s="1106"/>
      <c r="I1363" s="1106"/>
      <c r="J1363" s="1106"/>
      <c r="K1363" s="1106"/>
      <c r="L1363" s="1106"/>
      <c r="M1363" s="1106"/>
      <c r="N1363" s="1106"/>
      <c r="O1363" s="1106"/>
      <c r="AB1363" s="1106"/>
      <c r="AC1363" s="1106"/>
      <c r="AD1363" s="1106"/>
      <c r="AE1363" s="1106"/>
      <c r="AF1363" s="1106"/>
      <c r="AG1363" s="1106"/>
      <c r="AH1363" s="1106"/>
      <c r="AL1363" s="1106"/>
      <c r="AZ1363" s="1106"/>
      <c r="BA1363" s="1106"/>
      <c r="BB1363" s="1106"/>
      <c r="BC1363" s="1106"/>
      <c r="BD1363" s="1106"/>
      <c r="BE1363" s="1106"/>
      <c r="BF1363" s="1106"/>
      <c r="BG1363" s="1106"/>
      <c r="BH1363" s="1106"/>
      <c r="BI1363" s="1106"/>
      <c r="BJ1363" s="1106"/>
      <c r="BK1363" s="1106"/>
      <c r="BL1363" s="1106"/>
      <c r="BM1363" s="1106"/>
      <c r="BN1363" s="1106"/>
      <c r="BO1363" s="1106"/>
      <c r="BP1363" s="1106"/>
      <c r="BQ1363" s="1106"/>
      <c r="BR1363" s="1106"/>
      <c r="BS1363" s="1106"/>
      <c r="BT1363" s="1106"/>
      <c r="BU1363" s="1106"/>
      <c r="BV1363" s="1106"/>
      <c r="BW1363" s="1106"/>
      <c r="BX1363" s="1106"/>
      <c r="BY1363" s="1106"/>
      <c r="BZ1363" s="1106"/>
      <c r="CA1363" s="1106"/>
    </row>
    <row r="1364" spans="3:79" ht="9" customHeight="1" x14ac:dyDescent="0.2">
      <c r="C1364" s="1106"/>
      <c r="D1364" s="1106"/>
      <c r="E1364" s="1106"/>
      <c r="F1364" s="1106"/>
      <c r="G1364" s="1106"/>
      <c r="H1364" s="1106"/>
      <c r="I1364" s="1106"/>
      <c r="J1364" s="1106"/>
      <c r="K1364" s="1106"/>
      <c r="L1364" s="1106"/>
      <c r="M1364" s="1106"/>
      <c r="N1364" s="1106"/>
      <c r="O1364" s="1106"/>
      <c r="AB1364" s="1106"/>
      <c r="AC1364" s="1106"/>
      <c r="AD1364" s="1106"/>
      <c r="AE1364" s="1106"/>
      <c r="AF1364" s="1106"/>
      <c r="AG1364" s="1106"/>
      <c r="AH1364" s="1106"/>
      <c r="AL1364" s="1106"/>
      <c r="AZ1364" s="1106"/>
      <c r="BA1364" s="1106"/>
      <c r="BB1364" s="1106"/>
      <c r="BC1364" s="1106"/>
      <c r="BD1364" s="1106"/>
      <c r="BE1364" s="1106"/>
      <c r="BF1364" s="1106"/>
      <c r="BG1364" s="1106"/>
      <c r="BH1364" s="1106"/>
      <c r="BI1364" s="1106"/>
      <c r="BJ1364" s="1106"/>
      <c r="BK1364" s="1106"/>
      <c r="BL1364" s="1106"/>
      <c r="BM1364" s="1106"/>
      <c r="BN1364" s="1106"/>
      <c r="BO1364" s="1106"/>
      <c r="BP1364" s="1106"/>
      <c r="BQ1364" s="1106"/>
      <c r="BR1364" s="1106"/>
      <c r="BS1364" s="1106"/>
      <c r="BT1364" s="1106"/>
      <c r="BU1364" s="1106"/>
      <c r="BV1364" s="1106"/>
      <c r="BW1364" s="1106"/>
      <c r="BX1364" s="1106"/>
      <c r="BY1364" s="1106"/>
      <c r="BZ1364" s="1106"/>
      <c r="CA1364" s="1106"/>
    </row>
    <row r="1365" spans="3:79" ht="9" customHeight="1" x14ac:dyDescent="0.2">
      <c r="C1365" s="1106"/>
      <c r="D1365" s="1106"/>
      <c r="E1365" s="1106"/>
      <c r="F1365" s="1106"/>
      <c r="G1365" s="1106"/>
      <c r="H1365" s="1106"/>
      <c r="I1365" s="1106"/>
      <c r="J1365" s="1106"/>
      <c r="K1365" s="1106"/>
      <c r="L1365" s="1106"/>
      <c r="M1365" s="1106"/>
      <c r="N1365" s="1106"/>
      <c r="O1365" s="1106"/>
      <c r="AB1365" s="1106"/>
      <c r="AC1365" s="1106"/>
      <c r="AD1365" s="1106"/>
      <c r="AE1365" s="1106"/>
      <c r="AF1365" s="1106"/>
      <c r="AG1365" s="1106"/>
      <c r="AH1365" s="1106"/>
      <c r="AL1365" s="1106"/>
      <c r="AZ1365" s="1106"/>
      <c r="BA1365" s="1106"/>
      <c r="BB1365" s="1106"/>
      <c r="BC1365" s="1106"/>
      <c r="BD1365" s="1106"/>
      <c r="BE1365" s="1106"/>
      <c r="BF1365" s="1106"/>
      <c r="BG1365" s="1106"/>
      <c r="BH1365" s="1106"/>
      <c r="BI1365" s="1106"/>
      <c r="BJ1365" s="1106"/>
      <c r="BK1365" s="1106"/>
      <c r="BL1365" s="1106"/>
      <c r="BM1365" s="1106"/>
      <c r="BN1365" s="1106"/>
      <c r="BO1365" s="1106"/>
      <c r="BP1365" s="1106"/>
      <c r="BQ1365" s="1106"/>
      <c r="BR1365" s="1106"/>
      <c r="BS1365" s="1106"/>
      <c r="BT1365" s="1106"/>
      <c r="BU1365" s="1106"/>
      <c r="BV1365" s="1106"/>
      <c r="BW1365" s="1106"/>
      <c r="BX1365" s="1106"/>
      <c r="BY1365" s="1106"/>
      <c r="BZ1365" s="1106"/>
      <c r="CA1365" s="1106"/>
    </row>
    <row r="1366" spans="3:79" ht="9" customHeight="1" x14ac:dyDescent="0.2">
      <c r="C1366" s="1106"/>
      <c r="D1366" s="1106"/>
      <c r="E1366" s="1106"/>
      <c r="F1366" s="1106"/>
      <c r="G1366" s="1106"/>
      <c r="H1366" s="1106"/>
      <c r="I1366" s="1106"/>
      <c r="J1366" s="1106"/>
      <c r="K1366" s="1106"/>
      <c r="L1366" s="1106"/>
      <c r="M1366" s="1106"/>
      <c r="N1366" s="1106"/>
      <c r="O1366" s="1106"/>
      <c r="U1366" s="1106"/>
      <c r="AB1366" s="1106"/>
      <c r="AC1366" s="1106"/>
      <c r="AD1366" s="1106"/>
      <c r="AE1366" s="1106"/>
      <c r="AF1366" s="1106"/>
      <c r="AG1366" s="1106"/>
      <c r="AH1366" s="1106"/>
      <c r="AL1366" s="1106"/>
      <c r="AT1366" s="1106"/>
      <c r="AU1366" s="1106"/>
      <c r="AV1366" s="1106"/>
      <c r="AW1366" s="1106"/>
      <c r="AX1366" s="1106"/>
      <c r="AY1366" s="1106"/>
      <c r="AZ1366" s="1106"/>
      <c r="BA1366" s="1106"/>
      <c r="BB1366" s="1106"/>
      <c r="BC1366" s="1106"/>
      <c r="BD1366" s="1106"/>
      <c r="BE1366" s="1106"/>
      <c r="BF1366" s="1106"/>
      <c r="BG1366" s="1106"/>
      <c r="BH1366" s="1106"/>
      <c r="BI1366" s="1106"/>
      <c r="BJ1366" s="1106"/>
      <c r="BK1366" s="1106"/>
      <c r="BL1366" s="1106"/>
      <c r="BM1366" s="1106"/>
      <c r="BN1366" s="1106"/>
      <c r="BO1366" s="1106"/>
      <c r="BP1366" s="1106"/>
      <c r="BQ1366" s="1106"/>
      <c r="BR1366" s="1106"/>
      <c r="BS1366" s="1106"/>
      <c r="BT1366" s="1106"/>
      <c r="BU1366" s="1106"/>
      <c r="BV1366" s="1106"/>
      <c r="BW1366" s="1106"/>
      <c r="BX1366" s="1106"/>
      <c r="BY1366" s="1106"/>
      <c r="BZ1366" s="1106"/>
      <c r="CA1366" s="1106"/>
    </row>
    <row r="1367" spans="3:79" ht="9" customHeight="1" x14ac:dyDescent="0.2">
      <c r="C1367" s="1106"/>
      <c r="D1367" s="1106"/>
      <c r="E1367" s="1106"/>
      <c r="F1367" s="1106"/>
      <c r="G1367" s="1106"/>
      <c r="H1367" s="1106"/>
      <c r="I1367" s="1106"/>
      <c r="J1367" s="1106"/>
      <c r="K1367" s="1106"/>
      <c r="L1367" s="1106"/>
      <c r="M1367" s="1106"/>
      <c r="N1367" s="1106"/>
      <c r="O1367" s="1106"/>
      <c r="U1367" s="1106"/>
      <c r="AB1367" s="1106"/>
      <c r="AC1367" s="1106"/>
      <c r="AD1367" s="1106"/>
      <c r="AE1367" s="1106"/>
      <c r="AF1367" s="1106"/>
      <c r="AG1367" s="1106"/>
      <c r="AH1367" s="1106"/>
      <c r="AL1367" s="1106"/>
      <c r="AO1367" s="1106"/>
      <c r="AP1367" s="1106"/>
      <c r="AT1367" s="1106"/>
      <c r="AU1367" s="1106"/>
      <c r="AV1367" s="1106"/>
      <c r="AW1367" s="1106"/>
      <c r="AX1367" s="1106"/>
      <c r="AY1367" s="1106"/>
      <c r="AZ1367" s="1106"/>
      <c r="BA1367" s="1106"/>
      <c r="BB1367" s="1106"/>
      <c r="BC1367" s="1106"/>
      <c r="BD1367" s="1106"/>
      <c r="BE1367" s="1106"/>
      <c r="BF1367" s="1106"/>
      <c r="BG1367" s="1106"/>
      <c r="BH1367" s="1106"/>
      <c r="BI1367" s="1106"/>
      <c r="BJ1367" s="1106"/>
      <c r="BK1367" s="1106"/>
      <c r="BL1367" s="1106"/>
      <c r="BM1367" s="1106"/>
      <c r="BN1367" s="1106"/>
      <c r="BO1367" s="1106"/>
      <c r="BP1367" s="1106"/>
      <c r="BQ1367" s="1106"/>
      <c r="BR1367" s="1106"/>
      <c r="BS1367" s="1106"/>
      <c r="BT1367" s="1106"/>
      <c r="BU1367" s="1106"/>
      <c r="BV1367" s="1106"/>
      <c r="BW1367" s="1106"/>
      <c r="BX1367" s="1106"/>
      <c r="BY1367" s="1106"/>
      <c r="BZ1367" s="1106"/>
      <c r="CA1367" s="1106"/>
    </row>
    <row r="1368" spans="3:79" ht="9" customHeight="1" x14ac:dyDescent="0.2">
      <c r="C1368" s="1106"/>
      <c r="D1368" s="1106"/>
      <c r="E1368" s="1106"/>
      <c r="F1368" s="1106"/>
      <c r="G1368" s="1106"/>
      <c r="H1368" s="1106"/>
      <c r="I1368" s="1106"/>
      <c r="J1368" s="1106"/>
      <c r="K1368" s="1106"/>
      <c r="L1368" s="1106"/>
      <c r="M1368" s="1106"/>
      <c r="N1368" s="1106"/>
      <c r="O1368" s="1106"/>
      <c r="U1368" s="1106"/>
      <c r="AB1368" s="1106"/>
      <c r="AC1368" s="1106"/>
      <c r="AD1368" s="1106"/>
      <c r="AE1368" s="1106"/>
      <c r="AF1368" s="1106"/>
      <c r="AG1368" s="1106"/>
      <c r="AH1368" s="1106"/>
      <c r="AL1368" s="1106"/>
      <c r="AT1368" s="1106"/>
      <c r="AU1368" s="1106"/>
      <c r="AV1368" s="1106"/>
      <c r="AW1368" s="1106"/>
      <c r="AX1368" s="1106"/>
      <c r="AY1368" s="1106"/>
      <c r="AZ1368" s="1106"/>
      <c r="BA1368" s="1106"/>
      <c r="BB1368" s="1106"/>
      <c r="BC1368" s="1106"/>
      <c r="BD1368" s="1106"/>
      <c r="BE1368" s="1106"/>
      <c r="BF1368" s="1106"/>
      <c r="BG1368" s="1106"/>
      <c r="BH1368" s="1106"/>
      <c r="BI1368" s="1106"/>
      <c r="BJ1368" s="1106"/>
      <c r="BK1368" s="1106"/>
      <c r="BL1368" s="1106"/>
      <c r="BM1368" s="1106"/>
      <c r="BN1368" s="1106"/>
      <c r="BO1368" s="1106"/>
      <c r="BP1368" s="1106"/>
      <c r="BQ1368" s="1106"/>
      <c r="BR1368" s="1106"/>
      <c r="BS1368" s="1106"/>
      <c r="BT1368" s="1106"/>
      <c r="BU1368" s="1106"/>
      <c r="BV1368" s="1106"/>
      <c r="BW1368" s="1106"/>
      <c r="BX1368" s="1106"/>
      <c r="BY1368" s="1106"/>
      <c r="BZ1368" s="1106"/>
      <c r="CA1368" s="1106"/>
    </row>
    <row r="1369" spans="3:79" ht="9" customHeight="1" x14ac:dyDescent="0.2">
      <c r="C1369" s="1106"/>
      <c r="D1369" s="1106"/>
      <c r="E1369" s="1106"/>
      <c r="F1369" s="1106"/>
      <c r="G1369" s="1106"/>
      <c r="H1369" s="1106"/>
      <c r="I1369" s="1106"/>
      <c r="J1369" s="1106"/>
      <c r="K1369" s="1106"/>
      <c r="L1369" s="1106"/>
      <c r="M1369" s="1106"/>
      <c r="N1369" s="1106"/>
      <c r="O1369" s="1106"/>
      <c r="AB1369" s="1106"/>
      <c r="AC1369" s="1106"/>
      <c r="AD1369" s="1106"/>
      <c r="AE1369" s="1106"/>
      <c r="AF1369" s="1106"/>
      <c r="AG1369" s="1106"/>
      <c r="AH1369" s="1106"/>
      <c r="AL1369" s="1106"/>
      <c r="AZ1369" s="1106"/>
      <c r="BA1369" s="1106"/>
      <c r="BB1369" s="1106"/>
      <c r="BC1369" s="1106"/>
      <c r="BD1369" s="1106"/>
      <c r="BE1369" s="1106"/>
      <c r="BF1369" s="1106"/>
      <c r="BG1369" s="1106"/>
      <c r="BH1369" s="1106"/>
      <c r="BI1369" s="1106"/>
      <c r="BJ1369" s="1106"/>
      <c r="BK1369" s="1106"/>
      <c r="BL1369" s="1106"/>
      <c r="BM1369" s="1106"/>
      <c r="BN1369" s="1106"/>
      <c r="BO1369" s="1106"/>
      <c r="BP1369" s="1106"/>
      <c r="BQ1369" s="1106"/>
      <c r="BR1369" s="1106"/>
      <c r="BS1369" s="1106"/>
      <c r="BT1369" s="1106"/>
      <c r="BU1369" s="1106"/>
      <c r="BV1369" s="1106"/>
      <c r="BW1369" s="1106"/>
      <c r="BX1369" s="1106"/>
      <c r="BY1369" s="1106"/>
      <c r="BZ1369" s="1106"/>
      <c r="CA1369" s="1106"/>
    </row>
    <row r="1370" spans="3:79" ht="9" customHeight="1" x14ac:dyDescent="0.2">
      <c r="C1370" s="1106"/>
      <c r="D1370" s="1106"/>
      <c r="E1370" s="1106"/>
      <c r="F1370" s="1106"/>
      <c r="G1370" s="1106"/>
      <c r="H1370" s="1106"/>
      <c r="I1370" s="1106"/>
      <c r="J1370" s="1106"/>
      <c r="K1370" s="1106"/>
      <c r="L1370" s="1106"/>
      <c r="M1370" s="1106"/>
      <c r="N1370" s="1106"/>
      <c r="O1370" s="1106"/>
      <c r="AB1370" s="1106"/>
      <c r="AC1370" s="1106"/>
      <c r="AD1370" s="1106"/>
      <c r="AE1370" s="1106"/>
      <c r="AF1370" s="1106"/>
      <c r="AG1370" s="1106"/>
      <c r="AH1370" s="1106"/>
      <c r="AL1370" s="1106"/>
      <c r="AZ1370" s="1106"/>
      <c r="BA1370" s="1106"/>
      <c r="BB1370" s="1106"/>
      <c r="BC1370" s="1106"/>
      <c r="BD1370" s="1106"/>
      <c r="BE1370" s="1106"/>
      <c r="BF1370" s="1106"/>
      <c r="BG1370" s="1106"/>
      <c r="BH1370" s="1106"/>
      <c r="BI1370" s="1106"/>
      <c r="BJ1370" s="1106"/>
      <c r="BK1370" s="1106"/>
      <c r="BL1370" s="1106"/>
      <c r="BM1370" s="1106"/>
      <c r="BN1370" s="1106"/>
      <c r="BO1370" s="1106"/>
      <c r="BP1370" s="1106"/>
      <c r="BQ1370" s="1106"/>
      <c r="BR1370" s="1106"/>
      <c r="BS1370" s="1106"/>
      <c r="BT1370" s="1106"/>
      <c r="BU1370" s="1106"/>
      <c r="BV1370" s="1106"/>
      <c r="BW1370" s="1106"/>
      <c r="BX1370" s="1106"/>
      <c r="BY1370" s="1106"/>
      <c r="BZ1370" s="1106"/>
      <c r="CA1370" s="1106"/>
    </row>
    <row r="1371" spans="3:79" ht="9" customHeight="1" x14ac:dyDescent="0.2">
      <c r="C1371" s="1106"/>
      <c r="D1371" s="1106"/>
      <c r="E1371" s="1106"/>
      <c r="F1371" s="1106"/>
      <c r="G1371" s="1106"/>
      <c r="H1371" s="1106"/>
      <c r="I1371" s="1106"/>
      <c r="J1371" s="1106"/>
      <c r="K1371" s="1106"/>
      <c r="L1371" s="1106"/>
      <c r="M1371" s="1106"/>
      <c r="N1371" s="1106"/>
      <c r="O1371" s="1106"/>
      <c r="AB1371" s="1106"/>
      <c r="AC1371" s="1106"/>
      <c r="AD1371" s="1106"/>
      <c r="AE1371" s="1106"/>
      <c r="AF1371" s="1106"/>
      <c r="AG1371" s="1106"/>
      <c r="AH1371" s="1106"/>
      <c r="AL1371" s="1106"/>
      <c r="AZ1371" s="1106"/>
      <c r="BA1371" s="1106"/>
      <c r="BB1371" s="1106"/>
      <c r="BC1371" s="1106"/>
      <c r="BD1371" s="1106"/>
      <c r="BE1371" s="1106"/>
      <c r="BF1371" s="1106"/>
      <c r="BG1371" s="1106"/>
      <c r="BH1371" s="1106"/>
      <c r="BI1371" s="1106"/>
      <c r="BJ1371" s="1106"/>
      <c r="BK1371" s="1106"/>
      <c r="BL1371" s="1106"/>
      <c r="BM1371" s="1106"/>
      <c r="BN1371" s="1106"/>
      <c r="BO1371" s="1106"/>
      <c r="BP1371" s="1106"/>
      <c r="BQ1371" s="1106"/>
      <c r="BR1371" s="1106"/>
      <c r="BS1371" s="1106"/>
      <c r="BT1371" s="1106"/>
      <c r="BU1371" s="1106"/>
      <c r="BV1371" s="1106"/>
      <c r="BW1371" s="1106"/>
      <c r="BX1371" s="1106"/>
      <c r="BY1371" s="1106"/>
      <c r="BZ1371" s="1106"/>
      <c r="CA1371" s="1106"/>
    </row>
    <row r="1372" spans="3:79" ht="9" customHeight="1" x14ac:dyDescent="0.2">
      <c r="C1372" s="1106"/>
      <c r="D1372" s="1106"/>
      <c r="E1372" s="1106"/>
      <c r="F1372" s="1106"/>
      <c r="G1372" s="1106"/>
      <c r="H1372" s="1106"/>
      <c r="I1372" s="1106"/>
      <c r="J1372" s="1106"/>
      <c r="K1372" s="1106"/>
      <c r="L1372" s="1106"/>
      <c r="M1372" s="1106"/>
      <c r="N1372" s="1106"/>
      <c r="O1372" s="1106"/>
      <c r="U1372" s="1106"/>
      <c r="AB1372" s="1106"/>
      <c r="AC1372" s="1106"/>
      <c r="AD1372" s="1106"/>
      <c r="AE1372" s="1106"/>
      <c r="AF1372" s="1106"/>
      <c r="AG1372" s="1106"/>
      <c r="AH1372" s="1106"/>
      <c r="AL1372" s="1106"/>
      <c r="AT1372" s="1106"/>
      <c r="AU1372" s="1106"/>
      <c r="AV1372" s="1106"/>
      <c r="AW1372" s="1106"/>
      <c r="AX1372" s="1106"/>
      <c r="AY1372" s="1106"/>
      <c r="AZ1372" s="1106"/>
      <c r="BA1372" s="1106"/>
      <c r="BB1372" s="1106"/>
      <c r="BC1372" s="1106"/>
      <c r="BD1372" s="1106"/>
      <c r="BE1372" s="1106"/>
      <c r="BF1372" s="1106"/>
      <c r="BG1372" s="1106"/>
      <c r="BH1372" s="1106"/>
      <c r="BI1372" s="1106"/>
      <c r="BJ1372" s="1106"/>
      <c r="BK1372" s="1106"/>
      <c r="BL1372" s="1106"/>
      <c r="BM1372" s="1106"/>
      <c r="BN1372" s="1106"/>
      <c r="BO1372" s="1106"/>
      <c r="BP1372" s="1106"/>
      <c r="BQ1372" s="1106"/>
      <c r="BR1372" s="1106"/>
      <c r="BS1372" s="1106"/>
      <c r="BT1372" s="1106"/>
      <c r="BU1372" s="1106"/>
      <c r="BV1372" s="1106"/>
      <c r="BW1372" s="1106"/>
      <c r="BX1372" s="1106"/>
      <c r="BY1372" s="1106"/>
      <c r="BZ1372" s="1106"/>
      <c r="CA1372" s="1106"/>
    </row>
    <row r="1373" spans="3:79" ht="9" customHeight="1" x14ac:dyDescent="0.2">
      <c r="C1373" s="1106"/>
      <c r="D1373" s="1106"/>
      <c r="E1373" s="1106"/>
      <c r="F1373" s="1106"/>
      <c r="G1373" s="1106"/>
      <c r="H1373" s="1106"/>
      <c r="I1373" s="1106"/>
      <c r="J1373" s="1106"/>
      <c r="K1373" s="1106"/>
      <c r="L1373" s="1106"/>
      <c r="M1373" s="1106"/>
      <c r="N1373" s="1106"/>
      <c r="O1373" s="1106"/>
      <c r="U1373" s="1106"/>
      <c r="AB1373" s="1106"/>
      <c r="AC1373" s="1106"/>
      <c r="AD1373" s="1106"/>
      <c r="AE1373" s="1106"/>
      <c r="AF1373" s="1106"/>
      <c r="AG1373" s="1106"/>
      <c r="AH1373" s="1106"/>
      <c r="AL1373" s="1106"/>
      <c r="AO1373" s="1106"/>
      <c r="AP1373" s="1106"/>
      <c r="AT1373" s="1106"/>
      <c r="AU1373" s="1106"/>
      <c r="AV1373" s="1106"/>
      <c r="AW1373" s="1106"/>
      <c r="AX1373" s="1106"/>
      <c r="AY1373" s="1106"/>
      <c r="AZ1373" s="1106"/>
      <c r="BA1373" s="1106"/>
      <c r="BB1373" s="1106"/>
      <c r="BC1373" s="1106"/>
      <c r="BD1373" s="1106"/>
      <c r="BE1373" s="1106"/>
      <c r="BF1373" s="1106"/>
      <c r="BG1373" s="1106"/>
      <c r="BH1373" s="1106"/>
      <c r="BI1373" s="1106"/>
      <c r="BJ1373" s="1106"/>
      <c r="BK1373" s="1106"/>
      <c r="BL1373" s="1106"/>
      <c r="BM1373" s="1106"/>
      <c r="BN1373" s="1106"/>
      <c r="BO1373" s="1106"/>
      <c r="BP1373" s="1106"/>
      <c r="BQ1373" s="1106"/>
      <c r="BR1373" s="1106"/>
      <c r="BS1373" s="1106"/>
      <c r="BT1373" s="1106"/>
      <c r="BU1373" s="1106"/>
      <c r="BV1373" s="1106"/>
      <c r="BW1373" s="1106"/>
      <c r="BX1373" s="1106"/>
      <c r="BY1373" s="1106"/>
      <c r="BZ1373" s="1106"/>
      <c r="CA1373" s="1106"/>
    </row>
    <row r="1374" spans="3:79" ht="9" customHeight="1" x14ac:dyDescent="0.2">
      <c r="C1374" s="1106"/>
      <c r="D1374" s="1106"/>
      <c r="E1374" s="1106"/>
      <c r="F1374" s="1106"/>
      <c r="G1374" s="1106"/>
      <c r="H1374" s="1106"/>
      <c r="I1374" s="1106"/>
      <c r="J1374" s="1106"/>
      <c r="K1374" s="1106"/>
      <c r="L1374" s="1106"/>
      <c r="M1374" s="1106"/>
      <c r="N1374" s="1106"/>
      <c r="O1374" s="1106"/>
      <c r="U1374" s="1106"/>
      <c r="AB1374" s="1106"/>
      <c r="AC1374" s="1106"/>
      <c r="AD1374" s="1106"/>
      <c r="AE1374" s="1106"/>
      <c r="AF1374" s="1106"/>
      <c r="AG1374" s="1106"/>
      <c r="AH1374" s="1106"/>
      <c r="AL1374" s="1106"/>
      <c r="AT1374" s="1106"/>
      <c r="AU1374" s="1106"/>
      <c r="AV1374" s="1106"/>
      <c r="AW1374" s="1106"/>
      <c r="AX1374" s="1106"/>
      <c r="AY1374" s="1106"/>
      <c r="AZ1374" s="1106"/>
      <c r="BA1374" s="1106"/>
      <c r="BB1374" s="1106"/>
      <c r="BC1374" s="1106"/>
      <c r="BD1374" s="1106"/>
      <c r="BE1374" s="1106"/>
      <c r="BF1374" s="1106"/>
      <c r="BG1374" s="1106"/>
      <c r="BH1374" s="1106"/>
      <c r="BI1374" s="1106"/>
      <c r="BJ1374" s="1106"/>
      <c r="BK1374" s="1106"/>
      <c r="BL1374" s="1106"/>
      <c r="BM1374" s="1106"/>
      <c r="BN1374" s="1106"/>
      <c r="BO1374" s="1106"/>
      <c r="BP1374" s="1106"/>
      <c r="BQ1374" s="1106"/>
      <c r="BR1374" s="1106"/>
      <c r="BS1374" s="1106"/>
      <c r="BT1374" s="1106"/>
      <c r="BU1374" s="1106"/>
      <c r="BV1374" s="1106"/>
      <c r="BW1374" s="1106"/>
      <c r="BX1374" s="1106"/>
      <c r="BY1374" s="1106"/>
      <c r="BZ1374" s="1106"/>
      <c r="CA1374" s="1106"/>
    </row>
    <row r="1375" spans="3:79" ht="9" customHeight="1" x14ac:dyDescent="0.2">
      <c r="C1375" s="1106"/>
      <c r="D1375" s="1106"/>
      <c r="E1375" s="1106"/>
      <c r="F1375" s="1106"/>
      <c r="G1375" s="1106"/>
      <c r="H1375" s="1106"/>
      <c r="I1375" s="1106"/>
      <c r="J1375" s="1106"/>
      <c r="K1375" s="1106"/>
      <c r="L1375" s="1106"/>
      <c r="M1375" s="1106"/>
      <c r="N1375" s="1106"/>
      <c r="O1375" s="1106"/>
      <c r="AB1375" s="1106"/>
      <c r="AC1375" s="1106"/>
      <c r="AD1375" s="1106"/>
      <c r="AE1375" s="1106"/>
      <c r="AF1375" s="1106"/>
      <c r="AG1375" s="1106"/>
      <c r="AH1375" s="1106"/>
      <c r="AL1375" s="1106"/>
      <c r="AZ1375" s="1106"/>
      <c r="BA1375" s="1106"/>
      <c r="BB1375" s="1106"/>
      <c r="BC1375" s="1106"/>
      <c r="BD1375" s="1106"/>
      <c r="BE1375" s="1106"/>
      <c r="BF1375" s="1106"/>
      <c r="BG1375" s="1106"/>
      <c r="BH1375" s="1106"/>
      <c r="BI1375" s="1106"/>
      <c r="BJ1375" s="1106"/>
      <c r="BK1375" s="1106"/>
      <c r="BL1375" s="1106"/>
      <c r="BM1375" s="1106"/>
      <c r="BN1375" s="1106"/>
      <c r="BO1375" s="1106"/>
      <c r="BP1375" s="1106"/>
      <c r="BQ1375" s="1106"/>
      <c r="BR1375" s="1106"/>
      <c r="BS1375" s="1106"/>
      <c r="BT1375" s="1106"/>
      <c r="BU1375" s="1106"/>
      <c r="BV1375" s="1106"/>
      <c r="BW1375" s="1106"/>
      <c r="BX1375" s="1106"/>
      <c r="BY1375" s="1106"/>
      <c r="BZ1375" s="1106"/>
      <c r="CA1375" s="1106"/>
    </row>
    <row r="1376" spans="3:79" ht="9" customHeight="1" x14ac:dyDescent="0.2">
      <c r="C1376" s="1106"/>
      <c r="D1376" s="1106"/>
      <c r="E1376" s="1106"/>
      <c r="F1376" s="1106"/>
      <c r="G1376" s="1106"/>
      <c r="H1376" s="1106"/>
      <c r="I1376" s="1106"/>
      <c r="J1376" s="1106"/>
      <c r="K1376" s="1106"/>
      <c r="L1376" s="1106"/>
      <c r="M1376" s="1106"/>
      <c r="N1376" s="1106"/>
      <c r="O1376" s="1106"/>
      <c r="AB1376" s="1106"/>
      <c r="AC1376" s="1106"/>
      <c r="AD1376" s="1106"/>
      <c r="AE1376" s="1106"/>
      <c r="AF1376" s="1106"/>
      <c r="AG1376" s="1106"/>
      <c r="AH1376" s="1106"/>
      <c r="AL1376" s="1106"/>
      <c r="AZ1376" s="1106"/>
      <c r="BA1376" s="1106"/>
      <c r="BB1376" s="1106"/>
      <c r="BC1376" s="1106"/>
      <c r="BD1376" s="1106"/>
      <c r="BE1376" s="1106"/>
      <c r="BF1376" s="1106"/>
      <c r="BG1376" s="1106"/>
      <c r="BH1376" s="1106"/>
      <c r="BI1376" s="1106"/>
      <c r="BJ1376" s="1106"/>
      <c r="BK1376" s="1106"/>
      <c r="BL1376" s="1106"/>
      <c r="BM1376" s="1106"/>
      <c r="BN1376" s="1106"/>
      <c r="BO1376" s="1106"/>
      <c r="BP1376" s="1106"/>
      <c r="BQ1376" s="1106"/>
      <c r="BR1376" s="1106"/>
      <c r="BS1376" s="1106"/>
      <c r="BT1376" s="1106"/>
      <c r="BU1376" s="1106"/>
      <c r="BV1376" s="1106"/>
      <c r="BW1376" s="1106"/>
      <c r="BX1376" s="1106"/>
      <c r="BY1376" s="1106"/>
      <c r="BZ1376" s="1106"/>
      <c r="CA1376" s="1106"/>
    </row>
    <row r="1377" spans="3:79" ht="9" customHeight="1" x14ac:dyDescent="0.2">
      <c r="C1377" s="1106"/>
      <c r="D1377" s="1106"/>
      <c r="E1377" s="1106"/>
      <c r="F1377" s="1106"/>
      <c r="G1377" s="1106"/>
      <c r="H1377" s="1106"/>
      <c r="I1377" s="1106"/>
      <c r="J1377" s="1106"/>
      <c r="K1377" s="1106"/>
      <c r="L1377" s="1106"/>
      <c r="M1377" s="1106"/>
      <c r="N1377" s="1106"/>
      <c r="O1377" s="1106"/>
      <c r="AB1377" s="1106"/>
      <c r="AC1377" s="1106"/>
      <c r="AD1377" s="1106"/>
      <c r="AE1377" s="1106"/>
      <c r="AF1377" s="1106"/>
      <c r="AG1377" s="1106"/>
      <c r="AH1377" s="1106"/>
      <c r="AL1377" s="1106"/>
      <c r="AZ1377" s="1106"/>
      <c r="BA1377" s="1106"/>
      <c r="BB1377" s="1106"/>
      <c r="BC1377" s="1106"/>
      <c r="BD1377" s="1106"/>
      <c r="BE1377" s="1106"/>
      <c r="BF1377" s="1106"/>
      <c r="BG1377" s="1106"/>
      <c r="BH1377" s="1106"/>
      <c r="BI1377" s="1106"/>
      <c r="BJ1377" s="1106"/>
      <c r="BK1377" s="1106"/>
      <c r="BL1377" s="1106"/>
      <c r="BM1377" s="1106"/>
      <c r="BN1377" s="1106"/>
      <c r="BO1377" s="1106"/>
      <c r="BP1377" s="1106"/>
      <c r="BQ1377" s="1106"/>
      <c r="BR1377" s="1106"/>
      <c r="BS1377" s="1106"/>
      <c r="BT1377" s="1106"/>
      <c r="BU1377" s="1106"/>
      <c r="BV1377" s="1106"/>
      <c r="BW1377" s="1106"/>
      <c r="BX1377" s="1106"/>
      <c r="BY1377" s="1106"/>
      <c r="BZ1377" s="1106"/>
      <c r="CA1377" s="1106"/>
    </row>
    <row r="1378" spans="3:79" ht="9" customHeight="1" x14ac:dyDescent="0.2">
      <c r="C1378" s="1106"/>
      <c r="D1378" s="1106"/>
      <c r="E1378" s="1106"/>
      <c r="F1378" s="1106"/>
      <c r="G1378" s="1106"/>
      <c r="H1378" s="1106"/>
      <c r="I1378" s="1106"/>
      <c r="J1378" s="1106"/>
      <c r="K1378" s="1106"/>
      <c r="L1378" s="1106"/>
      <c r="M1378" s="1106"/>
      <c r="N1378" s="1106"/>
      <c r="O1378" s="1106"/>
      <c r="U1378" s="1106"/>
      <c r="AB1378" s="1106"/>
      <c r="AC1378" s="1106"/>
      <c r="AD1378" s="1106"/>
      <c r="AE1378" s="1106"/>
      <c r="AF1378" s="1106"/>
      <c r="AG1378" s="1106"/>
      <c r="AH1378" s="1106"/>
      <c r="AL1378" s="1106"/>
      <c r="AT1378" s="1106"/>
      <c r="AU1378" s="1106"/>
      <c r="AV1378" s="1106"/>
      <c r="AW1378" s="1106"/>
      <c r="AX1378" s="1106"/>
      <c r="AY1378" s="1106"/>
      <c r="AZ1378" s="1106"/>
      <c r="BA1378" s="1106"/>
      <c r="BB1378" s="1106"/>
      <c r="BC1378" s="1106"/>
      <c r="BD1378" s="1106"/>
      <c r="BE1378" s="1106"/>
      <c r="BF1378" s="1106"/>
      <c r="BG1378" s="1106"/>
      <c r="BH1378" s="1106"/>
      <c r="BI1378" s="1106"/>
      <c r="BJ1378" s="1106"/>
      <c r="BK1378" s="1106"/>
      <c r="BL1378" s="1106"/>
      <c r="BM1378" s="1106"/>
      <c r="BN1378" s="1106"/>
      <c r="BO1378" s="1106"/>
      <c r="BP1378" s="1106"/>
      <c r="BQ1378" s="1106"/>
      <c r="BR1378" s="1106"/>
      <c r="BS1378" s="1106"/>
      <c r="BT1378" s="1106"/>
      <c r="BU1378" s="1106"/>
      <c r="BV1378" s="1106"/>
      <c r="BW1378" s="1106"/>
      <c r="BX1378" s="1106"/>
      <c r="BY1378" s="1106"/>
      <c r="BZ1378" s="1106"/>
      <c r="CA1378" s="1106"/>
    </row>
    <row r="1379" spans="3:79" ht="9" customHeight="1" x14ac:dyDescent="0.2">
      <c r="C1379" s="1106"/>
      <c r="D1379" s="1106"/>
      <c r="E1379" s="1106"/>
      <c r="F1379" s="1106"/>
      <c r="G1379" s="1106"/>
      <c r="H1379" s="1106"/>
      <c r="I1379" s="1106"/>
      <c r="J1379" s="1106"/>
      <c r="K1379" s="1106"/>
      <c r="L1379" s="1106"/>
      <c r="M1379" s="1106"/>
      <c r="N1379" s="1106"/>
      <c r="O1379" s="1106"/>
      <c r="U1379" s="1106"/>
      <c r="AB1379" s="1106"/>
      <c r="AC1379" s="1106"/>
      <c r="AD1379" s="1106"/>
      <c r="AE1379" s="1106"/>
      <c r="AF1379" s="1106"/>
      <c r="AG1379" s="1106"/>
      <c r="AH1379" s="1106"/>
      <c r="AL1379" s="1106"/>
      <c r="AO1379" s="1106"/>
      <c r="AP1379" s="1106"/>
      <c r="AT1379" s="1106"/>
      <c r="AU1379" s="1106"/>
      <c r="AV1379" s="1106"/>
      <c r="AW1379" s="1106"/>
      <c r="AX1379" s="1106"/>
      <c r="AY1379" s="1106"/>
      <c r="AZ1379" s="1106"/>
      <c r="BA1379" s="1106"/>
      <c r="BB1379" s="1106"/>
      <c r="BC1379" s="1106"/>
      <c r="BD1379" s="1106"/>
      <c r="BE1379" s="1106"/>
      <c r="BF1379" s="1106"/>
      <c r="BG1379" s="1106"/>
      <c r="BH1379" s="1106"/>
      <c r="BI1379" s="1106"/>
      <c r="BJ1379" s="1106"/>
      <c r="BK1379" s="1106"/>
      <c r="BL1379" s="1106"/>
      <c r="BM1379" s="1106"/>
      <c r="BN1379" s="1106"/>
      <c r="BO1379" s="1106"/>
      <c r="BP1379" s="1106"/>
      <c r="BQ1379" s="1106"/>
      <c r="BR1379" s="1106"/>
      <c r="BS1379" s="1106"/>
      <c r="BT1379" s="1106"/>
      <c r="BU1379" s="1106"/>
      <c r="BV1379" s="1106"/>
      <c r="BW1379" s="1106"/>
      <c r="BX1379" s="1106"/>
      <c r="BY1379" s="1106"/>
      <c r="BZ1379" s="1106"/>
      <c r="CA1379" s="1106"/>
    </row>
    <row r="1380" spans="3:79" ht="9" customHeight="1" x14ac:dyDescent="0.2">
      <c r="C1380" s="1106"/>
      <c r="D1380" s="1106"/>
      <c r="E1380" s="1106"/>
      <c r="F1380" s="1106"/>
      <c r="G1380" s="1106"/>
      <c r="H1380" s="1106"/>
      <c r="I1380" s="1106"/>
      <c r="J1380" s="1106"/>
      <c r="K1380" s="1106"/>
      <c r="L1380" s="1106"/>
      <c r="M1380" s="1106"/>
      <c r="N1380" s="1106"/>
      <c r="O1380" s="1106"/>
      <c r="U1380" s="1106"/>
      <c r="AB1380" s="1106"/>
      <c r="AC1380" s="1106"/>
      <c r="AD1380" s="1106"/>
      <c r="AE1380" s="1106"/>
      <c r="AF1380" s="1106"/>
      <c r="AG1380" s="1106"/>
      <c r="AH1380" s="1106"/>
      <c r="AL1380" s="1106"/>
      <c r="AT1380" s="1106"/>
      <c r="AU1380" s="1106"/>
      <c r="AV1380" s="1106"/>
      <c r="AW1380" s="1106"/>
      <c r="AX1380" s="1106"/>
      <c r="AY1380" s="1106"/>
      <c r="AZ1380" s="1106"/>
      <c r="BA1380" s="1106"/>
      <c r="BB1380" s="1106"/>
      <c r="BC1380" s="1106"/>
      <c r="BD1380" s="1106"/>
      <c r="BE1380" s="1106"/>
      <c r="BF1380" s="1106"/>
      <c r="BG1380" s="1106"/>
      <c r="BH1380" s="1106"/>
      <c r="BI1380" s="1106"/>
      <c r="BJ1380" s="1106"/>
      <c r="BK1380" s="1106"/>
      <c r="BL1380" s="1106"/>
      <c r="BM1380" s="1106"/>
      <c r="BN1380" s="1106"/>
      <c r="BO1380" s="1106"/>
      <c r="BP1380" s="1106"/>
      <c r="BQ1380" s="1106"/>
      <c r="BR1380" s="1106"/>
      <c r="BS1380" s="1106"/>
      <c r="BT1380" s="1106"/>
      <c r="BU1380" s="1106"/>
      <c r="BV1380" s="1106"/>
      <c r="BW1380" s="1106"/>
      <c r="BX1380" s="1106"/>
      <c r="BY1380" s="1106"/>
      <c r="BZ1380" s="1106"/>
      <c r="CA1380" s="1106"/>
    </row>
    <row r="1381" spans="3:79" ht="9" customHeight="1" x14ac:dyDescent="0.2">
      <c r="C1381" s="1106"/>
      <c r="D1381" s="1106"/>
      <c r="E1381" s="1106"/>
      <c r="F1381" s="1106"/>
      <c r="G1381" s="1106"/>
      <c r="H1381" s="1106"/>
      <c r="I1381" s="1106"/>
      <c r="J1381" s="1106"/>
      <c r="K1381" s="1106"/>
      <c r="L1381" s="1106"/>
      <c r="M1381" s="1106"/>
      <c r="N1381" s="1106"/>
      <c r="O1381" s="1106"/>
      <c r="AB1381" s="1106"/>
      <c r="AC1381" s="1106"/>
      <c r="AD1381" s="1106"/>
      <c r="AE1381" s="1106"/>
      <c r="AF1381" s="1106"/>
      <c r="AG1381" s="1106"/>
      <c r="AH1381" s="1106"/>
      <c r="AL1381" s="1106"/>
      <c r="AZ1381" s="1106"/>
      <c r="BA1381" s="1106"/>
      <c r="BB1381" s="1106"/>
      <c r="BC1381" s="1106"/>
      <c r="BD1381" s="1106"/>
      <c r="BE1381" s="1106"/>
      <c r="BF1381" s="1106"/>
      <c r="BG1381" s="1106"/>
      <c r="BH1381" s="1106"/>
      <c r="BI1381" s="1106"/>
      <c r="BJ1381" s="1106"/>
      <c r="BK1381" s="1106"/>
      <c r="BL1381" s="1106"/>
      <c r="BM1381" s="1106"/>
      <c r="BN1381" s="1106"/>
      <c r="BO1381" s="1106"/>
      <c r="BP1381" s="1106"/>
      <c r="BQ1381" s="1106"/>
      <c r="BR1381" s="1106"/>
      <c r="BS1381" s="1106"/>
      <c r="BT1381" s="1106"/>
      <c r="BU1381" s="1106"/>
      <c r="BV1381" s="1106"/>
      <c r="BW1381" s="1106"/>
      <c r="BX1381" s="1106"/>
      <c r="BY1381" s="1106"/>
      <c r="BZ1381" s="1106"/>
      <c r="CA1381" s="1106"/>
    </row>
    <row r="1382" spans="3:79" ht="9" customHeight="1" x14ac:dyDescent="0.2">
      <c r="C1382" s="1106"/>
      <c r="D1382" s="1106"/>
      <c r="E1382" s="1106"/>
      <c r="F1382" s="1106"/>
      <c r="G1382" s="1106"/>
      <c r="H1382" s="1106"/>
      <c r="I1382" s="1106"/>
      <c r="J1382" s="1106"/>
      <c r="K1382" s="1106"/>
      <c r="L1382" s="1106"/>
      <c r="M1382" s="1106"/>
      <c r="N1382" s="1106"/>
      <c r="O1382" s="1106"/>
      <c r="AB1382" s="1106"/>
      <c r="AC1382" s="1106"/>
      <c r="AD1382" s="1106"/>
      <c r="AE1382" s="1106"/>
      <c r="AF1382" s="1106"/>
      <c r="AG1382" s="1106"/>
      <c r="AH1382" s="1106"/>
      <c r="AL1382" s="1106"/>
      <c r="AZ1382" s="1106"/>
      <c r="BA1382" s="1106"/>
      <c r="BB1382" s="1106"/>
      <c r="BC1382" s="1106"/>
      <c r="BD1382" s="1106"/>
      <c r="BE1382" s="1106"/>
      <c r="BF1382" s="1106"/>
      <c r="BG1382" s="1106"/>
      <c r="BH1382" s="1106"/>
      <c r="BI1382" s="1106"/>
      <c r="BJ1382" s="1106"/>
      <c r="BK1382" s="1106"/>
      <c r="BL1382" s="1106"/>
      <c r="BM1382" s="1106"/>
      <c r="BN1382" s="1106"/>
      <c r="BO1382" s="1106"/>
      <c r="BP1382" s="1106"/>
      <c r="BQ1382" s="1106"/>
      <c r="BR1382" s="1106"/>
      <c r="BS1382" s="1106"/>
      <c r="BT1382" s="1106"/>
      <c r="BU1382" s="1106"/>
      <c r="BV1382" s="1106"/>
      <c r="BW1382" s="1106"/>
      <c r="BX1382" s="1106"/>
      <c r="BY1382" s="1106"/>
      <c r="BZ1382" s="1106"/>
      <c r="CA1382" s="1106"/>
    </row>
    <row r="1383" spans="3:79" ht="9" customHeight="1" x14ac:dyDescent="0.2">
      <c r="C1383" s="1106"/>
      <c r="D1383" s="1106"/>
      <c r="E1383" s="1106"/>
      <c r="F1383" s="1106"/>
      <c r="G1383" s="1106"/>
      <c r="H1383" s="1106"/>
      <c r="I1383" s="1106"/>
      <c r="J1383" s="1106"/>
      <c r="K1383" s="1106"/>
      <c r="L1383" s="1106"/>
      <c r="M1383" s="1106"/>
      <c r="N1383" s="1106"/>
      <c r="O1383" s="1106"/>
      <c r="AB1383" s="1106"/>
      <c r="AC1383" s="1106"/>
      <c r="AD1383" s="1106"/>
      <c r="AE1383" s="1106"/>
      <c r="AF1383" s="1106"/>
      <c r="AG1383" s="1106"/>
      <c r="AH1383" s="1106"/>
      <c r="AL1383" s="1106"/>
      <c r="AZ1383" s="1106"/>
      <c r="BA1383" s="1106"/>
      <c r="BB1383" s="1106"/>
      <c r="BC1383" s="1106"/>
      <c r="BD1383" s="1106"/>
      <c r="BE1383" s="1106"/>
      <c r="BF1383" s="1106"/>
      <c r="BG1383" s="1106"/>
      <c r="BH1383" s="1106"/>
      <c r="BI1383" s="1106"/>
      <c r="BJ1383" s="1106"/>
      <c r="BK1383" s="1106"/>
      <c r="BL1383" s="1106"/>
      <c r="BM1383" s="1106"/>
      <c r="BN1383" s="1106"/>
      <c r="BO1383" s="1106"/>
      <c r="BP1383" s="1106"/>
      <c r="BQ1383" s="1106"/>
      <c r="BR1383" s="1106"/>
      <c r="BS1383" s="1106"/>
      <c r="BT1383" s="1106"/>
      <c r="BU1383" s="1106"/>
      <c r="BV1383" s="1106"/>
      <c r="BW1383" s="1106"/>
      <c r="BX1383" s="1106"/>
      <c r="BY1383" s="1106"/>
      <c r="BZ1383" s="1106"/>
      <c r="CA1383" s="1106"/>
    </row>
    <row r="1384" spans="3:79" ht="9" customHeight="1" x14ac:dyDescent="0.2">
      <c r="C1384" s="1106"/>
      <c r="D1384" s="1106"/>
      <c r="E1384" s="1106"/>
      <c r="F1384" s="1106"/>
      <c r="G1384" s="1106"/>
      <c r="H1384" s="1106"/>
      <c r="I1384" s="1106"/>
      <c r="J1384" s="1106"/>
      <c r="K1384" s="1106"/>
      <c r="L1384" s="1106"/>
      <c r="M1384" s="1106"/>
      <c r="N1384" s="1106"/>
      <c r="O1384" s="1106"/>
      <c r="U1384" s="1106"/>
      <c r="AB1384" s="1106"/>
      <c r="AC1384" s="1106"/>
      <c r="AD1384" s="1106"/>
      <c r="AE1384" s="1106"/>
      <c r="AF1384" s="1106"/>
      <c r="AG1384" s="1106"/>
      <c r="AH1384" s="1106"/>
      <c r="AL1384" s="1106"/>
      <c r="AT1384" s="1106"/>
      <c r="AU1384" s="1106"/>
      <c r="AV1384" s="1106"/>
      <c r="AW1384" s="1106"/>
      <c r="AX1384" s="1106"/>
      <c r="AY1384" s="1106"/>
      <c r="AZ1384" s="1106"/>
      <c r="BA1384" s="1106"/>
      <c r="BB1384" s="1106"/>
      <c r="BC1384" s="1106"/>
      <c r="BD1384" s="1106"/>
      <c r="BE1384" s="1106"/>
      <c r="BF1384" s="1106"/>
      <c r="BG1384" s="1106"/>
      <c r="BH1384" s="1106"/>
      <c r="BI1384" s="1106"/>
      <c r="BJ1384" s="1106"/>
      <c r="BK1384" s="1106"/>
      <c r="BL1384" s="1106"/>
      <c r="BM1384" s="1106"/>
      <c r="BN1384" s="1106"/>
      <c r="BO1384" s="1106"/>
      <c r="BP1384" s="1106"/>
      <c r="BQ1384" s="1106"/>
      <c r="BR1384" s="1106"/>
      <c r="BS1384" s="1106"/>
      <c r="BT1384" s="1106"/>
      <c r="BU1384" s="1106"/>
      <c r="BV1384" s="1106"/>
      <c r="BW1384" s="1106"/>
      <c r="BX1384" s="1106"/>
      <c r="BY1384" s="1106"/>
      <c r="BZ1384" s="1106"/>
      <c r="CA1384" s="1106"/>
    </row>
    <row r="1385" spans="3:79" ht="9" customHeight="1" x14ac:dyDescent="0.2">
      <c r="C1385" s="1106"/>
      <c r="D1385" s="1106"/>
      <c r="E1385" s="1106"/>
      <c r="F1385" s="1106"/>
      <c r="G1385" s="1106"/>
      <c r="H1385" s="1106"/>
      <c r="I1385" s="1106"/>
      <c r="J1385" s="1106"/>
      <c r="K1385" s="1106"/>
      <c r="L1385" s="1106"/>
      <c r="M1385" s="1106"/>
      <c r="N1385" s="1106"/>
      <c r="O1385" s="1106"/>
      <c r="U1385" s="1106"/>
      <c r="AB1385" s="1106"/>
      <c r="AC1385" s="1106"/>
      <c r="AD1385" s="1106"/>
      <c r="AE1385" s="1106"/>
      <c r="AF1385" s="1106"/>
      <c r="AG1385" s="1106"/>
      <c r="AH1385" s="1106"/>
      <c r="AL1385" s="1106"/>
      <c r="AO1385" s="1106"/>
      <c r="AP1385" s="1106"/>
      <c r="AT1385" s="1106"/>
      <c r="AU1385" s="1106"/>
      <c r="AV1385" s="1106"/>
      <c r="AW1385" s="1106"/>
      <c r="AX1385" s="1106"/>
      <c r="AY1385" s="1106"/>
      <c r="AZ1385" s="1106"/>
      <c r="BA1385" s="1106"/>
      <c r="BB1385" s="1106"/>
      <c r="BC1385" s="1106"/>
      <c r="BD1385" s="1106"/>
      <c r="BE1385" s="1106"/>
      <c r="BF1385" s="1106"/>
      <c r="BG1385" s="1106"/>
      <c r="BH1385" s="1106"/>
      <c r="BI1385" s="1106"/>
      <c r="BJ1385" s="1106"/>
      <c r="BK1385" s="1106"/>
      <c r="BL1385" s="1106"/>
      <c r="BM1385" s="1106"/>
      <c r="BN1385" s="1106"/>
      <c r="BO1385" s="1106"/>
      <c r="BP1385" s="1106"/>
      <c r="BQ1385" s="1106"/>
      <c r="BR1385" s="1106"/>
      <c r="BS1385" s="1106"/>
      <c r="BT1385" s="1106"/>
      <c r="BU1385" s="1106"/>
      <c r="BV1385" s="1106"/>
      <c r="BW1385" s="1106"/>
      <c r="BX1385" s="1106"/>
      <c r="BY1385" s="1106"/>
      <c r="BZ1385" s="1106"/>
      <c r="CA1385" s="1106"/>
    </row>
    <row r="1386" spans="3:79" ht="9" customHeight="1" x14ac:dyDescent="0.2">
      <c r="C1386" s="1106"/>
      <c r="D1386" s="1106"/>
      <c r="E1386" s="1106"/>
      <c r="F1386" s="1106"/>
      <c r="G1386" s="1106"/>
      <c r="H1386" s="1106"/>
      <c r="I1386" s="1106"/>
      <c r="J1386" s="1106"/>
      <c r="K1386" s="1106"/>
      <c r="L1386" s="1106"/>
      <c r="M1386" s="1106"/>
      <c r="N1386" s="1106"/>
      <c r="O1386" s="1106"/>
      <c r="U1386" s="1106"/>
      <c r="AB1386" s="1106"/>
      <c r="AC1386" s="1106"/>
      <c r="AD1386" s="1106"/>
      <c r="AE1386" s="1106"/>
      <c r="AF1386" s="1106"/>
      <c r="AG1386" s="1106"/>
      <c r="AH1386" s="1106"/>
      <c r="AL1386" s="1106"/>
      <c r="AT1386" s="1106"/>
      <c r="AU1386" s="1106"/>
      <c r="AV1386" s="1106"/>
      <c r="AW1386" s="1106"/>
      <c r="AX1386" s="1106"/>
      <c r="AY1386" s="1106"/>
      <c r="AZ1386" s="1106"/>
      <c r="BA1386" s="1106"/>
      <c r="BB1386" s="1106"/>
      <c r="BC1386" s="1106"/>
      <c r="BD1386" s="1106"/>
      <c r="BE1386" s="1106"/>
      <c r="BF1386" s="1106"/>
      <c r="BG1386" s="1106"/>
      <c r="BH1386" s="1106"/>
      <c r="BI1386" s="1106"/>
      <c r="BJ1386" s="1106"/>
      <c r="BK1386" s="1106"/>
      <c r="BL1386" s="1106"/>
      <c r="BM1386" s="1106"/>
      <c r="BN1386" s="1106"/>
      <c r="BO1386" s="1106"/>
      <c r="BP1386" s="1106"/>
      <c r="BQ1386" s="1106"/>
      <c r="BR1386" s="1106"/>
      <c r="BS1386" s="1106"/>
      <c r="BT1386" s="1106"/>
      <c r="BU1386" s="1106"/>
      <c r="BV1386" s="1106"/>
      <c r="BW1386" s="1106"/>
      <c r="BX1386" s="1106"/>
      <c r="BY1386" s="1106"/>
      <c r="BZ1386" s="1106"/>
      <c r="CA1386" s="1106"/>
    </row>
    <row r="1387" spans="3:79" ht="9" customHeight="1" x14ac:dyDescent="0.2">
      <c r="C1387" s="1106"/>
      <c r="D1387" s="1106"/>
      <c r="E1387" s="1106"/>
      <c r="F1387" s="1106"/>
      <c r="G1387" s="1106"/>
      <c r="H1387" s="1106"/>
      <c r="I1387" s="1106"/>
      <c r="J1387" s="1106"/>
      <c r="K1387" s="1106"/>
      <c r="L1387" s="1106"/>
      <c r="M1387" s="1106"/>
      <c r="N1387" s="1106"/>
      <c r="O1387" s="1106"/>
      <c r="AB1387" s="1106"/>
      <c r="AC1387" s="1106"/>
      <c r="AD1387" s="1106"/>
      <c r="AE1387" s="1106"/>
      <c r="AF1387" s="1106"/>
      <c r="AG1387" s="1106"/>
      <c r="AH1387" s="1106"/>
      <c r="AL1387" s="1106"/>
      <c r="AZ1387" s="1106"/>
      <c r="BA1387" s="1106"/>
      <c r="BB1387" s="1106"/>
      <c r="BC1387" s="1106"/>
      <c r="BD1387" s="1106"/>
      <c r="BE1387" s="1106"/>
      <c r="BF1387" s="1106"/>
      <c r="BG1387" s="1106"/>
      <c r="BH1387" s="1106"/>
      <c r="BI1387" s="1106"/>
      <c r="BJ1387" s="1106"/>
      <c r="BK1387" s="1106"/>
      <c r="BL1387" s="1106"/>
      <c r="BM1387" s="1106"/>
      <c r="BN1387" s="1106"/>
      <c r="BO1387" s="1106"/>
      <c r="BP1387" s="1106"/>
      <c r="BQ1387" s="1106"/>
      <c r="BR1387" s="1106"/>
      <c r="BS1387" s="1106"/>
      <c r="BT1387" s="1106"/>
      <c r="BU1387" s="1106"/>
      <c r="BV1387" s="1106"/>
      <c r="BW1387" s="1106"/>
      <c r="BX1387" s="1106"/>
      <c r="BY1387" s="1106"/>
      <c r="BZ1387" s="1106"/>
      <c r="CA1387" s="1106"/>
    </row>
    <row r="1388" spans="3:79" ht="9" customHeight="1" x14ac:dyDescent="0.2">
      <c r="C1388" s="1106"/>
      <c r="D1388" s="1106"/>
      <c r="E1388" s="1106"/>
      <c r="F1388" s="1106"/>
      <c r="G1388" s="1106"/>
      <c r="H1388" s="1106"/>
      <c r="I1388" s="1106"/>
      <c r="J1388" s="1106"/>
      <c r="K1388" s="1106"/>
      <c r="L1388" s="1106"/>
      <c r="M1388" s="1106"/>
      <c r="N1388" s="1106"/>
      <c r="O1388" s="1106"/>
      <c r="AB1388" s="1106"/>
      <c r="AC1388" s="1106"/>
      <c r="AD1388" s="1106"/>
      <c r="AE1388" s="1106"/>
      <c r="AF1388" s="1106"/>
      <c r="AG1388" s="1106"/>
      <c r="AH1388" s="1106"/>
      <c r="AL1388" s="1106"/>
      <c r="AZ1388" s="1106"/>
      <c r="BA1388" s="1106"/>
      <c r="BB1388" s="1106"/>
      <c r="BC1388" s="1106"/>
      <c r="BD1388" s="1106"/>
      <c r="BE1388" s="1106"/>
      <c r="BF1388" s="1106"/>
      <c r="BG1388" s="1106"/>
      <c r="BH1388" s="1106"/>
      <c r="BI1388" s="1106"/>
      <c r="BJ1388" s="1106"/>
      <c r="BK1388" s="1106"/>
      <c r="BL1388" s="1106"/>
      <c r="BM1388" s="1106"/>
      <c r="BN1388" s="1106"/>
      <c r="BO1388" s="1106"/>
      <c r="BP1388" s="1106"/>
      <c r="BQ1388" s="1106"/>
      <c r="BR1388" s="1106"/>
      <c r="BS1388" s="1106"/>
      <c r="BT1388" s="1106"/>
      <c r="BU1388" s="1106"/>
      <c r="BV1388" s="1106"/>
      <c r="BW1388" s="1106"/>
      <c r="BX1388" s="1106"/>
      <c r="BY1388" s="1106"/>
      <c r="BZ1388" s="1106"/>
      <c r="CA1388" s="1106"/>
    </row>
    <row r="1389" spans="3:79" ht="9" customHeight="1" x14ac:dyDescent="0.2">
      <c r="C1389" s="1106"/>
      <c r="D1389" s="1106"/>
      <c r="E1389" s="1106"/>
      <c r="F1389" s="1106"/>
      <c r="G1389" s="1106"/>
      <c r="H1389" s="1106"/>
      <c r="I1389" s="1106"/>
      <c r="J1389" s="1106"/>
      <c r="K1389" s="1106"/>
      <c r="L1389" s="1106"/>
      <c r="M1389" s="1106"/>
      <c r="N1389" s="1106"/>
      <c r="O1389" s="1106"/>
      <c r="AB1389" s="1106"/>
      <c r="AC1389" s="1106"/>
      <c r="AD1389" s="1106"/>
      <c r="AE1389" s="1106"/>
      <c r="AF1389" s="1106"/>
      <c r="AG1389" s="1106"/>
      <c r="AH1389" s="1106"/>
      <c r="AL1389" s="1106"/>
      <c r="AZ1389" s="1106"/>
      <c r="BA1389" s="1106"/>
      <c r="BB1389" s="1106"/>
      <c r="BC1389" s="1106"/>
      <c r="BD1389" s="1106"/>
      <c r="BE1389" s="1106"/>
      <c r="BF1389" s="1106"/>
      <c r="BG1389" s="1106"/>
      <c r="BH1389" s="1106"/>
      <c r="BI1389" s="1106"/>
      <c r="BJ1389" s="1106"/>
      <c r="BK1389" s="1106"/>
      <c r="BL1389" s="1106"/>
      <c r="BM1389" s="1106"/>
      <c r="BN1389" s="1106"/>
      <c r="BO1389" s="1106"/>
      <c r="BP1389" s="1106"/>
      <c r="BQ1389" s="1106"/>
      <c r="BR1389" s="1106"/>
      <c r="BS1389" s="1106"/>
      <c r="BT1389" s="1106"/>
      <c r="BU1389" s="1106"/>
      <c r="BV1389" s="1106"/>
      <c r="BW1389" s="1106"/>
      <c r="BX1389" s="1106"/>
      <c r="BY1389" s="1106"/>
      <c r="BZ1389" s="1106"/>
      <c r="CA1389" s="1106"/>
    </row>
    <row r="1390" spans="3:79" ht="9" customHeight="1" x14ac:dyDescent="0.2">
      <c r="C1390" s="1106"/>
      <c r="D1390" s="1106"/>
      <c r="E1390" s="1106"/>
      <c r="F1390" s="1106"/>
      <c r="G1390" s="1106"/>
      <c r="H1390" s="1106"/>
      <c r="I1390" s="1106"/>
      <c r="J1390" s="1106"/>
      <c r="K1390" s="1106"/>
      <c r="L1390" s="1106"/>
      <c r="M1390" s="1106"/>
      <c r="N1390" s="1106"/>
      <c r="O1390" s="1106"/>
      <c r="U1390" s="1106"/>
      <c r="AB1390" s="1106"/>
      <c r="AC1390" s="1106"/>
      <c r="AD1390" s="1106"/>
      <c r="AE1390" s="1106"/>
      <c r="AF1390" s="1106"/>
      <c r="AG1390" s="1106"/>
      <c r="AH1390" s="1106"/>
      <c r="AL1390" s="1106"/>
      <c r="AT1390" s="1106"/>
      <c r="AU1390" s="1106"/>
      <c r="AV1390" s="1106"/>
      <c r="AW1390" s="1106"/>
      <c r="AX1390" s="1106"/>
      <c r="AY1390" s="1106"/>
      <c r="AZ1390" s="1106"/>
      <c r="BA1390" s="1106"/>
      <c r="BB1390" s="1106"/>
      <c r="BC1390" s="1106"/>
      <c r="BD1390" s="1106"/>
      <c r="BE1390" s="1106"/>
      <c r="BF1390" s="1106"/>
      <c r="BG1390" s="1106"/>
      <c r="BH1390" s="1106"/>
      <c r="BI1390" s="1106"/>
      <c r="BJ1390" s="1106"/>
      <c r="BK1390" s="1106"/>
      <c r="BL1390" s="1106"/>
      <c r="BM1390" s="1106"/>
      <c r="BN1390" s="1106"/>
      <c r="BO1390" s="1106"/>
      <c r="BP1390" s="1106"/>
      <c r="BQ1390" s="1106"/>
      <c r="BR1390" s="1106"/>
      <c r="BS1390" s="1106"/>
      <c r="BT1390" s="1106"/>
      <c r="BU1390" s="1106"/>
      <c r="BV1390" s="1106"/>
      <c r="BW1390" s="1106"/>
      <c r="BX1390" s="1106"/>
      <c r="BY1390" s="1106"/>
      <c r="BZ1390" s="1106"/>
      <c r="CA1390" s="1106"/>
    </row>
    <row r="1391" spans="3:79" ht="9" customHeight="1" x14ac:dyDescent="0.2">
      <c r="C1391" s="1106"/>
      <c r="D1391" s="1106"/>
      <c r="E1391" s="1106"/>
      <c r="F1391" s="1106"/>
      <c r="G1391" s="1106"/>
      <c r="H1391" s="1106"/>
      <c r="I1391" s="1106"/>
      <c r="J1391" s="1106"/>
      <c r="K1391" s="1106"/>
      <c r="L1391" s="1106"/>
      <c r="M1391" s="1106"/>
      <c r="N1391" s="1106"/>
      <c r="O1391" s="1106"/>
      <c r="U1391" s="1106"/>
      <c r="AB1391" s="1106"/>
      <c r="AC1391" s="1106"/>
      <c r="AD1391" s="1106"/>
      <c r="AE1391" s="1106"/>
      <c r="AF1391" s="1106"/>
      <c r="AG1391" s="1106"/>
      <c r="AH1391" s="1106"/>
      <c r="AL1391" s="1106"/>
      <c r="AO1391" s="1106"/>
      <c r="AP1391" s="1106"/>
      <c r="AT1391" s="1106"/>
      <c r="AU1391" s="1106"/>
      <c r="AV1391" s="1106"/>
      <c r="AW1391" s="1106"/>
      <c r="AX1391" s="1106"/>
      <c r="AY1391" s="1106"/>
      <c r="AZ1391" s="1106"/>
      <c r="BA1391" s="1106"/>
      <c r="BB1391" s="1106"/>
      <c r="BC1391" s="1106"/>
      <c r="BD1391" s="1106"/>
      <c r="BE1391" s="1106"/>
      <c r="BF1391" s="1106"/>
      <c r="BG1391" s="1106"/>
      <c r="BH1391" s="1106"/>
      <c r="BI1391" s="1106"/>
      <c r="BJ1391" s="1106"/>
      <c r="BK1391" s="1106"/>
      <c r="BL1391" s="1106"/>
      <c r="BM1391" s="1106"/>
      <c r="BN1391" s="1106"/>
      <c r="BO1391" s="1106"/>
      <c r="BP1391" s="1106"/>
      <c r="BQ1391" s="1106"/>
      <c r="BR1391" s="1106"/>
      <c r="BS1391" s="1106"/>
      <c r="BT1391" s="1106"/>
      <c r="BU1391" s="1106"/>
      <c r="BV1391" s="1106"/>
      <c r="BW1391" s="1106"/>
      <c r="BX1391" s="1106"/>
      <c r="BY1391" s="1106"/>
      <c r="BZ1391" s="1106"/>
      <c r="CA1391" s="1106"/>
    </row>
    <row r="1392" spans="3:79" ht="9" customHeight="1" x14ac:dyDescent="0.2">
      <c r="C1392" s="1106"/>
      <c r="D1392" s="1106"/>
      <c r="E1392" s="1106"/>
      <c r="F1392" s="1106"/>
      <c r="G1392" s="1106"/>
      <c r="H1392" s="1106"/>
      <c r="I1392" s="1106"/>
      <c r="J1392" s="1106"/>
      <c r="K1392" s="1106"/>
      <c r="L1392" s="1106"/>
      <c r="M1392" s="1106"/>
      <c r="N1392" s="1106"/>
      <c r="O1392" s="1106"/>
      <c r="U1392" s="1106"/>
      <c r="AB1392" s="1106"/>
      <c r="AC1392" s="1106"/>
      <c r="AD1392" s="1106"/>
      <c r="AE1392" s="1106"/>
      <c r="AF1392" s="1106"/>
      <c r="AG1392" s="1106"/>
      <c r="AH1392" s="1106"/>
      <c r="AL1392" s="1106"/>
      <c r="AT1392" s="1106"/>
      <c r="AU1392" s="1106"/>
      <c r="AV1392" s="1106"/>
      <c r="AW1392" s="1106"/>
      <c r="AX1392" s="1106"/>
      <c r="AY1392" s="1106"/>
      <c r="AZ1392" s="1106"/>
      <c r="BA1392" s="1106"/>
      <c r="BB1392" s="1106"/>
      <c r="BC1392" s="1106"/>
      <c r="BD1392" s="1106"/>
      <c r="BE1392" s="1106"/>
      <c r="BF1392" s="1106"/>
      <c r="BG1392" s="1106"/>
      <c r="BH1392" s="1106"/>
      <c r="BI1392" s="1106"/>
      <c r="BJ1392" s="1106"/>
      <c r="BK1392" s="1106"/>
      <c r="BL1392" s="1106"/>
      <c r="BM1392" s="1106"/>
      <c r="BN1392" s="1106"/>
      <c r="BO1392" s="1106"/>
      <c r="BP1392" s="1106"/>
      <c r="BQ1392" s="1106"/>
      <c r="BR1392" s="1106"/>
      <c r="BS1392" s="1106"/>
      <c r="BT1392" s="1106"/>
      <c r="BU1392" s="1106"/>
      <c r="BV1392" s="1106"/>
      <c r="BW1392" s="1106"/>
      <c r="BX1392" s="1106"/>
      <c r="BY1392" s="1106"/>
      <c r="BZ1392" s="1106"/>
      <c r="CA1392" s="1106"/>
    </row>
    <row r="1393" spans="3:79" ht="9" customHeight="1" x14ac:dyDescent="0.2">
      <c r="C1393" s="1106"/>
      <c r="D1393" s="1106"/>
      <c r="E1393" s="1106"/>
      <c r="F1393" s="1106"/>
      <c r="G1393" s="1106"/>
      <c r="H1393" s="1106"/>
      <c r="I1393" s="1106"/>
      <c r="J1393" s="1106"/>
      <c r="K1393" s="1106"/>
      <c r="L1393" s="1106"/>
      <c r="M1393" s="1106"/>
      <c r="N1393" s="1106"/>
      <c r="O1393" s="1106"/>
      <c r="AB1393" s="1106"/>
      <c r="AC1393" s="1106"/>
      <c r="AD1393" s="1106"/>
      <c r="AE1393" s="1106"/>
      <c r="AF1393" s="1106"/>
      <c r="AG1393" s="1106"/>
      <c r="AH1393" s="1106"/>
      <c r="AL1393" s="1106"/>
      <c r="AZ1393" s="1106"/>
      <c r="BA1393" s="1106"/>
      <c r="BB1393" s="1106"/>
      <c r="BC1393" s="1106"/>
      <c r="BD1393" s="1106"/>
      <c r="BE1393" s="1106"/>
      <c r="BF1393" s="1106"/>
      <c r="BG1393" s="1106"/>
      <c r="BH1393" s="1106"/>
      <c r="BI1393" s="1106"/>
      <c r="BJ1393" s="1106"/>
      <c r="BK1393" s="1106"/>
      <c r="BL1393" s="1106"/>
      <c r="BM1393" s="1106"/>
      <c r="BN1393" s="1106"/>
      <c r="BO1393" s="1106"/>
      <c r="BP1393" s="1106"/>
      <c r="BQ1393" s="1106"/>
      <c r="BR1393" s="1106"/>
      <c r="BS1393" s="1106"/>
      <c r="BT1393" s="1106"/>
      <c r="BU1393" s="1106"/>
      <c r="BV1393" s="1106"/>
      <c r="BW1393" s="1106"/>
      <c r="BX1393" s="1106"/>
      <c r="BY1393" s="1106"/>
      <c r="BZ1393" s="1106"/>
      <c r="CA1393" s="1106"/>
    </row>
    <row r="1394" spans="3:79" ht="9" customHeight="1" x14ac:dyDescent="0.2">
      <c r="C1394" s="1106"/>
      <c r="D1394" s="1106"/>
      <c r="E1394" s="1106"/>
      <c r="F1394" s="1106"/>
      <c r="G1394" s="1106"/>
      <c r="H1394" s="1106"/>
      <c r="I1394" s="1106"/>
      <c r="J1394" s="1106"/>
      <c r="K1394" s="1106"/>
      <c r="L1394" s="1106"/>
      <c r="M1394" s="1106"/>
      <c r="N1394" s="1106"/>
      <c r="O1394" s="1106"/>
      <c r="AB1394" s="1106"/>
      <c r="AC1394" s="1106"/>
      <c r="AD1394" s="1106"/>
      <c r="AE1394" s="1106"/>
      <c r="AF1394" s="1106"/>
      <c r="AG1394" s="1106"/>
      <c r="AH1394" s="1106"/>
      <c r="AL1394" s="1106"/>
      <c r="AZ1394" s="1106"/>
      <c r="BA1394" s="1106"/>
      <c r="BB1394" s="1106"/>
      <c r="BC1394" s="1106"/>
      <c r="BD1394" s="1106"/>
      <c r="BE1394" s="1106"/>
      <c r="BF1394" s="1106"/>
      <c r="BG1394" s="1106"/>
      <c r="BH1394" s="1106"/>
      <c r="BI1394" s="1106"/>
      <c r="BJ1394" s="1106"/>
      <c r="BK1394" s="1106"/>
      <c r="BL1394" s="1106"/>
      <c r="BM1394" s="1106"/>
      <c r="BN1394" s="1106"/>
      <c r="BO1394" s="1106"/>
      <c r="BP1394" s="1106"/>
      <c r="BQ1394" s="1106"/>
      <c r="BR1394" s="1106"/>
      <c r="BS1394" s="1106"/>
      <c r="BT1394" s="1106"/>
      <c r="BU1394" s="1106"/>
      <c r="BV1394" s="1106"/>
      <c r="BW1394" s="1106"/>
      <c r="BX1394" s="1106"/>
      <c r="BY1394" s="1106"/>
      <c r="BZ1394" s="1106"/>
      <c r="CA1394" s="1106"/>
    </row>
    <row r="1395" spans="3:79" ht="9" customHeight="1" x14ac:dyDescent="0.2">
      <c r="C1395" s="1106"/>
      <c r="D1395" s="1106"/>
      <c r="E1395" s="1106"/>
      <c r="F1395" s="1106"/>
      <c r="G1395" s="1106"/>
      <c r="H1395" s="1106"/>
      <c r="I1395" s="1106"/>
      <c r="J1395" s="1106"/>
      <c r="K1395" s="1106"/>
      <c r="L1395" s="1106"/>
      <c r="M1395" s="1106"/>
      <c r="N1395" s="1106"/>
      <c r="O1395" s="1106"/>
      <c r="AB1395" s="1106"/>
      <c r="AC1395" s="1106"/>
      <c r="AD1395" s="1106"/>
      <c r="AE1395" s="1106"/>
      <c r="AF1395" s="1106"/>
      <c r="AG1395" s="1106"/>
      <c r="AH1395" s="1106"/>
      <c r="AL1395" s="1106"/>
      <c r="AZ1395" s="1106"/>
      <c r="BA1395" s="1106"/>
      <c r="BB1395" s="1106"/>
      <c r="BC1395" s="1106"/>
      <c r="BD1395" s="1106"/>
      <c r="BE1395" s="1106"/>
      <c r="BF1395" s="1106"/>
      <c r="BG1395" s="1106"/>
      <c r="BH1395" s="1106"/>
      <c r="BI1395" s="1106"/>
      <c r="BJ1395" s="1106"/>
      <c r="BK1395" s="1106"/>
      <c r="BL1395" s="1106"/>
      <c r="BM1395" s="1106"/>
      <c r="BN1395" s="1106"/>
      <c r="BO1395" s="1106"/>
      <c r="BP1395" s="1106"/>
      <c r="BQ1395" s="1106"/>
      <c r="BR1395" s="1106"/>
      <c r="BS1395" s="1106"/>
      <c r="BT1395" s="1106"/>
      <c r="BU1395" s="1106"/>
      <c r="BV1395" s="1106"/>
      <c r="BW1395" s="1106"/>
      <c r="BX1395" s="1106"/>
      <c r="BY1395" s="1106"/>
      <c r="BZ1395" s="1106"/>
      <c r="CA1395" s="1106"/>
    </row>
    <row r="1396" spans="3:79" ht="9" customHeight="1" x14ac:dyDescent="0.2">
      <c r="C1396" s="1106"/>
      <c r="D1396" s="1106"/>
      <c r="E1396" s="1106"/>
      <c r="F1396" s="1106"/>
      <c r="G1396" s="1106"/>
      <c r="H1396" s="1106"/>
      <c r="I1396" s="1106"/>
      <c r="J1396" s="1106"/>
      <c r="K1396" s="1106"/>
      <c r="L1396" s="1106"/>
      <c r="M1396" s="1106"/>
      <c r="N1396" s="1106"/>
      <c r="O1396" s="1106"/>
      <c r="U1396" s="1106"/>
      <c r="AB1396" s="1106"/>
      <c r="AC1396" s="1106"/>
      <c r="AD1396" s="1106"/>
      <c r="AE1396" s="1106"/>
      <c r="AF1396" s="1106"/>
      <c r="AG1396" s="1106"/>
      <c r="AH1396" s="1106"/>
      <c r="AL1396" s="1106"/>
      <c r="AT1396" s="1106"/>
      <c r="AU1396" s="1106"/>
      <c r="AV1396" s="1106"/>
      <c r="AW1396" s="1106"/>
      <c r="AX1396" s="1106"/>
      <c r="AY1396" s="1106"/>
      <c r="AZ1396" s="1106"/>
      <c r="BA1396" s="1106"/>
      <c r="BB1396" s="1106"/>
      <c r="BC1396" s="1106"/>
      <c r="BD1396" s="1106"/>
      <c r="BE1396" s="1106"/>
      <c r="BF1396" s="1106"/>
      <c r="BG1396" s="1106"/>
      <c r="BH1396" s="1106"/>
      <c r="BI1396" s="1106"/>
      <c r="BJ1396" s="1106"/>
      <c r="BK1396" s="1106"/>
      <c r="BL1396" s="1106"/>
      <c r="BM1396" s="1106"/>
      <c r="BN1396" s="1106"/>
      <c r="BO1396" s="1106"/>
      <c r="BP1396" s="1106"/>
      <c r="BQ1396" s="1106"/>
      <c r="BR1396" s="1106"/>
      <c r="BS1396" s="1106"/>
      <c r="BT1396" s="1106"/>
      <c r="BU1396" s="1106"/>
      <c r="BV1396" s="1106"/>
      <c r="BW1396" s="1106"/>
      <c r="BX1396" s="1106"/>
      <c r="BY1396" s="1106"/>
      <c r="BZ1396" s="1106"/>
      <c r="CA1396" s="1106"/>
    </row>
    <row r="1397" spans="3:79" ht="9" customHeight="1" x14ac:dyDescent="0.2">
      <c r="C1397" s="1106"/>
      <c r="D1397" s="1106"/>
      <c r="E1397" s="1106"/>
      <c r="F1397" s="1106"/>
      <c r="G1397" s="1106"/>
      <c r="H1397" s="1106"/>
      <c r="I1397" s="1106"/>
      <c r="J1397" s="1106"/>
      <c r="K1397" s="1106"/>
      <c r="L1397" s="1106"/>
      <c r="M1397" s="1106"/>
      <c r="N1397" s="1106"/>
      <c r="O1397" s="1106"/>
      <c r="U1397" s="1106"/>
      <c r="AB1397" s="1106"/>
      <c r="AC1397" s="1106"/>
      <c r="AD1397" s="1106"/>
      <c r="AE1397" s="1106"/>
      <c r="AF1397" s="1106"/>
      <c r="AG1397" s="1106"/>
      <c r="AH1397" s="1106"/>
      <c r="AL1397" s="1106"/>
      <c r="AO1397" s="1106"/>
      <c r="AP1397" s="1106"/>
      <c r="AT1397" s="1106"/>
      <c r="AU1397" s="1106"/>
      <c r="AV1397" s="1106"/>
      <c r="AW1397" s="1106"/>
      <c r="AX1397" s="1106"/>
      <c r="AY1397" s="1106"/>
      <c r="AZ1397" s="1106"/>
      <c r="BA1397" s="1106"/>
      <c r="BB1397" s="1106"/>
      <c r="BC1397" s="1106"/>
      <c r="BD1397" s="1106"/>
      <c r="BE1397" s="1106"/>
      <c r="BF1397" s="1106"/>
      <c r="BG1397" s="1106"/>
      <c r="BH1397" s="1106"/>
      <c r="BI1397" s="1106"/>
      <c r="BJ1397" s="1106"/>
      <c r="BK1397" s="1106"/>
      <c r="BL1397" s="1106"/>
      <c r="BM1397" s="1106"/>
      <c r="BN1397" s="1106"/>
      <c r="BO1397" s="1106"/>
      <c r="BP1397" s="1106"/>
      <c r="BQ1397" s="1106"/>
      <c r="BR1397" s="1106"/>
      <c r="BS1397" s="1106"/>
      <c r="BT1397" s="1106"/>
      <c r="BU1397" s="1106"/>
      <c r="BV1397" s="1106"/>
      <c r="BW1397" s="1106"/>
      <c r="BX1397" s="1106"/>
      <c r="BY1397" s="1106"/>
      <c r="BZ1397" s="1106"/>
      <c r="CA1397" s="1106"/>
    </row>
    <row r="1398" spans="3:79" ht="9" customHeight="1" x14ac:dyDescent="0.2">
      <c r="C1398" s="1106"/>
      <c r="D1398" s="1106"/>
      <c r="E1398" s="1106"/>
      <c r="F1398" s="1106"/>
      <c r="G1398" s="1106"/>
      <c r="H1398" s="1106"/>
      <c r="I1398" s="1106"/>
      <c r="J1398" s="1106"/>
      <c r="K1398" s="1106"/>
      <c r="L1398" s="1106"/>
      <c r="M1398" s="1106"/>
      <c r="N1398" s="1106"/>
      <c r="O1398" s="1106"/>
      <c r="U1398" s="1106"/>
      <c r="AB1398" s="1106"/>
      <c r="AC1398" s="1106"/>
      <c r="AD1398" s="1106"/>
      <c r="AE1398" s="1106"/>
      <c r="AF1398" s="1106"/>
      <c r="AG1398" s="1106"/>
      <c r="AH1398" s="1106"/>
      <c r="AL1398" s="1106"/>
      <c r="AT1398" s="1106"/>
      <c r="AU1398" s="1106"/>
      <c r="AV1398" s="1106"/>
      <c r="AW1398" s="1106"/>
      <c r="AX1398" s="1106"/>
      <c r="AY1398" s="1106"/>
      <c r="AZ1398" s="1106"/>
      <c r="BA1398" s="1106"/>
      <c r="BB1398" s="1106"/>
      <c r="BC1398" s="1106"/>
      <c r="BD1398" s="1106"/>
      <c r="BE1398" s="1106"/>
      <c r="BF1398" s="1106"/>
      <c r="BG1398" s="1106"/>
      <c r="BH1398" s="1106"/>
      <c r="BI1398" s="1106"/>
      <c r="BJ1398" s="1106"/>
      <c r="BK1398" s="1106"/>
      <c r="BL1398" s="1106"/>
      <c r="BM1398" s="1106"/>
      <c r="BN1398" s="1106"/>
      <c r="BO1398" s="1106"/>
      <c r="BP1398" s="1106"/>
      <c r="BQ1398" s="1106"/>
      <c r="BR1398" s="1106"/>
      <c r="BS1398" s="1106"/>
      <c r="BT1398" s="1106"/>
      <c r="BU1398" s="1106"/>
      <c r="BV1398" s="1106"/>
      <c r="BW1398" s="1106"/>
      <c r="BX1398" s="1106"/>
      <c r="BY1398" s="1106"/>
      <c r="BZ1398" s="1106"/>
      <c r="CA1398" s="1106"/>
    </row>
    <row r="1399" spans="3:79" ht="9" customHeight="1" x14ac:dyDescent="0.2">
      <c r="C1399" s="1106"/>
      <c r="D1399" s="1106"/>
      <c r="E1399" s="1106"/>
      <c r="F1399" s="1106"/>
      <c r="G1399" s="1106"/>
      <c r="H1399" s="1106"/>
      <c r="I1399" s="1106"/>
      <c r="J1399" s="1106"/>
      <c r="K1399" s="1106"/>
      <c r="L1399" s="1106"/>
      <c r="M1399" s="1106"/>
      <c r="N1399" s="1106"/>
      <c r="O1399" s="1106"/>
      <c r="AB1399" s="1106"/>
      <c r="AC1399" s="1106"/>
      <c r="AD1399" s="1106"/>
      <c r="AE1399" s="1106"/>
      <c r="AF1399" s="1106"/>
      <c r="AG1399" s="1106"/>
      <c r="AH1399" s="1106"/>
      <c r="AL1399" s="1106"/>
      <c r="AZ1399" s="1106"/>
      <c r="BA1399" s="1106"/>
      <c r="BB1399" s="1106"/>
      <c r="BC1399" s="1106"/>
      <c r="BD1399" s="1106"/>
      <c r="BE1399" s="1106"/>
      <c r="BF1399" s="1106"/>
      <c r="BG1399" s="1106"/>
      <c r="BH1399" s="1106"/>
      <c r="BI1399" s="1106"/>
      <c r="BJ1399" s="1106"/>
      <c r="BK1399" s="1106"/>
      <c r="BL1399" s="1106"/>
      <c r="BM1399" s="1106"/>
      <c r="BN1399" s="1106"/>
      <c r="BO1399" s="1106"/>
      <c r="BP1399" s="1106"/>
      <c r="BQ1399" s="1106"/>
      <c r="BR1399" s="1106"/>
      <c r="BS1399" s="1106"/>
      <c r="BT1399" s="1106"/>
      <c r="BU1399" s="1106"/>
      <c r="BV1399" s="1106"/>
      <c r="BW1399" s="1106"/>
      <c r="BX1399" s="1106"/>
      <c r="BY1399" s="1106"/>
      <c r="BZ1399" s="1106"/>
      <c r="CA1399" s="1106"/>
    </row>
    <row r="1400" spans="3:79" ht="9" customHeight="1" x14ac:dyDescent="0.2">
      <c r="C1400" s="1106"/>
      <c r="D1400" s="1106"/>
      <c r="E1400" s="1106"/>
      <c r="F1400" s="1106"/>
      <c r="G1400" s="1106"/>
      <c r="H1400" s="1106"/>
      <c r="I1400" s="1106"/>
      <c r="J1400" s="1106"/>
      <c r="K1400" s="1106"/>
      <c r="L1400" s="1106"/>
      <c r="M1400" s="1106"/>
      <c r="N1400" s="1106"/>
      <c r="O1400" s="1106"/>
      <c r="AB1400" s="1106"/>
      <c r="AC1400" s="1106"/>
      <c r="AD1400" s="1106"/>
      <c r="AE1400" s="1106"/>
      <c r="AF1400" s="1106"/>
      <c r="AG1400" s="1106"/>
      <c r="AH1400" s="1106"/>
      <c r="AL1400" s="1106"/>
      <c r="AZ1400" s="1106"/>
      <c r="BA1400" s="1106"/>
      <c r="BB1400" s="1106"/>
      <c r="BC1400" s="1106"/>
      <c r="BD1400" s="1106"/>
      <c r="BE1400" s="1106"/>
      <c r="BF1400" s="1106"/>
      <c r="BG1400" s="1106"/>
      <c r="BH1400" s="1106"/>
      <c r="BI1400" s="1106"/>
      <c r="BJ1400" s="1106"/>
      <c r="BK1400" s="1106"/>
      <c r="BL1400" s="1106"/>
      <c r="BM1400" s="1106"/>
      <c r="BN1400" s="1106"/>
      <c r="BO1400" s="1106"/>
      <c r="BP1400" s="1106"/>
      <c r="BQ1400" s="1106"/>
      <c r="BR1400" s="1106"/>
      <c r="BS1400" s="1106"/>
      <c r="BT1400" s="1106"/>
      <c r="BU1400" s="1106"/>
      <c r="BV1400" s="1106"/>
      <c r="BW1400" s="1106"/>
      <c r="BX1400" s="1106"/>
      <c r="BY1400" s="1106"/>
      <c r="BZ1400" s="1106"/>
      <c r="CA1400" s="1106"/>
    </row>
    <row r="1401" spans="3:79" ht="9" customHeight="1" x14ac:dyDescent="0.2">
      <c r="C1401" s="1106"/>
      <c r="D1401" s="1106"/>
      <c r="E1401" s="1106"/>
      <c r="F1401" s="1106"/>
      <c r="G1401" s="1106"/>
      <c r="H1401" s="1106"/>
      <c r="I1401" s="1106"/>
      <c r="J1401" s="1106"/>
      <c r="K1401" s="1106"/>
      <c r="L1401" s="1106"/>
      <c r="M1401" s="1106"/>
      <c r="N1401" s="1106"/>
      <c r="O1401" s="1106"/>
      <c r="AB1401" s="1106"/>
      <c r="AC1401" s="1106"/>
      <c r="AD1401" s="1106"/>
      <c r="AE1401" s="1106"/>
      <c r="AF1401" s="1106"/>
      <c r="AG1401" s="1106"/>
      <c r="AH1401" s="1106"/>
      <c r="AL1401" s="1106"/>
      <c r="AZ1401" s="1106"/>
      <c r="BA1401" s="1106"/>
      <c r="BB1401" s="1106"/>
      <c r="BC1401" s="1106"/>
      <c r="BD1401" s="1106"/>
      <c r="BE1401" s="1106"/>
      <c r="BF1401" s="1106"/>
      <c r="BG1401" s="1106"/>
      <c r="BH1401" s="1106"/>
      <c r="BI1401" s="1106"/>
      <c r="BJ1401" s="1106"/>
      <c r="BK1401" s="1106"/>
      <c r="BL1401" s="1106"/>
      <c r="BM1401" s="1106"/>
      <c r="BN1401" s="1106"/>
      <c r="BO1401" s="1106"/>
      <c r="BP1401" s="1106"/>
      <c r="BQ1401" s="1106"/>
      <c r="BR1401" s="1106"/>
      <c r="BS1401" s="1106"/>
      <c r="BT1401" s="1106"/>
      <c r="BU1401" s="1106"/>
      <c r="BV1401" s="1106"/>
      <c r="BW1401" s="1106"/>
      <c r="BX1401" s="1106"/>
      <c r="BY1401" s="1106"/>
      <c r="BZ1401" s="1106"/>
      <c r="CA1401" s="1106"/>
    </row>
    <row r="1402" spans="3:79" ht="9" customHeight="1" x14ac:dyDescent="0.2">
      <c r="C1402" s="1106"/>
      <c r="D1402" s="1106"/>
      <c r="E1402" s="1106"/>
      <c r="F1402" s="1106"/>
      <c r="G1402" s="1106"/>
      <c r="H1402" s="1106"/>
      <c r="I1402" s="1106"/>
      <c r="J1402" s="1106"/>
      <c r="K1402" s="1106"/>
      <c r="L1402" s="1106"/>
      <c r="M1402" s="1106"/>
      <c r="N1402" s="1106"/>
      <c r="O1402" s="1106"/>
      <c r="U1402" s="1106"/>
      <c r="AB1402" s="1106"/>
      <c r="AC1402" s="1106"/>
      <c r="AD1402" s="1106"/>
      <c r="AE1402" s="1106"/>
      <c r="AF1402" s="1106"/>
      <c r="AG1402" s="1106"/>
      <c r="AH1402" s="1106"/>
      <c r="AL1402" s="1106"/>
      <c r="AT1402" s="1106"/>
      <c r="AU1402" s="1106"/>
      <c r="AV1402" s="1106"/>
      <c r="AW1402" s="1106"/>
      <c r="AX1402" s="1106"/>
      <c r="AY1402" s="1106"/>
      <c r="AZ1402" s="1106"/>
      <c r="BA1402" s="1106"/>
      <c r="BB1402" s="1106"/>
      <c r="BC1402" s="1106"/>
      <c r="BD1402" s="1106"/>
      <c r="BE1402" s="1106"/>
      <c r="BF1402" s="1106"/>
      <c r="BG1402" s="1106"/>
      <c r="BH1402" s="1106"/>
      <c r="BI1402" s="1106"/>
      <c r="BJ1402" s="1106"/>
      <c r="BK1402" s="1106"/>
      <c r="BL1402" s="1106"/>
      <c r="BM1402" s="1106"/>
      <c r="BN1402" s="1106"/>
      <c r="BO1402" s="1106"/>
      <c r="BP1402" s="1106"/>
      <c r="BQ1402" s="1106"/>
      <c r="BR1402" s="1106"/>
      <c r="BS1402" s="1106"/>
      <c r="BT1402" s="1106"/>
      <c r="BU1402" s="1106"/>
      <c r="BV1402" s="1106"/>
      <c r="BW1402" s="1106"/>
      <c r="BX1402" s="1106"/>
      <c r="BY1402" s="1106"/>
      <c r="BZ1402" s="1106"/>
      <c r="CA1402" s="1106"/>
    </row>
    <row r="1403" spans="3:79" ht="9" customHeight="1" x14ac:dyDescent="0.2">
      <c r="C1403" s="1106"/>
      <c r="D1403" s="1106"/>
      <c r="E1403" s="1106"/>
      <c r="F1403" s="1106"/>
      <c r="G1403" s="1106"/>
      <c r="H1403" s="1106"/>
      <c r="I1403" s="1106"/>
      <c r="J1403" s="1106"/>
      <c r="K1403" s="1106"/>
      <c r="L1403" s="1106"/>
      <c r="M1403" s="1106"/>
      <c r="N1403" s="1106"/>
      <c r="O1403" s="1106"/>
      <c r="U1403" s="1106"/>
      <c r="AB1403" s="1106"/>
      <c r="AC1403" s="1106"/>
      <c r="AD1403" s="1106"/>
      <c r="AE1403" s="1106"/>
      <c r="AF1403" s="1106"/>
      <c r="AG1403" s="1106"/>
      <c r="AH1403" s="1106"/>
      <c r="AL1403" s="1106"/>
      <c r="AO1403" s="1106"/>
      <c r="AP1403" s="1106"/>
      <c r="AT1403" s="1106"/>
      <c r="AU1403" s="1106"/>
      <c r="AV1403" s="1106"/>
      <c r="AW1403" s="1106"/>
      <c r="AX1403" s="1106"/>
      <c r="AY1403" s="1106"/>
      <c r="AZ1403" s="1106"/>
      <c r="BA1403" s="1106"/>
      <c r="BB1403" s="1106"/>
      <c r="BC1403" s="1106"/>
      <c r="BD1403" s="1106"/>
      <c r="BE1403" s="1106"/>
      <c r="BF1403" s="1106"/>
      <c r="BG1403" s="1106"/>
      <c r="BH1403" s="1106"/>
      <c r="BI1403" s="1106"/>
      <c r="BJ1403" s="1106"/>
      <c r="BK1403" s="1106"/>
      <c r="BL1403" s="1106"/>
      <c r="BM1403" s="1106"/>
      <c r="BN1403" s="1106"/>
      <c r="BO1403" s="1106"/>
      <c r="BP1403" s="1106"/>
      <c r="BQ1403" s="1106"/>
      <c r="BR1403" s="1106"/>
      <c r="BS1403" s="1106"/>
      <c r="BT1403" s="1106"/>
      <c r="BU1403" s="1106"/>
      <c r="BV1403" s="1106"/>
      <c r="BW1403" s="1106"/>
      <c r="BX1403" s="1106"/>
      <c r="BY1403" s="1106"/>
      <c r="BZ1403" s="1106"/>
      <c r="CA1403" s="1106"/>
    </row>
    <row r="1404" spans="3:79" ht="9" customHeight="1" x14ac:dyDescent="0.2">
      <c r="C1404" s="1106"/>
      <c r="D1404" s="1106"/>
      <c r="E1404" s="1106"/>
      <c r="F1404" s="1106"/>
      <c r="G1404" s="1106"/>
      <c r="H1404" s="1106"/>
      <c r="I1404" s="1106"/>
      <c r="J1404" s="1106"/>
      <c r="K1404" s="1106"/>
      <c r="L1404" s="1106"/>
      <c r="M1404" s="1106"/>
      <c r="N1404" s="1106"/>
      <c r="O1404" s="1106"/>
      <c r="U1404" s="1106"/>
      <c r="AB1404" s="1106"/>
      <c r="AC1404" s="1106"/>
      <c r="AD1404" s="1106"/>
      <c r="AE1404" s="1106"/>
      <c r="AF1404" s="1106"/>
      <c r="AG1404" s="1106"/>
      <c r="AH1404" s="1106"/>
      <c r="AL1404" s="1106"/>
      <c r="AT1404" s="1106"/>
      <c r="AU1404" s="1106"/>
      <c r="AV1404" s="1106"/>
      <c r="AW1404" s="1106"/>
      <c r="AX1404" s="1106"/>
      <c r="AY1404" s="1106"/>
      <c r="AZ1404" s="1106"/>
      <c r="BA1404" s="1106"/>
      <c r="BB1404" s="1106"/>
      <c r="BC1404" s="1106"/>
      <c r="BD1404" s="1106"/>
      <c r="BE1404" s="1106"/>
      <c r="BF1404" s="1106"/>
      <c r="BG1404" s="1106"/>
      <c r="BH1404" s="1106"/>
      <c r="BI1404" s="1106"/>
      <c r="BJ1404" s="1106"/>
      <c r="BK1404" s="1106"/>
      <c r="BL1404" s="1106"/>
      <c r="BM1404" s="1106"/>
      <c r="BN1404" s="1106"/>
      <c r="BO1404" s="1106"/>
      <c r="BP1404" s="1106"/>
      <c r="BQ1404" s="1106"/>
      <c r="BR1404" s="1106"/>
      <c r="BS1404" s="1106"/>
      <c r="BT1404" s="1106"/>
      <c r="BU1404" s="1106"/>
      <c r="BV1404" s="1106"/>
      <c r="BW1404" s="1106"/>
      <c r="BX1404" s="1106"/>
      <c r="BY1404" s="1106"/>
      <c r="BZ1404" s="1106"/>
      <c r="CA1404" s="1106"/>
    </row>
    <row r="1405" spans="3:79" ht="9" customHeight="1" x14ac:dyDescent="0.2">
      <c r="C1405" s="1106"/>
      <c r="D1405" s="1106"/>
      <c r="E1405" s="1106"/>
      <c r="F1405" s="1106"/>
      <c r="G1405" s="1106"/>
      <c r="H1405" s="1106"/>
      <c r="I1405" s="1106"/>
      <c r="J1405" s="1106"/>
      <c r="K1405" s="1106"/>
      <c r="L1405" s="1106"/>
      <c r="M1405" s="1106"/>
      <c r="N1405" s="1106"/>
      <c r="O1405" s="1106"/>
      <c r="AB1405" s="1106"/>
      <c r="AC1405" s="1106"/>
      <c r="AD1405" s="1106"/>
      <c r="AE1405" s="1106"/>
      <c r="AF1405" s="1106"/>
      <c r="AG1405" s="1106"/>
      <c r="AH1405" s="1106"/>
      <c r="AL1405" s="1106"/>
      <c r="AZ1405" s="1106"/>
      <c r="BA1405" s="1106"/>
      <c r="BB1405" s="1106"/>
      <c r="BC1405" s="1106"/>
      <c r="BD1405" s="1106"/>
      <c r="BE1405" s="1106"/>
      <c r="BF1405" s="1106"/>
      <c r="BG1405" s="1106"/>
      <c r="BH1405" s="1106"/>
      <c r="BI1405" s="1106"/>
      <c r="BJ1405" s="1106"/>
      <c r="BK1405" s="1106"/>
      <c r="BL1405" s="1106"/>
      <c r="BM1405" s="1106"/>
      <c r="BN1405" s="1106"/>
      <c r="BO1405" s="1106"/>
      <c r="BP1405" s="1106"/>
      <c r="BQ1405" s="1106"/>
      <c r="BR1405" s="1106"/>
      <c r="BS1405" s="1106"/>
      <c r="BT1405" s="1106"/>
      <c r="BU1405" s="1106"/>
      <c r="BV1405" s="1106"/>
      <c r="BW1405" s="1106"/>
      <c r="BX1405" s="1106"/>
      <c r="BY1405" s="1106"/>
      <c r="BZ1405" s="1106"/>
      <c r="CA1405" s="1106"/>
    </row>
    <row r="1406" spans="3:79" ht="9" customHeight="1" x14ac:dyDescent="0.2">
      <c r="C1406" s="1106"/>
      <c r="D1406" s="1106"/>
      <c r="E1406" s="1106"/>
      <c r="F1406" s="1106"/>
      <c r="G1406" s="1106"/>
      <c r="H1406" s="1106"/>
      <c r="I1406" s="1106"/>
      <c r="J1406" s="1106"/>
      <c r="K1406" s="1106"/>
      <c r="L1406" s="1106"/>
      <c r="M1406" s="1106"/>
      <c r="N1406" s="1106"/>
      <c r="O1406" s="1106"/>
      <c r="AB1406" s="1106"/>
      <c r="AC1406" s="1106"/>
      <c r="AD1406" s="1106"/>
      <c r="AE1406" s="1106"/>
      <c r="AF1406" s="1106"/>
      <c r="AG1406" s="1106"/>
      <c r="AH1406" s="1106"/>
      <c r="AL1406" s="1106"/>
      <c r="AZ1406" s="1106"/>
      <c r="BA1406" s="1106"/>
      <c r="BB1406" s="1106"/>
      <c r="BC1406" s="1106"/>
      <c r="BD1406" s="1106"/>
      <c r="BE1406" s="1106"/>
      <c r="BF1406" s="1106"/>
      <c r="BG1406" s="1106"/>
      <c r="BH1406" s="1106"/>
      <c r="BI1406" s="1106"/>
      <c r="BJ1406" s="1106"/>
      <c r="BK1406" s="1106"/>
      <c r="BL1406" s="1106"/>
      <c r="BM1406" s="1106"/>
      <c r="BN1406" s="1106"/>
      <c r="BO1406" s="1106"/>
      <c r="BP1406" s="1106"/>
      <c r="BQ1406" s="1106"/>
      <c r="BR1406" s="1106"/>
      <c r="BS1406" s="1106"/>
      <c r="BT1406" s="1106"/>
      <c r="BU1406" s="1106"/>
      <c r="BV1406" s="1106"/>
      <c r="BW1406" s="1106"/>
      <c r="BX1406" s="1106"/>
      <c r="BY1406" s="1106"/>
      <c r="BZ1406" s="1106"/>
      <c r="CA1406" s="1106"/>
    </row>
    <row r="1407" spans="3:79" ht="9" customHeight="1" x14ac:dyDescent="0.2">
      <c r="C1407" s="1106"/>
      <c r="D1407" s="1106"/>
      <c r="E1407" s="1106"/>
      <c r="F1407" s="1106"/>
      <c r="G1407" s="1106"/>
      <c r="H1407" s="1106"/>
      <c r="I1407" s="1106"/>
      <c r="J1407" s="1106"/>
      <c r="K1407" s="1106"/>
      <c r="L1407" s="1106"/>
      <c r="M1407" s="1106"/>
      <c r="N1407" s="1106"/>
      <c r="O1407" s="1106"/>
      <c r="AB1407" s="1106"/>
      <c r="AC1407" s="1106"/>
      <c r="AD1407" s="1106"/>
      <c r="AE1407" s="1106"/>
      <c r="AF1407" s="1106"/>
      <c r="AG1407" s="1106"/>
      <c r="AH1407" s="1106"/>
      <c r="AL1407" s="1106"/>
      <c r="AZ1407" s="1106"/>
      <c r="BA1407" s="1106"/>
      <c r="BB1407" s="1106"/>
      <c r="BC1407" s="1106"/>
      <c r="BD1407" s="1106"/>
      <c r="BE1407" s="1106"/>
      <c r="BF1407" s="1106"/>
      <c r="BG1407" s="1106"/>
      <c r="BH1407" s="1106"/>
      <c r="BI1407" s="1106"/>
      <c r="BJ1407" s="1106"/>
      <c r="BK1407" s="1106"/>
      <c r="BL1407" s="1106"/>
      <c r="BM1407" s="1106"/>
      <c r="BN1407" s="1106"/>
      <c r="BO1407" s="1106"/>
      <c r="BP1407" s="1106"/>
      <c r="BQ1407" s="1106"/>
      <c r="BR1407" s="1106"/>
      <c r="BS1407" s="1106"/>
      <c r="BT1407" s="1106"/>
      <c r="BU1407" s="1106"/>
      <c r="BV1407" s="1106"/>
      <c r="BW1407" s="1106"/>
      <c r="BX1407" s="1106"/>
      <c r="BY1407" s="1106"/>
      <c r="BZ1407" s="1106"/>
      <c r="CA1407" s="1106"/>
    </row>
    <row r="1408" spans="3:79" ht="9" customHeight="1" x14ac:dyDescent="0.2">
      <c r="C1408" s="1106"/>
      <c r="D1408" s="1106"/>
      <c r="E1408" s="1106"/>
      <c r="F1408" s="1106"/>
      <c r="G1408" s="1106"/>
      <c r="H1408" s="1106"/>
      <c r="I1408" s="1106"/>
      <c r="J1408" s="1106"/>
      <c r="K1408" s="1106"/>
      <c r="L1408" s="1106"/>
      <c r="M1408" s="1106"/>
      <c r="N1408" s="1106"/>
      <c r="O1408" s="1106"/>
      <c r="U1408" s="1106"/>
      <c r="AB1408" s="1106"/>
      <c r="AC1408" s="1106"/>
      <c r="AD1408" s="1106"/>
      <c r="AE1408" s="1106"/>
      <c r="AF1408" s="1106"/>
      <c r="AG1408" s="1106"/>
      <c r="AH1408" s="1106"/>
      <c r="AL1408" s="1106"/>
      <c r="AT1408" s="1106"/>
      <c r="AU1408" s="1106"/>
      <c r="AV1408" s="1106"/>
      <c r="AW1408" s="1106"/>
      <c r="AX1408" s="1106"/>
      <c r="AY1408" s="1106"/>
      <c r="AZ1408" s="1106"/>
      <c r="BA1408" s="1106"/>
      <c r="BB1408" s="1106"/>
      <c r="BC1408" s="1106"/>
      <c r="BD1408" s="1106"/>
      <c r="BE1408" s="1106"/>
      <c r="BF1408" s="1106"/>
      <c r="BG1408" s="1106"/>
      <c r="BH1408" s="1106"/>
      <c r="BI1408" s="1106"/>
      <c r="BJ1408" s="1106"/>
      <c r="BK1408" s="1106"/>
      <c r="BL1408" s="1106"/>
      <c r="BM1408" s="1106"/>
      <c r="BN1408" s="1106"/>
      <c r="BO1408" s="1106"/>
      <c r="BP1408" s="1106"/>
      <c r="BQ1408" s="1106"/>
      <c r="BR1408" s="1106"/>
      <c r="BS1408" s="1106"/>
      <c r="BT1408" s="1106"/>
      <c r="BU1408" s="1106"/>
      <c r="BV1408" s="1106"/>
      <c r="BW1408" s="1106"/>
      <c r="BX1408" s="1106"/>
      <c r="BY1408" s="1106"/>
      <c r="BZ1408" s="1106"/>
      <c r="CA1408" s="1106"/>
    </row>
    <row r="1409" spans="3:79" ht="9" customHeight="1" x14ac:dyDescent="0.2">
      <c r="C1409" s="1106"/>
      <c r="D1409" s="1106"/>
      <c r="E1409" s="1106"/>
      <c r="F1409" s="1106"/>
      <c r="G1409" s="1106"/>
      <c r="H1409" s="1106"/>
      <c r="I1409" s="1106"/>
      <c r="J1409" s="1106"/>
      <c r="K1409" s="1106"/>
      <c r="L1409" s="1106"/>
      <c r="M1409" s="1106"/>
      <c r="N1409" s="1106"/>
      <c r="O1409" s="1106"/>
      <c r="U1409" s="1106"/>
      <c r="AB1409" s="1106"/>
      <c r="AC1409" s="1106"/>
      <c r="AD1409" s="1106"/>
      <c r="AE1409" s="1106"/>
      <c r="AF1409" s="1106"/>
      <c r="AG1409" s="1106"/>
      <c r="AH1409" s="1106"/>
      <c r="AL1409" s="1106"/>
      <c r="AO1409" s="1106"/>
      <c r="AP1409" s="1106"/>
      <c r="AT1409" s="1106"/>
      <c r="AU1409" s="1106"/>
      <c r="AV1409" s="1106"/>
      <c r="AW1409" s="1106"/>
      <c r="AX1409" s="1106"/>
      <c r="AY1409" s="1106"/>
      <c r="AZ1409" s="1106"/>
      <c r="BA1409" s="1106"/>
      <c r="BB1409" s="1106"/>
      <c r="BC1409" s="1106"/>
      <c r="BD1409" s="1106"/>
      <c r="BE1409" s="1106"/>
      <c r="BF1409" s="1106"/>
      <c r="BG1409" s="1106"/>
      <c r="BH1409" s="1106"/>
      <c r="BI1409" s="1106"/>
      <c r="BJ1409" s="1106"/>
      <c r="BK1409" s="1106"/>
      <c r="BL1409" s="1106"/>
      <c r="BM1409" s="1106"/>
      <c r="BN1409" s="1106"/>
      <c r="BO1409" s="1106"/>
      <c r="BP1409" s="1106"/>
      <c r="BQ1409" s="1106"/>
      <c r="BR1409" s="1106"/>
      <c r="BS1409" s="1106"/>
      <c r="BT1409" s="1106"/>
      <c r="BU1409" s="1106"/>
      <c r="BV1409" s="1106"/>
      <c r="BW1409" s="1106"/>
      <c r="BX1409" s="1106"/>
      <c r="BY1409" s="1106"/>
      <c r="BZ1409" s="1106"/>
      <c r="CA1409" s="1106"/>
    </row>
    <row r="1410" spans="3:79" ht="9" customHeight="1" x14ac:dyDescent="0.2">
      <c r="C1410" s="1106"/>
      <c r="D1410" s="1106"/>
      <c r="E1410" s="1106"/>
      <c r="F1410" s="1106"/>
      <c r="G1410" s="1106"/>
      <c r="H1410" s="1106"/>
      <c r="I1410" s="1106"/>
      <c r="J1410" s="1106"/>
      <c r="K1410" s="1106"/>
      <c r="L1410" s="1106"/>
      <c r="M1410" s="1106"/>
      <c r="N1410" s="1106"/>
      <c r="O1410" s="1106"/>
      <c r="U1410" s="1106"/>
      <c r="AB1410" s="1106"/>
      <c r="AC1410" s="1106"/>
      <c r="AD1410" s="1106"/>
      <c r="AE1410" s="1106"/>
      <c r="AF1410" s="1106"/>
      <c r="AG1410" s="1106"/>
      <c r="AH1410" s="1106"/>
      <c r="AL1410" s="1106"/>
      <c r="AT1410" s="1106"/>
      <c r="AU1410" s="1106"/>
      <c r="AV1410" s="1106"/>
      <c r="AW1410" s="1106"/>
      <c r="AX1410" s="1106"/>
      <c r="AY1410" s="1106"/>
      <c r="AZ1410" s="1106"/>
      <c r="BA1410" s="1106"/>
      <c r="BB1410" s="1106"/>
      <c r="BC1410" s="1106"/>
      <c r="BD1410" s="1106"/>
      <c r="BE1410" s="1106"/>
      <c r="BF1410" s="1106"/>
      <c r="BG1410" s="1106"/>
      <c r="BH1410" s="1106"/>
      <c r="BI1410" s="1106"/>
      <c r="BJ1410" s="1106"/>
      <c r="BK1410" s="1106"/>
      <c r="BL1410" s="1106"/>
      <c r="BM1410" s="1106"/>
      <c r="BN1410" s="1106"/>
      <c r="BO1410" s="1106"/>
      <c r="BP1410" s="1106"/>
      <c r="BQ1410" s="1106"/>
      <c r="BR1410" s="1106"/>
      <c r="BS1410" s="1106"/>
      <c r="BT1410" s="1106"/>
      <c r="BU1410" s="1106"/>
      <c r="BV1410" s="1106"/>
      <c r="BW1410" s="1106"/>
      <c r="BX1410" s="1106"/>
      <c r="BY1410" s="1106"/>
      <c r="BZ1410" s="1106"/>
      <c r="CA1410" s="1106"/>
    </row>
    <row r="1411" spans="3:79" ht="9" customHeight="1" x14ac:dyDescent="0.2">
      <c r="C1411" s="1106"/>
      <c r="D1411" s="1106"/>
      <c r="E1411" s="1106"/>
      <c r="F1411" s="1106"/>
      <c r="G1411" s="1106"/>
      <c r="H1411" s="1106"/>
      <c r="I1411" s="1106"/>
      <c r="J1411" s="1106"/>
      <c r="K1411" s="1106"/>
      <c r="L1411" s="1106"/>
      <c r="M1411" s="1106"/>
      <c r="N1411" s="1106"/>
      <c r="O1411" s="1106"/>
      <c r="AB1411" s="1106"/>
      <c r="AC1411" s="1106"/>
      <c r="AD1411" s="1106"/>
      <c r="AE1411" s="1106"/>
      <c r="AF1411" s="1106"/>
      <c r="AG1411" s="1106"/>
      <c r="AH1411" s="1106"/>
      <c r="AL1411" s="1106"/>
      <c r="AZ1411" s="1106"/>
      <c r="BA1411" s="1106"/>
      <c r="BB1411" s="1106"/>
      <c r="BC1411" s="1106"/>
      <c r="BD1411" s="1106"/>
      <c r="BE1411" s="1106"/>
      <c r="BF1411" s="1106"/>
      <c r="BG1411" s="1106"/>
      <c r="BH1411" s="1106"/>
      <c r="BI1411" s="1106"/>
      <c r="BJ1411" s="1106"/>
      <c r="BK1411" s="1106"/>
      <c r="BL1411" s="1106"/>
      <c r="BM1411" s="1106"/>
      <c r="BN1411" s="1106"/>
      <c r="BO1411" s="1106"/>
      <c r="BP1411" s="1106"/>
      <c r="BQ1411" s="1106"/>
      <c r="BR1411" s="1106"/>
      <c r="BS1411" s="1106"/>
      <c r="BT1411" s="1106"/>
      <c r="BU1411" s="1106"/>
      <c r="BV1411" s="1106"/>
      <c r="BW1411" s="1106"/>
      <c r="BX1411" s="1106"/>
      <c r="BY1411" s="1106"/>
      <c r="BZ1411" s="1106"/>
      <c r="CA1411" s="1106"/>
    </row>
    <row r="1412" spans="3:79" ht="9" customHeight="1" x14ac:dyDescent="0.2">
      <c r="C1412" s="1106"/>
      <c r="D1412" s="1106"/>
      <c r="E1412" s="1106"/>
      <c r="F1412" s="1106"/>
      <c r="G1412" s="1106"/>
      <c r="H1412" s="1106"/>
      <c r="I1412" s="1106"/>
      <c r="J1412" s="1106"/>
      <c r="K1412" s="1106"/>
      <c r="L1412" s="1106"/>
      <c r="M1412" s="1106"/>
      <c r="N1412" s="1106"/>
      <c r="O1412" s="1106"/>
      <c r="AB1412" s="1106"/>
      <c r="AC1412" s="1106"/>
      <c r="AD1412" s="1106"/>
      <c r="AE1412" s="1106"/>
      <c r="AF1412" s="1106"/>
      <c r="AG1412" s="1106"/>
      <c r="AH1412" s="1106"/>
      <c r="AL1412" s="1106"/>
      <c r="AZ1412" s="1106"/>
      <c r="BA1412" s="1106"/>
      <c r="BB1412" s="1106"/>
      <c r="BC1412" s="1106"/>
      <c r="BD1412" s="1106"/>
      <c r="BE1412" s="1106"/>
      <c r="BF1412" s="1106"/>
      <c r="BG1412" s="1106"/>
      <c r="BH1412" s="1106"/>
      <c r="BI1412" s="1106"/>
      <c r="BJ1412" s="1106"/>
      <c r="BK1412" s="1106"/>
      <c r="BL1412" s="1106"/>
      <c r="BM1412" s="1106"/>
      <c r="BN1412" s="1106"/>
      <c r="BO1412" s="1106"/>
      <c r="BP1412" s="1106"/>
      <c r="BQ1412" s="1106"/>
      <c r="BR1412" s="1106"/>
      <c r="BS1412" s="1106"/>
      <c r="BT1412" s="1106"/>
      <c r="BU1412" s="1106"/>
      <c r="BV1412" s="1106"/>
      <c r="BW1412" s="1106"/>
      <c r="BX1412" s="1106"/>
      <c r="BY1412" s="1106"/>
      <c r="BZ1412" s="1106"/>
      <c r="CA1412" s="1106"/>
    </row>
    <row r="1413" spans="3:79" ht="9" customHeight="1" x14ac:dyDescent="0.2">
      <c r="C1413" s="1106"/>
      <c r="D1413" s="1106"/>
      <c r="E1413" s="1106"/>
      <c r="F1413" s="1106"/>
      <c r="G1413" s="1106"/>
      <c r="H1413" s="1106"/>
      <c r="I1413" s="1106"/>
      <c r="J1413" s="1106"/>
      <c r="K1413" s="1106"/>
      <c r="L1413" s="1106"/>
      <c r="M1413" s="1106"/>
      <c r="N1413" s="1106"/>
      <c r="O1413" s="1106"/>
      <c r="AB1413" s="1106"/>
      <c r="AC1413" s="1106"/>
      <c r="AD1413" s="1106"/>
      <c r="AE1413" s="1106"/>
      <c r="AF1413" s="1106"/>
      <c r="AG1413" s="1106"/>
      <c r="AH1413" s="1106"/>
      <c r="AL1413" s="1106"/>
      <c r="AZ1413" s="1106"/>
      <c r="BA1413" s="1106"/>
      <c r="BB1413" s="1106"/>
      <c r="BC1413" s="1106"/>
      <c r="BD1413" s="1106"/>
      <c r="BE1413" s="1106"/>
      <c r="BF1413" s="1106"/>
      <c r="BG1413" s="1106"/>
      <c r="BH1413" s="1106"/>
      <c r="BI1413" s="1106"/>
      <c r="BJ1413" s="1106"/>
      <c r="BK1413" s="1106"/>
      <c r="BL1413" s="1106"/>
      <c r="BM1413" s="1106"/>
      <c r="BN1413" s="1106"/>
      <c r="BO1413" s="1106"/>
      <c r="BP1413" s="1106"/>
      <c r="BQ1413" s="1106"/>
      <c r="BR1413" s="1106"/>
      <c r="BS1413" s="1106"/>
      <c r="BT1413" s="1106"/>
      <c r="BU1413" s="1106"/>
      <c r="BV1413" s="1106"/>
      <c r="BW1413" s="1106"/>
      <c r="BX1413" s="1106"/>
      <c r="BY1413" s="1106"/>
      <c r="BZ1413" s="1106"/>
      <c r="CA1413" s="1106"/>
    </row>
    <row r="1414" spans="3:79" ht="9" customHeight="1" x14ac:dyDescent="0.2">
      <c r="C1414" s="1106"/>
      <c r="D1414" s="1106"/>
      <c r="E1414" s="1106"/>
      <c r="F1414" s="1106"/>
      <c r="G1414" s="1106"/>
      <c r="H1414" s="1106"/>
      <c r="I1414" s="1106"/>
      <c r="J1414" s="1106"/>
      <c r="K1414" s="1106"/>
      <c r="L1414" s="1106"/>
      <c r="M1414" s="1106"/>
      <c r="N1414" s="1106"/>
      <c r="O1414" s="1106"/>
      <c r="U1414" s="1106"/>
      <c r="AB1414" s="1106"/>
      <c r="AC1414" s="1106"/>
      <c r="AD1414" s="1106"/>
      <c r="AE1414" s="1106"/>
      <c r="AF1414" s="1106"/>
      <c r="AG1414" s="1106"/>
      <c r="AH1414" s="1106"/>
      <c r="AL1414" s="1106"/>
      <c r="AT1414" s="1106"/>
      <c r="AU1414" s="1106"/>
      <c r="AV1414" s="1106"/>
      <c r="AW1414" s="1106"/>
      <c r="AX1414" s="1106"/>
      <c r="AY1414" s="1106"/>
      <c r="AZ1414" s="1106"/>
      <c r="BA1414" s="1106"/>
      <c r="BB1414" s="1106"/>
      <c r="BC1414" s="1106"/>
      <c r="BD1414" s="1106"/>
      <c r="BE1414" s="1106"/>
      <c r="BF1414" s="1106"/>
      <c r="BG1414" s="1106"/>
      <c r="BH1414" s="1106"/>
      <c r="BI1414" s="1106"/>
      <c r="BJ1414" s="1106"/>
      <c r="BK1414" s="1106"/>
      <c r="BL1414" s="1106"/>
      <c r="BM1414" s="1106"/>
      <c r="BN1414" s="1106"/>
      <c r="BO1414" s="1106"/>
      <c r="BP1414" s="1106"/>
      <c r="BQ1414" s="1106"/>
      <c r="BR1414" s="1106"/>
      <c r="BS1414" s="1106"/>
      <c r="BT1414" s="1106"/>
      <c r="BU1414" s="1106"/>
      <c r="BV1414" s="1106"/>
      <c r="BW1414" s="1106"/>
      <c r="BX1414" s="1106"/>
      <c r="BY1414" s="1106"/>
      <c r="BZ1414" s="1106"/>
      <c r="CA1414" s="1106"/>
    </row>
    <row r="1415" spans="3:79" ht="9" customHeight="1" x14ac:dyDescent="0.2">
      <c r="C1415" s="1106"/>
      <c r="D1415" s="1106"/>
      <c r="E1415" s="1106"/>
      <c r="F1415" s="1106"/>
      <c r="G1415" s="1106"/>
      <c r="H1415" s="1106"/>
      <c r="I1415" s="1106"/>
      <c r="J1415" s="1106"/>
      <c r="K1415" s="1106"/>
      <c r="L1415" s="1106"/>
      <c r="M1415" s="1106"/>
      <c r="N1415" s="1106"/>
      <c r="O1415" s="1106"/>
      <c r="U1415" s="1106"/>
      <c r="AB1415" s="1106"/>
      <c r="AC1415" s="1106"/>
      <c r="AD1415" s="1106"/>
      <c r="AE1415" s="1106"/>
      <c r="AF1415" s="1106"/>
      <c r="AG1415" s="1106"/>
      <c r="AH1415" s="1106"/>
      <c r="AL1415" s="1106"/>
      <c r="AO1415" s="1106"/>
      <c r="AP1415" s="1106"/>
      <c r="AT1415" s="1106"/>
      <c r="AU1415" s="1106"/>
      <c r="AV1415" s="1106"/>
      <c r="AW1415" s="1106"/>
      <c r="AX1415" s="1106"/>
      <c r="AY1415" s="1106"/>
      <c r="AZ1415" s="1106"/>
      <c r="BA1415" s="1106"/>
      <c r="BB1415" s="1106"/>
      <c r="BC1415" s="1106"/>
      <c r="BD1415" s="1106"/>
      <c r="BE1415" s="1106"/>
      <c r="BF1415" s="1106"/>
      <c r="BG1415" s="1106"/>
      <c r="BH1415" s="1106"/>
      <c r="BI1415" s="1106"/>
      <c r="BJ1415" s="1106"/>
      <c r="BK1415" s="1106"/>
      <c r="BL1415" s="1106"/>
      <c r="BM1415" s="1106"/>
      <c r="BN1415" s="1106"/>
      <c r="BO1415" s="1106"/>
      <c r="BP1415" s="1106"/>
      <c r="BQ1415" s="1106"/>
      <c r="BR1415" s="1106"/>
      <c r="BS1415" s="1106"/>
      <c r="BT1415" s="1106"/>
      <c r="BU1415" s="1106"/>
      <c r="BV1415" s="1106"/>
      <c r="BW1415" s="1106"/>
      <c r="BX1415" s="1106"/>
      <c r="BY1415" s="1106"/>
      <c r="BZ1415" s="1106"/>
      <c r="CA1415" s="1106"/>
    </row>
    <row r="1416" spans="3:79" ht="9" customHeight="1" x14ac:dyDescent="0.2">
      <c r="C1416" s="1106"/>
      <c r="D1416" s="1106"/>
      <c r="E1416" s="1106"/>
      <c r="F1416" s="1106"/>
      <c r="G1416" s="1106"/>
      <c r="H1416" s="1106"/>
      <c r="I1416" s="1106"/>
      <c r="J1416" s="1106"/>
      <c r="K1416" s="1106"/>
      <c r="L1416" s="1106"/>
      <c r="M1416" s="1106"/>
      <c r="N1416" s="1106"/>
      <c r="O1416" s="1106"/>
      <c r="U1416" s="1106"/>
      <c r="AB1416" s="1106"/>
      <c r="AC1416" s="1106"/>
      <c r="AD1416" s="1106"/>
      <c r="AE1416" s="1106"/>
      <c r="AF1416" s="1106"/>
      <c r="AG1416" s="1106"/>
      <c r="AH1416" s="1106"/>
      <c r="AL1416" s="1106"/>
      <c r="AT1416" s="1106"/>
      <c r="AU1416" s="1106"/>
      <c r="AV1416" s="1106"/>
      <c r="AW1416" s="1106"/>
      <c r="AX1416" s="1106"/>
      <c r="AY1416" s="1106"/>
      <c r="AZ1416" s="1106"/>
      <c r="BA1416" s="1106"/>
      <c r="BB1416" s="1106"/>
      <c r="BC1416" s="1106"/>
      <c r="BD1416" s="1106"/>
      <c r="BE1416" s="1106"/>
      <c r="BF1416" s="1106"/>
      <c r="BG1416" s="1106"/>
      <c r="BH1416" s="1106"/>
      <c r="BI1416" s="1106"/>
      <c r="BJ1416" s="1106"/>
      <c r="BK1416" s="1106"/>
      <c r="BL1416" s="1106"/>
      <c r="BM1416" s="1106"/>
      <c r="BN1416" s="1106"/>
      <c r="BO1416" s="1106"/>
      <c r="BP1416" s="1106"/>
      <c r="BQ1416" s="1106"/>
      <c r="BR1416" s="1106"/>
      <c r="BS1416" s="1106"/>
      <c r="BT1416" s="1106"/>
      <c r="BU1416" s="1106"/>
      <c r="BV1416" s="1106"/>
      <c r="BW1416" s="1106"/>
      <c r="BX1416" s="1106"/>
      <c r="BY1416" s="1106"/>
      <c r="BZ1416" s="1106"/>
      <c r="CA1416" s="1106"/>
    </row>
    <row r="1417" spans="3:79" ht="9" customHeight="1" x14ac:dyDescent="0.2">
      <c r="C1417" s="1106"/>
      <c r="D1417" s="1106"/>
      <c r="E1417" s="1106"/>
      <c r="F1417" s="1106"/>
      <c r="G1417" s="1106"/>
      <c r="H1417" s="1106"/>
      <c r="I1417" s="1106"/>
      <c r="J1417" s="1106"/>
      <c r="K1417" s="1106"/>
      <c r="L1417" s="1106"/>
      <c r="M1417" s="1106"/>
      <c r="N1417" s="1106"/>
      <c r="O1417" s="1106"/>
      <c r="AB1417" s="1106"/>
      <c r="AC1417" s="1106"/>
      <c r="AD1417" s="1106"/>
      <c r="AE1417" s="1106"/>
      <c r="AF1417" s="1106"/>
      <c r="AG1417" s="1106"/>
      <c r="AH1417" s="1106"/>
      <c r="AL1417" s="1106"/>
      <c r="AZ1417" s="1106"/>
      <c r="BA1417" s="1106"/>
      <c r="BB1417" s="1106"/>
      <c r="BC1417" s="1106"/>
      <c r="BD1417" s="1106"/>
      <c r="BE1417" s="1106"/>
      <c r="BF1417" s="1106"/>
      <c r="BG1417" s="1106"/>
      <c r="BH1417" s="1106"/>
      <c r="BI1417" s="1106"/>
      <c r="BJ1417" s="1106"/>
      <c r="BK1417" s="1106"/>
      <c r="BL1417" s="1106"/>
      <c r="BM1417" s="1106"/>
      <c r="BN1417" s="1106"/>
      <c r="BO1417" s="1106"/>
      <c r="BP1417" s="1106"/>
      <c r="BQ1417" s="1106"/>
      <c r="BR1417" s="1106"/>
      <c r="BS1417" s="1106"/>
      <c r="BT1417" s="1106"/>
      <c r="BU1417" s="1106"/>
      <c r="BV1417" s="1106"/>
      <c r="BW1417" s="1106"/>
      <c r="BX1417" s="1106"/>
      <c r="BY1417" s="1106"/>
      <c r="BZ1417" s="1106"/>
      <c r="CA1417" s="1106"/>
    </row>
    <row r="1418" spans="3:79" ht="9" customHeight="1" x14ac:dyDescent="0.2">
      <c r="C1418" s="1106"/>
      <c r="D1418" s="1106"/>
      <c r="E1418" s="1106"/>
      <c r="F1418" s="1106"/>
      <c r="G1418" s="1106"/>
      <c r="H1418" s="1106"/>
      <c r="I1418" s="1106"/>
      <c r="J1418" s="1106"/>
      <c r="K1418" s="1106"/>
      <c r="L1418" s="1106"/>
      <c r="M1418" s="1106"/>
      <c r="N1418" s="1106"/>
      <c r="O1418" s="1106"/>
      <c r="AB1418" s="1106"/>
      <c r="AC1418" s="1106"/>
      <c r="AD1418" s="1106"/>
      <c r="AE1418" s="1106"/>
      <c r="AF1418" s="1106"/>
      <c r="AG1418" s="1106"/>
      <c r="AH1418" s="1106"/>
      <c r="AL1418" s="1106"/>
      <c r="AZ1418" s="1106"/>
      <c r="BA1418" s="1106"/>
      <c r="BB1418" s="1106"/>
      <c r="BC1418" s="1106"/>
      <c r="BD1418" s="1106"/>
      <c r="BE1418" s="1106"/>
      <c r="BF1418" s="1106"/>
      <c r="BG1418" s="1106"/>
      <c r="BH1418" s="1106"/>
      <c r="BI1418" s="1106"/>
      <c r="BJ1418" s="1106"/>
      <c r="BK1418" s="1106"/>
      <c r="BL1418" s="1106"/>
      <c r="BM1418" s="1106"/>
      <c r="BN1418" s="1106"/>
      <c r="BO1418" s="1106"/>
      <c r="BP1418" s="1106"/>
      <c r="BQ1418" s="1106"/>
      <c r="BR1418" s="1106"/>
      <c r="BS1418" s="1106"/>
      <c r="BT1418" s="1106"/>
      <c r="BU1418" s="1106"/>
      <c r="BV1418" s="1106"/>
      <c r="BW1418" s="1106"/>
      <c r="BX1418" s="1106"/>
      <c r="BY1418" s="1106"/>
      <c r="BZ1418" s="1106"/>
      <c r="CA1418" s="1106"/>
    </row>
    <row r="1419" spans="3:79" ht="9" customHeight="1" x14ac:dyDescent="0.2">
      <c r="C1419" s="1106"/>
      <c r="D1419" s="1106"/>
      <c r="E1419" s="1106"/>
      <c r="F1419" s="1106"/>
      <c r="G1419" s="1106"/>
      <c r="H1419" s="1106"/>
      <c r="I1419" s="1106"/>
      <c r="J1419" s="1106"/>
      <c r="K1419" s="1106"/>
      <c r="L1419" s="1106"/>
      <c r="M1419" s="1106"/>
      <c r="N1419" s="1106"/>
      <c r="O1419" s="1106"/>
      <c r="AB1419" s="1106"/>
      <c r="AC1419" s="1106"/>
      <c r="AD1419" s="1106"/>
      <c r="AE1419" s="1106"/>
      <c r="AF1419" s="1106"/>
      <c r="AG1419" s="1106"/>
      <c r="AH1419" s="1106"/>
      <c r="AL1419" s="1106"/>
      <c r="AZ1419" s="1106"/>
      <c r="BA1419" s="1106"/>
      <c r="BB1419" s="1106"/>
      <c r="BC1419" s="1106"/>
      <c r="BD1419" s="1106"/>
      <c r="BE1419" s="1106"/>
      <c r="BF1419" s="1106"/>
      <c r="BG1419" s="1106"/>
      <c r="BH1419" s="1106"/>
      <c r="BI1419" s="1106"/>
      <c r="BJ1419" s="1106"/>
      <c r="BK1419" s="1106"/>
      <c r="BL1419" s="1106"/>
      <c r="BM1419" s="1106"/>
      <c r="BN1419" s="1106"/>
      <c r="BO1419" s="1106"/>
      <c r="BP1419" s="1106"/>
      <c r="BQ1419" s="1106"/>
      <c r="BR1419" s="1106"/>
      <c r="BS1419" s="1106"/>
      <c r="BT1419" s="1106"/>
      <c r="BU1419" s="1106"/>
      <c r="BV1419" s="1106"/>
      <c r="BW1419" s="1106"/>
      <c r="BX1419" s="1106"/>
      <c r="BY1419" s="1106"/>
      <c r="BZ1419" s="1106"/>
      <c r="CA1419" s="1106"/>
    </row>
    <row r="1420" spans="3:79" ht="9" customHeight="1" x14ac:dyDescent="0.2">
      <c r="C1420" s="1106"/>
      <c r="D1420" s="1106"/>
      <c r="E1420" s="1106"/>
      <c r="F1420" s="1106"/>
      <c r="G1420" s="1106"/>
      <c r="H1420" s="1106"/>
      <c r="I1420" s="1106"/>
      <c r="J1420" s="1106"/>
      <c r="K1420" s="1106"/>
      <c r="L1420" s="1106"/>
      <c r="M1420" s="1106"/>
      <c r="N1420" s="1106"/>
      <c r="O1420" s="1106"/>
      <c r="U1420" s="1106"/>
      <c r="AB1420" s="1106"/>
      <c r="AC1420" s="1106"/>
      <c r="AD1420" s="1106"/>
      <c r="AE1420" s="1106"/>
      <c r="AF1420" s="1106"/>
      <c r="AG1420" s="1106"/>
      <c r="AH1420" s="1106"/>
      <c r="AL1420" s="1106"/>
      <c r="AT1420" s="1106"/>
      <c r="AU1420" s="1106"/>
      <c r="AV1420" s="1106"/>
      <c r="AW1420" s="1106"/>
      <c r="AX1420" s="1106"/>
      <c r="AY1420" s="1106"/>
      <c r="AZ1420" s="1106"/>
      <c r="BA1420" s="1106"/>
      <c r="BB1420" s="1106"/>
      <c r="BC1420" s="1106"/>
      <c r="BD1420" s="1106"/>
      <c r="BE1420" s="1106"/>
      <c r="BF1420" s="1106"/>
      <c r="BG1420" s="1106"/>
      <c r="BH1420" s="1106"/>
      <c r="BI1420" s="1106"/>
      <c r="BJ1420" s="1106"/>
      <c r="BK1420" s="1106"/>
      <c r="BL1420" s="1106"/>
      <c r="BM1420" s="1106"/>
      <c r="BN1420" s="1106"/>
      <c r="BO1420" s="1106"/>
      <c r="BP1420" s="1106"/>
      <c r="BQ1420" s="1106"/>
      <c r="BR1420" s="1106"/>
      <c r="BS1420" s="1106"/>
      <c r="BT1420" s="1106"/>
      <c r="BU1420" s="1106"/>
      <c r="BV1420" s="1106"/>
      <c r="BW1420" s="1106"/>
      <c r="BX1420" s="1106"/>
      <c r="BY1420" s="1106"/>
      <c r="BZ1420" s="1106"/>
      <c r="CA1420" s="1106"/>
    </row>
    <row r="1421" spans="3:79" ht="9" customHeight="1" x14ac:dyDescent="0.2">
      <c r="C1421" s="1106"/>
      <c r="D1421" s="1106"/>
      <c r="E1421" s="1106"/>
      <c r="F1421" s="1106"/>
      <c r="G1421" s="1106"/>
      <c r="H1421" s="1106"/>
      <c r="I1421" s="1106"/>
      <c r="J1421" s="1106"/>
      <c r="K1421" s="1106"/>
      <c r="L1421" s="1106"/>
      <c r="M1421" s="1106"/>
      <c r="N1421" s="1106"/>
      <c r="O1421" s="1106"/>
      <c r="U1421" s="1106"/>
      <c r="AB1421" s="1106"/>
      <c r="AC1421" s="1106"/>
      <c r="AD1421" s="1106"/>
      <c r="AE1421" s="1106"/>
      <c r="AF1421" s="1106"/>
      <c r="AG1421" s="1106"/>
      <c r="AH1421" s="1106"/>
      <c r="AL1421" s="1106"/>
      <c r="AO1421" s="1106"/>
      <c r="AP1421" s="1106"/>
      <c r="AT1421" s="1106"/>
      <c r="AU1421" s="1106"/>
      <c r="AV1421" s="1106"/>
      <c r="AW1421" s="1106"/>
      <c r="AX1421" s="1106"/>
      <c r="AY1421" s="1106"/>
      <c r="AZ1421" s="1106"/>
      <c r="BA1421" s="1106"/>
      <c r="BB1421" s="1106"/>
      <c r="BC1421" s="1106"/>
      <c r="BD1421" s="1106"/>
      <c r="BE1421" s="1106"/>
      <c r="BF1421" s="1106"/>
      <c r="BG1421" s="1106"/>
      <c r="BH1421" s="1106"/>
      <c r="BI1421" s="1106"/>
      <c r="BJ1421" s="1106"/>
      <c r="BK1421" s="1106"/>
      <c r="BL1421" s="1106"/>
      <c r="BM1421" s="1106"/>
      <c r="BN1421" s="1106"/>
      <c r="BO1421" s="1106"/>
      <c r="BP1421" s="1106"/>
      <c r="BQ1421" s="1106"/>
      <c r="BR1421" s="1106"/>
      <c r="BS1421" s="1106"/>
      <c r="BT1421" s="1106"/>
      <c r="BU1421" s="1106"/>
      <c r="BV1421" s="1106"/>
      <c r="BW1421" s="1106"/>
      <c r="BX1421" s="1106"/>
      <c r="BY1421" s="1106"/>
      <c r="BZ1421" s="1106"/>
      <c r="CA1421" s="1106"/>
    </row>
    <row r="1422" spans="3:79" ht="9" customHeight="1" x14ac:dyDescent="0.2">
      <c r="C1422" s="1106"/>
      <c r="D1422" s="1106"/>
      <c r="E1422" s="1106"/>
      <c r="F1422" s="1106"/>
      <c r="G1422" s="1106"/>
      <c r="H1422" s="1106"/>
      <c r="I1422" s="1106"/>
      <c r="J1422" s="1106"/>
      <c r="K1422" s="1106"/>
      <c r="L1422" s="1106"/>
      <c r="M1422" s="1106"/>
      <c r="N1422" s="1106"/>
      <c r="O1422" s="1106"/>
      <c r="U1422" s="1106"/>
      <c r="AB1422" s="1106"/>
      <c r="AC1422" s="1106"/>
      <c r="AD1422" s="1106"/>
      <c r="AE1422" s="1106"/>
      <c r="AF1422" s="1106"/>
      <c r="AG1422" s="1106"/>
      <c r="AH1422" s="1106"/>
      <c r="AL1422" s="1106"/>
      <c r="AT1422" s="1106"/>
      <c r="AU1422" s="1106"/>
      <c r="AV1422" s="1106"/>
      <c r="AW1422" s="1106"/>
      <c r="AX1422" s="1106"/>
      <c r="AY1422" s="1106"/>
      <c r="AZ1422" s="1106"/>
      <c r="BA1422" s="1106"/>
      <c r="BB1422" s="1106"/>
      <c r="BC1422" s="1106"/>
      <c r="BD1422" s="1106"/>
      <c r="BE1422" s="1106"/>
      <c r="BF1422" s="1106"/>
      <c r="BG1422" s="1106"/>
      <c r="BH1422" s="1106"/>
      <c r="BI1422" s="1106"/>
      <c r="BJ1422" s="1106"/>
      <c r="BK1422" s="1106"/>
      <c r="BL1422" s="1106"/>
      <c r="BM1422" s="1106"/>
      <c r="BN1422" s="1106"/>
      <c r="BO1422" s="1106"/>
      <c r="BP1422" s="1106"/>
      <c r="BQ1422" s="1106"/>
      <c r="BR1422" s="1106"/>
      <c r="BS1422" s="1106"/>
      <c r="BT1422" s="1106"/>
      <c r="BU1422" s="1106"/>
      <c r="BV1422" s="1106"/>
      <c r="BW1422" s="1106"/>
      <c r="BX1422" s="1106"/>
      <c r="BY1422" s="1106"/>
      <c r="BZ1422" s="1106"/>
      <c r="CA1422" s="1106"/>
    </row>
    <row r="1423" spans="3:79" ht="9" customHeight="1" x14ac:dyDescent="0.2">
      <c r="C1423" s="1106"/>
      <c r="D1423" s="1106"/>
      <c r="E1423" s="1106"/>
      <c r="F1423" s="1106"/>
      <c r="G1423" s="1106"/>
      <c r="H1423" s="1106"/>
      <c r="I1423" s="1106"/>
      <c r="J1423" s="1106"/>
      <c r="K1423" s="1106"/>
      <c r="L1423" s="1106"/>
      <c r="M1423" s="1106"/>
      <c r="N1423" s="1106"/>
      <c r="O1423" s="1106"/>
      <c r="AB1423" s="1106"/>
      <c r="AC1423" s="1106"/>
      <c r="AD1423" s="1106"/>
      <c r="AE1423" s="1106"/>
      <c r="AF1423" s="1106"/>
      <c r="AG1423" s="1106"/>
      <c r="AH1423" s="1106"/>
      <c r="AL1423" s="1106"/>
      <c r="AZ1423" s="1106"/>
      <c r="BA1423" s="1106"/>
      <c r="BB1423" s="1106"/>
      <c r="BC1423" s="1106"/>
      <c r="BD1423" s="1106"/>
      <c r="BE1423" s="1106"/>
      <c r="BF1423" s="1106"/>
      <c r="BG1423" s="1106"/>
      <c r="BH1423" s="1106"/>
      <c r="BI1423" s="1106"/>
      <c r="BJ1423" s="1106"/>
      <c r="BK1423" s="1106"/>
      <c r="BL1423" s="1106"/>
      <c r="BM1423" s="1106"/>
      <c r="BN1423" s="1106"/>
      <c r="BO1423" s="1106"/>
      <c r="BP1423" s="1106"/>
      <c r="BQ1423" s="1106"/>
      <c r="BR1423" s="1106"/>
      <c r="BS1423" s="1106"/>
      <c r="BT1423" s="1106"/>
      <c r="BU1423" s="1106"/>
      <c r="BV1423" s="1106"/>
      <c r="BW1423" s="1106"/>
      <c r="BX1423" s="1106"/>
      <c r="BY1423" s="1106"/>
      <c r="BZ1423" s="1106"/>
      <c r="CA1423" s="1106"/>
    </row>
    <row r="1424" spans="3:79" ht="9" customHeight="1" x14ac:dyDescent="0.2">
      <c r="C1424" s="1106"/>
      <c r="D1424" s="1106"/>
      <c r="E1424" s="1106"/>
      <c r="F1424" s="1106"/>
      <c r="G1424" s="1106"/>
      <c r="H1424" s="1106"/>
      <c r="I1424" s="1106"/>
      <c r="J1424" s="1106"/>
      <c r="K1424" s="1106"/>
      <c r="L1424" s="1106"/>
      <c r="M1424" s="1106"/>
      <c r="N1424" s="1106"/>
      <c r="O1424" s="1106"/>
      <c r="AB1424" s="1106"/>
      <c r="AC1424" s="1106"/>
      <c r="AD1424" s="1106"/>
      <c r="AE1424" s="1106"/>
      <c r="AF1424" s="1106"/>
      <c r="AG1424" s="1106"/>
      <c r="AH1424" s="1106"/>
      <c r="AL1424" s="1106"/>
      <c r="AZ1424" s="1106"/>
      <c r="BA1424" s="1106"/>
      <c r="BB1424" s="1106"/>
      <c r="BC1424" s="1106"/>
      <c r="BD1424" s="1106"/>
      <c r="BE1424" s="1106"/>
      <c r="BF1424" s="1106"/>
      <c r="BG1424" s="1106"/>
      <c r="BH1424" s="1106"/>
      <c r="BI1424" s="1106"/>
      <c r="BJ1424" s="1106"/>
      <c r="BK1424" s="1106"/>
      <c r="BL1424" s="1106"/>
      <c r="BM1424" s="1106"/>
      <c r="BN1424" s="1106"/>
      <c r="BO1424" s="1106"/>
      <c r="BP1424" s="1106"/>
      <c r="BQ1424" s="1106"/>
      <c r="BR1424" s="1106"/>
      <c r="BS1424" s="1106"/>
      <c r="BT1424" s="1106"/>
      <c r="BU1424" s="1106"/>
      <c r="BV1424" s="1106"/>
      <c r="BW1424" s="1106"/>
      <c r="BX1424" s="1106"/>
      <c r="BY1424" s="1106"/>
      <c r="BZ1424" s="1106"/>
      <c r="CA1424" s="1106"/>
    </row>
    <row r="1425" spans="3:79" ht="9" customHeight="1" x14ac:dyDescent="0.2">
      <c r="C1425" s="1106"/>
      <c r="D1425" s="1106"/>
      <c r="E1425" s="1106"/>
      <c r="F1425" s="1106"/>
      <c r="G1425" s="1106"/>
      <c r="H1425" s="1106"/>
      <c r="I1425" s="1106"/>
      <c r="J1425" s="1106"/>
      <c r="K1425" s="1106"/>
      <c r="L1425" s="1106"/>
      <c r="M1425" s="1106"/>
      <c r="N1425" s="1106"/>
      <c r="O1425" s="1106"/>
      <c r="AB1425" s="1106"/>
      <c r="AC1425" s="1106"/>
      <c r="AD1425" s="1106"/>
      <c r="AE1425" s="1106"/>
      <c r="AF1425" s="1106"/>
      <c r="AG1425" s="1106"/>
      <c r="AH1425" s="1106"/>
      <c r="AL1425" s="1106"/>
      <c r="AZ1425" s="1106"/>
      <c r="BA1425" s="1106"/>
      <c r="BB1425" s="1106"/>
      <c r="BC1425" s="1106"/>
      <c r="BD1425" s="1106"/>
      <c r="BE1425" s="1106"/>
      <c r="BF1425" s="1106"/>
      <c r="BG1425" s="1106"/>
      <c r="BH1425" s="1106"/>
      <c r="BI1425" s="1106"/>
      <c r="BJ1425" s="1106"/>
      <c r="BK1425" s="1106"/>
      <c r="BL1425" s="1106"/>
      <c r="BM1425" s="1106"/>
      <c r="BN1425" s="1106"/>
      <c r="BO1425" s="1106"/>
      <c r="BP1425" s="1106"/>
      <c r="BQ1425" s="1106"/>
      <c r="BR1425" s="1106"/>
      <c r="BS1425" s="1106"/>
      <c r="BT1425" s="1106"/>
      <c r="BU1425" s="1106"/>
      <c r="BV1425" s="1106"/>
      <c r="BW1425" s="1106"/>
      <c r="BX1425" s="1106"/>
      <c r="BY1425" s="1106"/>
      <c r="BZ1425" s="1106"/>
      <c r="CA1425" s="1106"/>
    </row>
    <row r="1426" spans="3:79" ht="9" customHeight="1" x14ac:dyDescent="0.2">
      <c r="C1426" s="1106"/>
      <c r="D1426" s="1106"/>
      <c r="E1426" s="1106"/>
      <c r="F1426" s="1106"/>
      <c r="G1426" s="1106"/>
      <c r="H1426" s="1106"/>
      <c r="I1426" s="1106"/>
      <c r="J1426" s="1106"/>
      <c r="K1426" s="1106"/>
      <c r="L1426" s="1106"/>
      <c r="M1426" s="1106"/>
      <c r="N1426" s="1106"/>
      <c r="O1426" s="1106"/>
      <c r="U1426" s="1106"/>
      <c r="AB1426" s="1106"/>
      <c r="AC1426" s="1106"/>
      <c r="AD1426" s="1106"/>
      <c r="AE1426" s="1106"/>
      <c r="AF1426" s="1106"/>
      <c r="AG1426" s="1106"/>
      <c r="AH1426" s="1106"/>
      <c r="AL1426" s="1106"/>
      <c r="AT1426" s="1106"/>
      <c r="AU1426" s="1106"/>
      <c r="AV1426" s="1106"/>
      <c r="AW1426" s="1106"/>
      <c r="AX1426" s="1106"/>
      <c r="AY1426" s="1106"/>
      <c r="AZ1426" s="1106"/>
      <c r="BA1426" s="1106"/>
      <c r="BB1426" s="1106"/>
      <c r="BC1426" s="1106"/>
      <c r="BD1426" s="1106"/>
      <c r="BE1426" s="1106"/>
      <c r="BF1426" s="1106"/>
      <c r="BG1426" s="1106"/>
      <c r="BH1426" s="1106"/>
      <c r="BI1426" s="1106"/>
      <c r="BJ1426" s="1106"/>
      <c r="BK1426" s="1106"/>
      <c r="BL1426" s="1106"/>
      <c r="BM1426" s="1106"/>
      <c r="BN1426" s="1106"/>
      <c r="BO1426" s="1106"/>
      <c r="BP1426" s="1106"/>
      <c r="BQ1426" s="1106"/>
      <c r="BR1426" s="1106"/>
      <c r="BS1426" s="1106"/>
      <c r="BT1426" s="1106"/>
      <c r="BU1426" s="1106"/>
      <c r="BV1426" s="1106"/>
      <c r="BW1426" s="1106"/>
      <c r="BX1426" s="1106"/>
      <c r="BY1426" s="1106"/>
      <c r="BZ1426" s="1106"/>
      <c r="CA1426" s="1106"/>
    </row>
    <row r="1427" spans="3:79" ht="9" customHeight="1" x14ac:dyDescent="0.2">
      <c r="C1427" s="1106"/>
      <c r="D1427" s="1106"/>
      <c r="E1427" s="1106"/>
      <c r="F1427" s="1106"/>
      <c r="G1427" s="1106"/>
      <c r="H1427" s="1106"/>
      <c r="I1427" s="1106"/>
      <c r="J1427" s="1106"/>
      <c r="K1427" s="1106"/>
      <c r="L1427" s="1106"/>
      <c r="M1427" s="1106"/>
      <c r="N1427" s="1106"/>
      <c r="O1427" s="1106"/>
      <c r="U1427" s="1106"/>
      <c r="AB1427" s="1106"/>
      <c r="AC1427" s="1106"/>
      <c r="AD1427" s="1106"/>
      <c r="AE1427" s="1106"/>
      <c r="AF1427" s="1106"/>
      <c r="AG1427" s="1106"/>
      <c r="AH1427" s="1106"/>
      <c r="AL1427" s="1106"/>
      <c r="AO1427" s="1106"/>
      <c r="AP1427" s="1106"/>
      <c r="AT1427" s="1106"/>
      <c r="AU1427" s="1106"/>
      <c r="AV1427" s="1106"/>
      <c r="AW1427" s="1106"/>
      <c r="AX1427" s="1106"/>
      <c r="AY1427" s="1106"/>
      <c r="AZ1427" s="1106"/>
      <c r="BA1427" s="1106"/>
      <c r="BB1427" s="1106"/>
      <c r="BC1427" s="1106"/>
      <c r="BD1427" s="1106"/>
      <c r="BE1427" s="1106"/>
      <c r="BF1427" s="1106"/>
      <c r="BG1427" s="1106"/>
      <c r="BH1427" s="1106"/>
      <c r="BI1427" s="1106"/>
      <c r="BJ1427" s="1106"/>
      <c r="BK1427" s="1106"/>
      <c r="BL1427" s="1106"/>
      <c r="BM1427" s="1106"/>
      <c r="BN1427" s="1106"/>
      <c r="BO1427" s="1106"/>
      <c r="BP1427" s="1106"/>
      <c r="BQ1427" s="1106"/>
      <c r="BR1427" s="1106"/>
      <c r="BS1427" s="1106"/>
      <c r="BT1427" s="1106"/>
      <c r="BU1427" s="1106"/>
      <c r="BV1427" s="1106"/>
      <c r="BW1427" s="1106"/>
      <c r="BX1427" s="1106"/>
      <c r="BY1427" s="1106"/>
      <c r="BZ1427" s="1106"/>
      <c r="CA1427" s="1106"/>
    </row>
    <row r="1428" spans="3:79" ht="9" customHeight="1" x14ac:dyDescent="0.2">
      <c r="C1428" s="1106"/>
      <c r="D1428" s="1106"/>
      <c r="E1428" s="1106"/>
      <c r="F1428" s="1106"/>
      <c r="G1428" s="1106"/>
      <c r="H1428" s="1106"/>
      <c r="I1428" s="1106"/>
      <c r="J1428" s="1106"/>
      <c r="K1428" s="1106"/>
      <c r="L1428" s="1106"/>
      <c r="M1428" s="1106"/>
      <c r="N1428" s="1106"/>
      <c r="O1428" s="1106"/>
      <c r="U1428" s="1106"/>
      <c r="AB1428" s="1106"/>
      <c r="AC1428" s="1106"/>
      <c r="AD1428" s="1106"/>
      <c r="AE1428" s="1106"/>
      <c r="AF1428" s="1106"/>
      <c r="AG1428" s="1106"/>
      <c r="AH1428" s="1106"/>
      <c r="AL1428" s="1106"/>
      <c r="AT1428" s="1106"/>
      <c r="AU1428" s="1106"/>
      <c r="AV1428" s="1106"/>
      <c r="AW1428" s="1106"/>
      <c r="AX1428" s="1106"/>
      <c r="AY1428" s="1106"/>
      <c r="AZ1428" s="1106"/>
      <c r="BA1428" s="1106"/>
      <c r="BB1428" s="1106"/>
      <c r="BC1428" s="1106"/>
      <c r="BD1428" s="1106"/>
      <c r="BE1428" s="1106"/>
      <c r="BF1428" s="1106"/>
      <c r="BG1428" s="1106"/>
      <c r="BH1428" s="1106"/>
      <c r="BI1428" s="1106"/>
      <c r="BJ1428" s="1106"/>
      <c r="BK1428" s="1106"/>
      <c r="BL1428" s="1106"/>
      <c r="BM1428" s="1106"/>
      <c r="BN1428" s="1106"/>
      <c r="BO1428" s="1106"/>
      <c r="BP1428" s="1106"/>
      <c r="BQ1428" s="1106"/>
      <c r="BR1428" s="1106"/>
      <c r="BS1428" s="1106"/>
      <c r="BT1428" s="1106"/>
      <c r="BU1428" s="1106"/>
      <c r="BV1428" s="1106"/>
      <c r="BW1428" s="1106"/>
      <c r="BX1428" s="1106"/>
      <c r="BY1428" s="1106"/>
      <c r="BZ1428" s="1106"/>
      <c r="CA1428" s="1106"/>
    </row>
    <row r="1429" spans="3:79" ht="9" customHeight="1" x14ac:dyDescent="0.2">
      <c r="C1429" s="1106"/>
      <c r="D1429" s="1106"/>
      <c r="E1429" s="1106"/>
      <c r="F1429" s="1106"/>
      <c r="G1429" s="1106"/>
      <c r="H1429" s="1106"/>
      <c r="I1429" s="1106"/>
      <c r="J1429" s="1106"/>
      <c r="K1429" s="1106"/>
      <c r="L1429" s="1106"/>
      <c r="M1429" s="1106"/>
      <c r="N1429" s="1106"/>
      <c r="O1429" s="1106"/>
      <c r="AB1429" s="1106"/>
      <c r="AC1429" s="1106"/>
      <c r="AD1429" s="1106"/>
      <c r="AE1429" s="1106"/>
      <c r="AF1429" s="1106"/>
      <c r="AG1429" s="1106"/>
      <c r="AH1429" s="1106"/>
      <c r="AL1429" s="1106"/>
      <c r="AZ1429" s="1106"/>
      <c r="BA1429" s="1106"/>
      <c r="BB1429" s="1106"/>
      <c r="BC1429" s="1106"/>
      <c r="BD1429" s="1106"/>
      <c r="BE1429" s="1106"/>
      <c r="BF1429" s="1106"/>
      <c r="BG1429" s="1106"/>
      <c r="BH1429" s="1106"/>
      <c r="BI1429" s="1106"/>
      <c r="BJ1429" s="1106"/>
      <c r="BK1429" s="1106"/>
      <c r="BL1429" s="1106"/>
      <c r="BM1429" s="1106"/>
      <c r="BN1429" s="1106"/>
      <c r="BO1429" s="1106"/>
      <c r="BP1429" s="1106"/>
      <c r="BQ1429" s="1106"/>
      <c r="BR1429" s="1106"/>
      <c r="BS1429" s="1106"/>
      <c r="BT1429" s="1106"/>
      <c r="BU1429" s="1106"/>
      <c r="BV1429" s="1106"/>
      <c r="BW1429" s="1106"/>
      <c r="BX1429" s="1106"/>
      <c r="BY1429" s="1106"/>
      <c r="BZ1429" s="1106"/>
      <c r="CA1429" s="1106"/>
    </row>
    <row r="1430" spans="3:79" ht="9" customHeight="1" x14ac:dyDescent="0.2">
      <c r="C1430" s="1106"/>
      <c r="D1430" s="1106"/>
      <c r="E1430" s="1106"/>
      <c r="F1430" s="1106"/>
      <c r="G1430" s="1106"/>
      <c r="H1430" s="1106"/>
      <c r="I1430" s="1106"/>
      <c r="J1430" s="1106"/>
      <c r="K1430" s="1106"/>
      <c r="L1430" s="1106"/>
      <c r="M1430" s="1106"/>
      <c r="N1430" s="1106"/>
      <c r="O1430" s="1106"/>
      <c r="AB1430" s="1106"/>
      <c r="AC1430" s="1106"/>
      <c r="AD1430" s="1106"/>
      <c r="AE1430" s="1106"/>
      <c r="AF1430" s="1106"/>
      <c r="AG1430" s="1106"/>
      <c r="AH1430" s="1106"/>
      <c r="AL1430" s="1106"/>
      <c r="AZ1430" s="1106"/>
      <c r="BA1430" s="1106"/>
      <c r="BB1430" s="1106"/>
      <c r="BC1430" s="1106"/>
      <c r="BD1430" s="1106"/>
      <c r="BE1430" s="1106"/>
      <c r="BF1430" s="1106"/>
      <c r="BG1430" s="1106"/>
      <c r="BH1430" s="1106"/>
      <c r="BI1430" s="1106"/>
      <c r="BJ1430" s="1106"/>
      <c r="BK1430" s="1106"/>
      <c r="BL1430" s="1106"/>
      <c r="BM1430" s="1106"/>
      <c r="BN1430" s="1106"/>
      <c r="BO1430" s="1106"/>
      <c r="BP1430" s="1106"/>
      <c r="BQ1430" s="1106"/>
      <c r="BR1430" s="1106"/>
      <c r="BS1430" s="1106"/>
      <c r="BT1430" s="1106"/>
      <c r="BU1430" s="1106"/>
      <c r="BV1430" s="1106"/>
      <c r="BW1430" s="1106"/>
      <c r="BX1430" s="1106"/>
      <c r="BY1430" s="1106"/>
      <c r="BZ1430" s="1106"/>
      <c r="CA1430" s="1106"/>
    </row>
    <row r="1431" spans="3:79" ht="9" customHeight="1" x14ac:dyDescent="0.2">
      <c r="C1431" s="1106"/>
      <c r="D1431" s="1106"/>
      <c r="E1431" s="1106"/>
      <c r="F1431" s="1106"/>
      <c r="G1431" s="1106"/>
      <c r="H1431" s="1106"/>
      <c r="I1431" s="1106"/>
      <c r="J1431" s="1106"/>
      <c r="K1431" s="1106"/>
      <c r="L1431" s="1106"/>
      <c r="M1431" s="1106"/>
      <c r="N1431" s="1106"/>
      <c r="O1431" s="1106"/>
      <c r="AB1431" s="1106"/>
      <c r="AC1431" s="1106"/>
      <c r="AD1431" s="1106"/>
      <c r="AE1431" s="1106"/>
      <c r="AF1431" s="1106"/>
      <c r="AG1431" s="1106"/>
      <c r="AH1431" s="1106"/>
      <c r="AL1431" s="1106"/>
      <c r="AZ1431" s="1106"/>
      <c r="BA1431" s="1106"/>
      <c r="BB1431" s="1106"/>
      <c r="BC1431" s="1106"/>
      <c r="BD1431" s="1106"/>
      <c r="BE1431" s="1106"/>
      <c r="BF1431" s="1106"/>
      <c r="BG1431" s="1106"/>
      <c r="BH1431" s="1106"/>
      <c r="BI1431" s="1106"/>
      <c r="BJ1431" s="1106"/>
      <c r="BK1431" s="1106"/>
      <c r="BL1431" s="1106"/>
      <c r="BM1431" s="1106"/>
      <c r="BN1431" s="1106"/>
      <c r="BO1431" s="1106"/>
      <c r="BP1431" s="1106"/>
      <c r="BQ1431" s="1106"/>
      <c r="BR1431" s="1106"/>
      <c r="BS1431" s="1106"/>
      <c r="BT1431" s="1106"/>
      <c r="BU1431" s="1106"/>
      <c r="BV1431" s="1106"/>
      <c r="BW1431" s="1106"/>
      <c r="BX1431" s="1106"/>
      <c r="BY1431" s="1106"/>
      <c r="BZ1431" s="1106"/>
      <c r="CA1431" s="1106"/>
    </row>
    <row r="1432" spans="3:79" ht="9" customHeight="1" x14ac:dyDescent="0.2">
      <c r="C1432" s="1106"/>
      <c r="D1432" s="1106"/>
      <c r="E1432" s="1106"/>
      <c r="F1432" s="1106"/>
      <c r="G1432" s="1106"/>
      <c r="H1432" s="1106"/>
      <c r="I1432" s="1106"/>
      <c r="J1432" s="1106"/>
      <c r="K1432" s="1106"/>
      <c r="L1432" s="1106"/>
      <c r="M1432" s="1106"/>
      <c r="N1432" s="1106"/>
      <c r="O1432" s="1106"/>
      <c r="U1432" s="1106"/>
      <c r="AB1432" s="1106"/>
      <c r="AC1432" s="1106"/>
      <c r="AD1432" s="1106"/>
      <c r="AE1432" s="1106"/>
      <c r="AF1432" s="1106"/>
      <c r="AG1432" s="1106"/>
      <c r="AH1432" s="1106"/>
      <c r="AL1432" s="1106"/>
      <c r="AT1432" s="1106"/>
      <c r="AU1432" s="1106"/>
      <c r="AV1432" s="1106"/>
      <c r="AW1432" s="1106"/>
      <c r="AX1432" s="1106"/>
      <c r="AY1432" s="1106"/>
      <c r="AZ1432" s="1106"/>
      <c r="BA1432" s="1106"/>
      <c r="BB1432" s="1106"/>
      <c r="BC1432" s="1106"/>
      <c r="BD1432" s="1106"/>
      <c r="BE1432" s="1106"/>
      <c r="BF1432" s="1106"/>
      <c r="BG1432" s="1106"/>
      <c r="BH1432" s="1106"/>
      <c r="BI1432" s="1106"/>
      <c r="BJ1432" s="1106"/>
      <c r="BK1432" s="1106"/>
      <c r="BL1432" s="1106"/>
      <c r="BM1432" s="1106"/>
      <c r="BN1432" s="1106"/>
      <c r="BO1432" s="1106"/>
      <c r="BP1432" s="1106"/>
      <c r="BQ1432" s="1106"/>
      <c r="BR1432" s="1106"/>
      <c r="BS1432" s="1106"/>
      <c r="BT1432" s="1106"/>
      <c r="BU1432" s="1106"/>
      <c r="BV1432" s="1106"/>
      <c r="BW1432" s="1106"/>
      <c r="BX1432" s="1106"/>
      <c r="BY1432" s="1106"/>
      <c r="BZ1432" s="1106"/>
      <c r="CA1432" s="1106"/>
    </row>
    <row r="1433" spans="3:79" ht="9" customHeight="1" x14ac:dyDescent="0.2">
      <c r="C1433" s="1106"/>
      <c r="D1433" s="1106"/>
      <c r="E1433" s="1106"/>
      <c r="F1433" s="1106"/>
      <c r="G1433" s="1106"/>
      <c r="H1433" s="1106"/>
      <c r="I1433" s="1106"/>
      <c r="J1433" s="1106"/>
      <c r="K1433" s="1106"/>
      <c r="L1433" s="1106"/>
      <c r="M1433" s="1106"/>
      <c r="N1433" s="1106"/>
      <c r="O1433" s="1106"/>
      <c r="U1433" s="1106"/>
      <c r="AB1433" s="1106"/>
      <c r="AC1433" s="1106"/>
      <c r="AD1433" s="1106"/>
      <c r="AE1433" s="1106"/>
      <c r="AF1433" s="1106"/>
      <c r="AG1433" s="1106"/>
      <c r="AH1433" s="1106"/>
      <c r="AL1433" s="1106"/>
      <c r="AO1433" s="1106"/>
      <c r="AP1433" s="1106"/>
      <c r="AT1433" s="1106"/>
      <c r="AU1433" s="1106"/>
      <c r="AV1433" s="1106"/>
      <c r="AW1433" s="1106"/>
      <c r="AX1433" s="1106"/>
      <c r="AY1433" s="1106"/>
      <c r="AZ1433" s="1106"/>
      <c r="BA1433" s="1106"/>
      <c r="BB1433" s="1106"/>
      <c r="BC1433" s="1106"/>
      <c r="BD1433" s="1106"/>
      <c r="BE1433" s="1106"/>
      <c r="BF1433" s="1106"/>
      <c r="BG1433" s="1106"/>
      <c r="BH1433" s="1106"/>
      <c r="BI1433" s="1106"/>
      <c r="BJ1433" s="1106"/>
      <c r="BK1433" s="1106"/>
      <c r="BL1433" s="1106"/>
      <c r="BM1433" s="1106"/>
      <c r="BN1433" s="1106"/>
      <c r="BO1433" s="1106"/>
      <c r="BP1433" s="1106"/>
      <c r="BQ1433" s="1106"/>
      <c r="BR1433" s="1106"/>
      <c r="BS1433" s="1106"/>
      <c r="BT1433" s="1106"/>
      <c r="BU1433" s="1106"/>
      <c r="BV1433" s="1106"/>
      <c r="BW1433" s="1106"/>
      <c r="BX1433" s="1106"/>
      <c r="BY1433" s="1106"/>
      <c r="BZ1433" s="1106"/>
      <c r="CA1433" s="1106"/>
    </row>
    <row r="1434" spans="3:79" ht="9" customHeight="1" x14ac:dyDescent="0.2">
      <c r="C1434" s="1106"/>
      <c r="D1434" s="1106"/>
      <c r="E1434" s="1106"/>
      <c r="F1434" s="1106"/>
      <c r="G1434" s="1106"/>
      <c r="H1434" s="1106"/>
      <c r="I1434" s="1106"/>
      <c r="J1434" s="1106"/>
      <c r="K1434" s="1106"/>
      <c r="L1434" s="1106"/>
      <c r="M1434" s="1106"/>
      <c r="N1434" s="1106"/>
      <c r="O1434" s="1106"/>
      <c r="U1434" s="1106"/>
      <c r="AB1434" s="1106"/>
      <c r="AC1434" s="1106"/>
      <c r="AD1434" s="1106"/>
      <c r="AE1434" s="1106"/>
      <c r="AF1434" s="1106"/>
      <c r="AG1434" s="1106"/>
      <c r="AH1434" s="1106"/>
      <c r="AL1434" s="1106"/>
      <c r="AT1434" s="1106"/>
      <c r="AU1434" s="1106"/>
      <c r="AV1434" s="1106"/>
      <c r="AW1434" s="1106"/>
      <c r="AX1434" s="1106"/>
      <c r="AY1434" s="1106"/>
      <c r="AZ1434" s="1106"/>
      <c r="BA1434" s="1106"/>
      <c r="BB1434" s="1106"/>
      <c r="BC1434" s="1106"/>
      <c r="BD1434" s="1106"/>
      <c r="BE1434" s="1106"/>
      <c r="BF1434" s="1106"/>
      <c r="BG1434" s="1106"/>
      <c r="BH1434" s="1106"/>
      <c r="BI1434" s="1106"/>
      <c r="BJ1434" s="1106"/>
      <c r="BK1434" s="1106"/>
      <c r="BL1434" s="1106"/>
      <c r="BM1434" s="1106"/>
      <c r="BN1434" s="1106"/>
      <c r="BO1434" s="1106"/>
      <c r="BP1434" s="1106"/>
      <c r="BQ1434" s="1106"/>
      <c r="BR1434" s="1106"/>
      <c r="BS1434" s="1106"/>
      <c r="BT1434" s="1106"/>
      <c r="BU1434" s="1106"/>
      <c r="BV1434" s="1106"/>
      <c r="BW1434" s="1106"/>
      <c r="BX1434" s="1106"/>
      <c r="BY1434" s="1106"/>
      <c r="BZ1434" s="1106"/>
      <c r="CA1434" s="1106"/>
    </row>
    <row r="1435" spans="3:79" ht="9" customHeight="1" x14ac:dyDescent="0.2">
      <c r="C1435" s="1106"/>
      <c r="D1435" s="1106"/>
      <c r="E1435" s="1106"/>
      <c r="F1435" s="1106"/>
      <c r="G1435" s="1106"/>
      <c r="H1435" s="1106"/>
      <c r="I1435" s="1106"/>
      <c r="J1435" s="1106"/>
      <c r="K1435" s="1106"/>
      <c r="L1435" s="1106"/>
      <c r="M1435" s="1106"/>
      <c r="N1435" s="1106"/>
      <c r="O1435" s="1106"/>
      <c r="AB1435" s="1106"/>
      <c r="AC1435" s="1106"/>
      <c r="AD1435" s="1106"/>
      <c r="AE1435" s="1106"/>
      <c r="AF1435" s="1106"/>
      <c r="AG1435" s="1106"/>
      <c r="AH1435" s="1106"/>
      <c r="AL1435" s="1106"/>
      <c r="AZ1435" s="1106"/>
      <c r="BA1435" s="1106"/>
      <c r="BB1435" s="1106"/>
      <c r="BC1435" s="1106"/>
      <c r="BD1435" s="1106"/>
      <c r="BE1435" s="1106"/>
      <c r="BF1435" s="1106"/>
      <c r="BG1435" s="1106"/>
      <c r="BH1435" s="1106"/>
      <c r="BI1435" s="1106"/>
      <c r="BJ1435" s="1106"/>
      <c r="BK1435" s="1106"/>
      <c r="BL1435" s="1106"/>
      <c r="BM1435" s="1106"/>
      <c r="BN1435" s="1106"/>
      <c r="BO1435" s="1106"/>
      <c r="BP1435" s="1106"/>
      <c r="BQ1435" s="1106"/>
      <c r="BR1435" s="1106"/>
      <c r="BS1435" s="1106"/>
      <c r="BT1435" s="1106"/>
      <c r="BU1435" s="1106"/>
      <c r="BV1435" s="1106"/>
      <c r="BW1435" s="1106"/>
      <c r="BX1435" s="1106"/>
      <c r="BY1435" s="1106"/>
      <c r="BZ1435" s="1106"/>
      <c r="CA1435" s="1106"/>
    </row>
    <row r="1436" spans="3:79" ht="9" customHeight="1" x14ac:dyDescent="0.2">
      <c r="C1436" s="1106"/>
      <c r="D1436" s="1106"/>
      <c r="E1436" s="1106"/>
      <c r="F1436" s="1106"/>
      <c r="G1436" s="1106"/>
      <c r="H1436" s="1106"/>
      <c r="I1436" s="1106"/>
      <c r="J1436" s="1106"/>
      <c r="K1436" s="1106"/>
      <c r="L1436" s="1106"/>
      <c r="M1436" s="1106"/>
      <c r="N1436" s="1106"/>
      <c r="O1436" s="1106"/>
      <c r="AB1436" s="1106"/>
      <c r="AC1436" s="1106"/>
      <c r="AD1436" s="1106"/>
      <c r="AE1436" s="1106"/>
      <c r="AF1436" s="1106"/>
      <c r="AG1436" s="1106"/>
      <c r="AH1436" s="1106"/>
      <c r="AL1436" s="1106"/>
      <c r="AZ1436" s="1106"/>
      <c r="BA1436" s="1106"/>
      <c r="BB1436" s="1106"/>
      <c r="BC1436" s="1106"/>
      <c r="BD1436" s="1106"/>
      <c r="BE1436" s="1106"/>
      <c r="BF1436" s="1106"/>
      <c r="BG1436" s="1106"/>
      <c r="BH1436" s="1106"/>
      <c r="BI1436" s="1106"/>
      <c r="BJ1436" s="1106"/>
      <c r="BK1436" s="1106"/>
      <c r="BL1436" s="1106"/>
      <c r="BM1436" s="1106"/>
      <c r="BN1436" s="1106"/>
      <c r="BO1436" s="1106"/>
      <c r="BP1436" s="1106"/>
      <c r="BQ1436" s="1106"/>
      <c r="BR1436" s="1106"/>
      <c r="BS1436" s="1106"/>
      <c r="BT1436" s="1106"/>
      <c r="BU1436" s="1106"/>
      <c r="BV1436" s="1106"/>
      <c r="BW1436" s="1106"/>
      <c r="BX1436" s="1106"/>
      <c r="BY1436" s="1106"/>
      <c r="BZ1436" s="1106"/>
      <c r="CA1436" s="1106"/>
    </row>
    <row r="1437" spans="3:79" ht="9" customHeight="1" x14ac:dyDescent="0.2">
      <c r="C1437" s="1106"/>
      <c r="D1437" s="1106"/>
      <c r="E1437" s="1106"/>
      <c r="F1437" s="1106"/>
      <c r="G1437" s="1106"/>
      <c r="H1437" s="1106"/>
      <c r="I1437" s="1106"/>
      <c r="J1437" s="1106"/>
      <c r="K1437" s="1106"/>
      <c r="L1437" s="1106"/>
      <c r="M1437" s="1106"/>
      <c r="N1437" s="1106"/>
      <c r="O1437" s="1106"/>
      <c r="AB1437" s="1106"/>
      <c r="AC1437" s="1106"/>
      <c r="AD1437" s="1106"/>
      <c r="AE1437" s="1106"/>
      <c r="AF1437" s="1106"/>
      <c r="AG1437" s="1106"/>
      <c r="AH1437" s="1106"/>
      <c r="AL1437" s="1106"/>
      <c r="AZ1437" s="1106"/>
      <c r="BA1437" s="1106"/>
      <c r="BB1437" s="1106"/>
      <c r="BC1437" s="1106"/>
      <c r="BD1437" s="1106"/>
      <c r="BE1437" s="1106"/>
      <c r="BF1437" s="1106"/>
      <c r="BG1437" s="1106"/>
      <c r="BH1437" s="1106"/>
      <c r="BI1437" s="1106"/>
      <c r="BJ1437" s="1106"/>
      <c r="BK1437" s="1106"/>
      <c r="BL1437" s="1106"/>
      <c r="BM1437" s="1106"/>
      <c r="BN1437" s="1106"/>
      <c r="BO1437" s="1106"/>
      <c r="BP1437" s="1106"/>
      <c r="BQ1437" s="1106"/>
      <c r="BR1437" s="1106"/>
      <c r="BS1437" s="1106"/>
      <c r="BT1437" s="1106"/>
      <c r="BU1437" s="1106"/>
      <c r="BV1437" s="1106"/>
      <c r="BW1437" s="1106"/>
      <c r="BX1437" s="1106"/>
      <c r="BY1437" s="1106"/>
      <c r="BZ1437" s="1106"/>
      <c r="CA1437" s="1106"/>
    </row>
    <row r="1438" spans="3:79" ht="9" customHeight="1" x14ac:dyDescent="0.2">
      <c r="C1438" s="1106"/>
      <c r="D1438" s="1106"/>
      <c r="E1438" s="1106"/>
      <c r="F1438" s="1106"/>
      <c r="G1438" s="1106"/>
      <c r="H1438" s="1106"/>
      <c r="I1438" s="1106"/>
      <c r="J1438" s="1106"/>
      <c r="K1438" s="1106"/>
      <c r="L1438" s="1106"/>
      <c r="M1438" s="1106"/>
      <c r="N1438" s="1106"/>
      <c r="O1438" s="1106"/>
      <c r="U1438" s="1106"/>
      <c r="AB1438" s="1106"/>
      <c r="AC1438" s="1106"/>
      <c r="AD1438" s="1106"/>
      <c r="AE1438" s="1106"/>
      <c r="AF1438" s="1106"/>
      <c r="AG1438" s="1106"/>
      <c r="AH1438" s="1106"/>
      <c r="AL1438" s="1106"/>
      <c r="AT1438" s="1106"/>
      <c r="AU1438" s="1106"/>
      <c r="AV1438" s="1106"/>
      <c r="AW1438" s="1106"/>
      <c r="AX1438" s="1106"/>
      <c r="AY1438" s="1106"/>
      <c r="AZ1438" s="1106"/>
      <c r="BA1438" s="1106"/>
      <c r="BB1438" s="1106"/>
      <c r="BC1438" s="1106"/>
      <c r="BD1438" s="1106"/>
      <c r="BE1438" s="1106"/>
      <c r="BF1438" s="1106"/>
      <c r="BG1438" s="1106"/>
      <c r="BH1438" s="1106"/>
      <c r="BI1438" s="1106"/>
      <c r="BJ1438" s="1106"/>
      <c r="BK1438" s="1106"/>
      <c r="BL1438" s="1106"/>
      <c r="BM1438" s="1106"/>
      <c r="BN1438" s="1106"/>
      <c r="BO1438" s="1106"/>
      <c r="BP1438" s="1106"/>
      <c r="BQ1438" s="1106"/>
      <c r="BR1438" s="1106"/>
      <c r="BS1438" s="1106"/>
      <c r="BT1438" s="1106"/>
      <c r="BU1438" s="1106"/>
      <c r="BV1438" s="1106"/>
      <c r="BW1438" s="1106"/>
      <c r="BX1438" s="1106"/>
      <c r="BY1438" s="1106"/>
      <c r="BZ1438" s="1106"/>
      <c r="CA1438" s="1106"/>
    </row>
    <row r="1439" spans="3:79" ht="9" customHeight="1" x14ac:dyDescent="0.2">
      <c r="C1439" s="1106"/>
      <c r="D1439" s="1106"/>
      <c r="E1439" s="1106"/>
      <c r="F1439" s="1106"/>
      <c r="G1439" s="1106"/>
      <c r="H1439" s="1106"/>
      <c r="I1439" s="1106"/>
      <c r="J1439" s="1106"/>
      <c r="K1439" s="1106"/>
      <c r="L1439" s="1106"/>
      <c r="M1439" s="1106"/>
      <c r="N1439" s="1106"/>
      <c r="O1439" s="1106"/>
      <c r="U1439" s="1106"/>
      <c r="AB1439" s="1106"/>
      <c r="AC1439" s="1106"/>
      <c r="AD1439" s="1106"/>
      <c r="AE1439" s="1106"/>
      <c r="AF1439" s="1106"/>
      <c r="AG1439" s="1106"/>
      <c r="AH1439" s="1106"/>
      <c r="AL1439" s="1106"/>
      <c r="AO1439" s="1106"/>
      <c r="AP1439" s="1106"/>
      <c r="AT1439" s="1106"/>
      <c r="AU1439" s="1106"/>
      <c r="AV1439" s="1106"/>
      <c r="AW1439" s="1106"/>
      <c r="AX1439" s="1106"/>
      <c r="AY1439" s="1106"/>
      <c r="AZ1439" s="1106"/>
      <c r="BA1439" s="1106"/>
      <c r="BB1439" s="1106"/>
      <c r="BC1439" s="1106"/>
      <c r="BD1439" s="1106"/>
      <c r="BE1439" s="1106"/>
      <c r="BF1439" s="1106"/>
      <c r="BG1439" s="1106"/>
      <c r="BH1439" s="1106"/>
      <c r="BI1439" s="1106"/>
      <c r="BJ1439" s="1106"/>
      <c r="BK1439" s="1106"/>
      <c r="BL1439" s="1106"/>
      <c r="BM1439" s="1106"/>
      <c r="BN1439" s="1106"/>
      <c r="BO1439" s="1106"/>
      <c r="BP1439" s="1106"/>
      <c r="BQ1439" s="1106"/>
      <c r="BR1439" s="1106"/>
      <c r="BS1439" s="1106"/>
      <c r="BT1439" s="1106"/>
      <c r="BU1439" s="1106"/>
      <c r="BV1439" s="1106"/>
      <c r="BW1439" s="1106"/>
      <c r="BX1439" s="1106"/>
      <c r="BY1439" s="1106"/>
      <c r="BZ1439" s="1106"/>
      <c r="CA1439" s="1106"/>
    </row>
    <row r="1440" spans="3:79" ht="9" customHeight="1" x14ac:dyDescent="0.2">
      <c r="C1440" s="1106"/>
      <c r="D1440" s="1106"/>
      <c r="E1440" s="1106"/>
      <c r="F1440" s="1106"/>
      <c r="G1440" s="1106"/>
      <c r="H1440" s="1106"/>
      <c r="I1440" s="1106"/>
      <c r="J1440" s="1106"/>
      <c r="K1440" s="1106"/>
      <c r="L1440" s="1106"/>
      <c r="M1440" s="1106"/>
      <c r="N1440" s="1106"/>
      <c r="O1440" s="1106"/>
      <c r="U1440" s="1106"/>
      <c r="AB1440" s="1106"/>
      <c r="AC1440" s="1106"/>
      <c r="AD1440" s="1106"/>
      <c r="AE1440" s="1106"/>
      <c r="AF1440" s="1106"/>
      <c r="AG1440" s="1106"/>
      <c r="AH1440" s="1106"/>
      <c r="AL1440" s="1106"/>
      <c r="AT1440" s="1106"/>
      <c r="AU1440" s="1106"/>
      <c r="AV1440" s="1106"/>
      <c r="AW1440" s="1106"/>
      <c r="AX1440" s="1106"/>
      <c r="AY1440" s="1106"/>
      <c r="AZ1440" s="1106"/>
      <c r="BA1440" s="1106"/>
      <c r="BB1440" s="1106"/>
      <c r="BC1440" s="1106"/>
      <c r="BD1440" s="1106"/>
      <c r="BE1440" s="1106"/>
      <c r="BF1440" s="1106"/>
      <c r="BG1440" s="1106"/>
      <c r="BH1440" s="1106"/>
      <c r="BI1440" s="1106"/>
      <c r="BJ1440" s="1106"/>
      <c r="BK1440" s="1106"/>
      <c r="BL1440" s="1106"/>
      <c r="BM1440" s="1106"/>
      <c r="BN1440" s="1106"/>
      <c r="BO1440" s="1106"/>
      <c r="BP1440" s="1106"/>
      <c r="BQ1440" s="1106"/>
      <c r="BR1440" s="1106"/>
      <c r="BS1440" s="1106"/>
      <c r="BT1440" s="1106"/>
      <c r="BU1440" s="1106"/>
      <c r="BV1440" s="1106"/>
      <c r="BW1440" s="1106"/>
      <c r="BX1440" s="1106"/>
      <c r="BY1440" s="1106"/>
      <c r="BZ1440" s="1106"/>
      <c r="CA1440" s="1106"/>
    </row>
    <row r="1441" spans="3:79" ht="9" customHeight="1" x14ac:dyDescent="0.2">
      <c r="C1441" s="1106"/>
      <c r="D1441" s="1106"/>
      <c r="E1441" s="1106"/>
      <c r="F1441" s="1106"/>
      <c r="G1441" s="1106"/>
      <c r="H1441" s="1106"/>
      <c r="I1441" s="1106"/>
      <c r="J1441" s="1106"/>
      <c r="K1441" s="1106"/>
      <c r="L1441" s="1106"/>
      <c r="M1441" s="1106"/>
      <c r="N1441" s="1106"/>
      <c r="O1441" s="1106"/>
      <c r="AB1441" s="1106"/>
      <c r="AC1441" s="1106"/>
      <c r="AD1441" s="1106"/>
      <c r="AE1441" s="1106"/>
      <c r="AF1441" s="1106"/>
      <c r="AG1441" s="1106"/>
      <c r="AH1441" s="1106"/>
      <c r="AL1441" s="1106"/>
      <c r="AZ1441" s="1106"/>
      <c r="BA1441" s="1106"/>
      <c r="BB1441" s="1106"/>
      <c r="BC1441" s="1106"/>
      <c r="BD1441" s="1106"/>
      <c r="BE1441" s="1106"/>
      <c r="BF1441" s="1106"/>
      <c r="BG1441" s="1106"/>
      <c r="BH1441" s="1106"/>
      <c r="BI1441" s="1106"/>
      <c r="BJ1441" s="1106"/>
      <c r="BK1441" s="1106"/>
      <c r="BL1441" s="1106"/>
      <c r="BM1441" s="1106"/>
      <c r="BN1441" s="1106"/>
      <c r="BO1441" s="1106"/>
      <c r="BP1441" s="1106"/>
      <c r="BQ1441" s="1106"/>
      <c r="BR1441" s="1106"/>
      <c r="BS1441" s="1106"/>
      <c r="BT1441" s="1106"/>
      <c r="BU1441" s="1106"/>
      <c r="BV1441" s="1106"/>
      <c r="BW1441" s="1106"/>
      <c r="BX1441" s="1106"/>
      <c r="BY1441" s="1106"/>
      <c r="BZ1441" s="1106"/>
      <c r="CA1441" s="1106"/>
    </row>
    <row r="1442" spans="3:79" ht="9" customHeight="1" x14ac:dyDescent="0.2">
      <c r="C1442" s="1106"/>
      <c r="D1442" s="1106"/>
      <c r="E1442" s="1106"/>
      <c r="F1442" s="1106"/>
      <c r="G1442" s="1106"/>
      <c r="H1442" s="1106"/>
      <c r="I1442" s="1106"/>
      <c r="J1442" s="1106"/>
      <c r="K1442" s="1106"/>
      <c r="L1442" s="1106"/>
      <c r="M1442" s="1106"/>
      <c r="N1442" s="1106"/>
      <c r="O1442" s="1106"/>
      <c r="AB1442" s="1106"/>
      <c r="AC1442" s="1106"/>
      <c r="AD1442" s="1106"/>
      <c r="AE1442" s="1106"/>
      <c r="AF1442" s="1106"/>
      <c r="AG1442" s="1106"/>
      <c r="AH1442" s="1106"/>
      <c r="AL1442" s="1106"/>
      <c r="AZ1442" s="1106"/>
      <c r="BA1442" s="1106"/>
      <c r="BB1442" s="1106"/>
      <c r="BC1442" s="1106"/>
      <c r="BD1442" s="1106"/>
      <c r="BE1442" s="1106"/>
      <c r="BF1442" s="1106"/>
      <c r="BG1442" s="1106"/>
      <c r="BH1442" s="1106"/>
      <c r="BI1442" s="1106"/>
      <c r="BJ1442" s="1106"/>
      <c r="BK1442" s="1106"/>
      <c r="BL1442" s="1106"/>
      <c r="BM1442" s="1106"/>
      <c r="BN1442" s="1106"/>
      <c r="BO1442" s="1106"/>
      <c r="BP1442" s="1106"/>
      <c r="BQ1442" s="1106"/>
      <c r="BR1442" s="1106"/>
      <c r="BS1442" s="1106"/>
      <c r="BT1442" s="1106"/>
      <c r="BU1442" s="1106"/>
      <c r="BV1442" s="1106"/>
      <c r="BW1442" s="1106"/>
      <c r="BX1442" s="1106"/>
      <c r="BY1442" s="1106"/>
      <c r="BZ1442" s="1106"/>
      <c r="CA1442" s="1106"/>
    </row>
    <row r="1443" spans="3:79" ht="9" customHeight="1" x14ac:dyDescent="0.2">
      <c r="C1443" s="1106"/>
      <c r="D1443" s="1106"/>
      <c r="E1443" s="1106"/>
      <c r="F1443" s="1106"/>
      <c r="G1443" s="1106"/>
      <c r="H1443" s="1106"/>
      <c r="I1443" s="1106"/>
      <c r="J1443" s="1106"/>
      <c r="K1443" s="1106"/>
      <c r="L1443" s="1106"/>
      <c r="M1443" s="1106"/>
      <c r="N1443" s="1106"/>
      <c r="O1443" s="1106"/>
      <c r="AB1443" s="1106"/>
      <c r="AC1443" s="1106"/>
      <c r="AD1443" s="1106"/>
      <c r="AE1443" s="1106"/>
      <c r="AF1443" s="1106"/>
      <c r="AG1443" s="1106"/>
      <c r="AH1443" s="1106"/>
      <c r="AL1443" s="1106"/>
      <c r="AZ1443" s="1106"/>
      <c r="BA1443" s="1106"/>
      <c r="BB1443" s="1106"/>
      <c r="BC1443" s="1106"/>
      <c r="BD1443" s="1106"/>
      <c r="BE1443" s="1106"/>
      <c r="BF1443" s="1106"/>
      <c r="BG1443" s="1106"/>
      <c r="BH1443" s="1106"/>
      <c r="BI1443" s="1106"/>
      <c r="BJ1443" s="1106"/>
      <c r="BK1443" s="1106"/>
      <c r="BL1443" s="1106"/>
      <c r="BM1443" s="1106"/>
      <c r="BN1443" s="1106"/>
      <c r="BO1443" s="1106"/>
      <c r="BP1443" s="1106"/>
      <c r="BQ1443" s="1106"/>
      <c r="BR1443" s="1106"/>
      <c r="BS1443" s="1106"/>
      <c r="BT1443" s="1106"/>
      <c r="BU1443" s="1106"/>
      <c r="BV1443" s="1106"/>
      <c r="BW1443" s="1106"/>
      <c r="BX1443" s="1106"/>
      <c r="BY1443" s="1106"/>
      <c r="BZ1443" s="1106"/>
      <c r="CA1443" s="1106"/>
    </row>
    <row r="1444" spans="3:79" ht="9" customHeight="1" x14ac:dyDescent="0.2">
      <c r="C1444" s="1106"/>
      <c r="D1444" s="1106"/>
      <c r="E1444" s="1106"/>
      <c r="F1444" s="1106"/>
      <c r="G1444" s="1106"/>
      <c r="H1444" s="1106"/>
      <c r="I1444" s="1106"/>
      <c r="J1444" s="1106"/>
      <c r="K1444" s="1106"/>
      <c r="L1444" s="1106"/>
      <c r="M1444" s="1106"/>
      <c r="N1444" s="1106"/>
      <c r="O1444" s="1106"/>
      <c r="U1444" s="1106"/>
      <c r="AB1444" s="1106"/>
      <c r="AC1444" s="1106"/>
      <c r="AD1444" s="1106"/>
      <c r="AE1444" s="1106"/>
      <c r="AF1444" s="1106"/>
      <c r="AG1444" s="1106"/>
      <c r="AH1444" s="1106"/>
      <c r="AL1444" s="1106"/>
      <c r="AT1444" s="1106"/>
      <c r="AU1444" s="1106"/>
      <c r="AV1444" s="1106"/>
      <c r="AW1444" s="1106"/>
      <c r="AX1444" s="1106"/>
      <c r="AY1444" s="1106"/>
      <c r="AZ1444" s="1106"/>
      <c r="BA1444" s="1106"/>
      <c r="BB1444" s="1106"/>
      <c r="BC1444" s="1106"/>
      <c r="BD1444" s="1106"/>
      <c r="BE1444" s="1106"/>
      <c r="BF1444" s="1106"/>
      <c r="BG1444" s="1106"/>
      <c r="BH1444" s="1106"/>
      <c r="BI1444" s="1106"/>
      <c r="BJ1444" s="1106"/>
      <c r="BK1444" s="1106"/>
      <c r="BL1444" s="1106"/>
      <c r="BM1444" s="1106"/>
      <c r="BN1444" s="1106"/>
      <c r="BO1444" s="1106"/>
      <c r="BP1444" s="1106"/>
      <c r="BQ1444" s="1106"/>
      <c r="BR1444" s="1106"/>
      <c r="BS1444" s="1106"/>
      <c r="BT1444" s="1106"/>
      <c r="BU1444" s="1106"/>
      <c r="BV1444" s="1106"/>
      <c r="BW1444" s="1106"/>
      <c r="BX1444" s="1106"/>
      <c r="BY1444" s="1106"/>
      <c r="BZ1444" s="1106"/>
      <c r="CA1444" s="1106"/>
    </row>
    <row r="1445" spans="3:79" ht="9" customHeight="1" x14ac:dyDescent="0.2">
      <c r="C1445" s="1106"/>
      <c r="D1445" s="1106"/>
      <c r="E1445" s="1106"/>
      <c r="F1445" s="1106"/>
      <c r="G1445" s="1106"/>
      <c r="H1445" s="1106"/>
      <c r="I1445" s="1106"/>
      <c r="J1445" s="1106"/>
      <c r="K1445" s="1106"/>
      <c r="L1445" s="1106"/>
      <c r="M1445" s="1106"/>
      <c r="N1445" s="1106"/>
      <c r="O1445" s="1106"/>
      <c r="U1445" s="1106"/>
      <c r="AB1445" s="1106"/>
      <c r="AC1445" s="1106"/>
      <c r="AD1445" s="1106"/>
      <c r="AE1445" s="1106"/>
      <c r="AF1445" s="1106"/>
      <c r="AG1445" s="1106"/>
      <c r="AH1445" s="1106"/>
      <c r="AL1445" s="1106"/>
      <c r="AO1445" s="1106"/>
      <c r="AP1445" s="1106"/>
      <c r="AT1445" s="1106"/>
      <c r="AU1445" s="1106"/>
      <c r="AV1445" s="1106"/>
      <c r="AW1445" s="1106"/>
      <c r="AX1445" s="1106"/>
      <c r="AY1445" s="1106"/>
      <c r="AZ1445" s="1106"/>
      <c r="BA1445" s="1106"/>
      <c r="BB1445" s="1106"/>
      <c r="BC1445" s="1106"/>
      <c r="BD1445" s="1106"/>
      <c r="BE1445" s="1106"/>
      <c r="BF1445" s="1106"/>
      <c r="BG1445" s="1106"/>
      <c r="BH1445" s="1106"/>
      <c r="BI1445" s="1106"/>
      <c r="BJ1445" s="1106"/>
      <c r="BK1445" s="1106"/>
      <c r="BL1445" s="1106"/>
      <c r="BM1445" s="1106"/>
      <c r="BN1445" s="1106"/>
      <c r="BO1445" s="1106"/>
      <c r="BP1445" s="1106"/>
      <c r="BQ1445" s="1106"/>
      <c r="BR1445" s="1106"/>
      <c r="BS1445" s="1106"/>
      <c r="BT1445" s="1106"/>
      <c r="BU1445" s="1106"/>
      <c r="BV1445" s="1106"/>
      <c r="BW1445" s="1106"/>
      <c r="BX1445" s="1106"/>
      <c r="BY1445" s="1106"/>
      <c r="BZ1445" s="1106"/>
      <c r="CA1445" s="1106"/>
    </row>
    <row r="1446" spans="3:79" ht="9" customHeight="1" x14ac:dyDescent="0.2">
      <c r="C1446" s="1106"/>
      <c r="D1446" s="1106"/>
      <c r="E1446" s="1106"/>
      <c r="F1446" s="1106"/>
      <c r="G1446" s="1106"/>
      <c r="H1446" s="1106"/>
      <c r="I1446" s="1106"/>
      <c r="J1446" s="1106"/>
      <c r="K1446" s="1106"/>
      <c r="L1446" s="1106"/>
      <c r="M1446" s="1106"/>
      <c r="N1446" s="1106"/>
      <c r="O1446" s="1106"/>
      <c r="U1446" s="1106"/>
      <c r="AB1446" s="1106"/>
      <c r="AC1446" s="1106"/>
      <c r="AD1446" s="1106"/>
      <c r="AE1446" s="1106"/>
      <c r="AF1446" s="1106"/>
      <c r="AG1446" s="1106"/>
      <c r="AH1446" s="1106"/>
      <c r="AL1446" s="1106"/>
      <c r="AT1446" s="1106"/>
      <c r="AU1446" s="1106"/>
      <c r="AV1446" s="1106"/>
      <c r="AW1446" s="1106"/>
      <c r="AX1446" s="1106"/>
      <c r="AY1446" s="1106"/>
      <c r="AZ1446" s="1106"/>
      <c r="BA1446" s="1106"/>
      <c r="BB1446" s="1106"/>
      <c r="BC1446" s="1106"/>
      <c r="BD1446" s="1106"/>
      <c r="BE1446" s="1106"/>
      <c r="BF1446" s="1106"/>
      <c r="BG1446" s="1106"/>
      <c r="BH1446" s="1106"/>
      <c r="BI1446" s="1106"/>
      <c r="BJ1446" s="1106"/>
      <c r="BK1446" s="1106"/>
      <c r="BL1446" s="1106"/>
      <c r="BM1446" s="1106"/>
      <c r="BN1446" s="1106"/>
      <c r="BO1446" s="1106"/>
      <c r="BP1446" s="1106"/>
      <c r="BQ1446" s="1106"/>
      <c r="BR1446" s="1106"/>
      <c r="BS1446" s="1106"/>
      <c r="BT1446" s="1106"/>
      <c r="BU1446" s="1106"/>
      <c r="BV1446" s="1106"/>
      <c r="BW1446" s="1106"/>
      <c r="BX1446" s="1106"/>
      <c r="BY1446" s="1106"/>
      <c r="BZ1446" s="1106"/>
      <c r="CA1446" s="1106"/>
    </row>
    <row r="1447" spans="3:79" ht="9" customHeight="1" x14ac:dyDescent="0.2">
      <c r="C1447" s="1106"/>
      <c r="D1447" s="1106"/>
      <c r="E1447" s="1106"/>
      <c r="F1447" s="1106"/>
      <c r="G1447" s="1106"/>
      <c r="H1447" s="1106"/>
      <c r="I1447" s="1106"/>
      <c r="J1447" s="1106"/>
      <c r="K1447" s="1106"/>
      <c r="L1447" s="1106"/>
      <c r="M1447" s="1106"/>
      <c r="N1447" s="1106"/>
      <c r="O1447" s="1106"/>
      <c r="AB1447" s="1106"/>
      <c r="AC1447" s="1106"/>
      <c r="AD1447" s="1106"/>
      <c r="AE1447" s="1106"/>
      <c r="AF1447" s="1106"/>
      <c r="AG1447" s="1106"/>
      <c r="AH1447" s="1106"/>
      <c r="AL1447" s="1106"/>
      <c r="AZ1447" s="1106"/>
      <c r="BA1447" s="1106"/>
      <c r="BB1447" s="1106"/>
      <c r="BC1447" s="1106"/>
      <c r="BD1447" s="1106"/>
      <c r="BE1447" s="1106"/>
      <c r="BF1447" s="1106"/>
      <c r="BG1447" s="1106"/>
      <c r="BH1447" s="1106"/>
      <c r="BI1447" s="1106"/>
      <c r="BJ1447" s="1106"/>
      <c r="BK1447" s="1106"/>
      <c r="BL1447" s="1106"/>
      <c r="BM1447" s="1106"/>
      <c r="BN1447" s="1106"/>
      <c r="BO1447" s="1106"/>
      <c r="BP1447" s="1106"/>
      <c r="BQ1447" s="1106"/>
      <c r="BR1447" s="1106"/>
      <c r="BS1447" s="1106"/>
      <c r="BT1447" s="1106"/>
      <c r="BU1447" s="1106"/>
      <c r="BV1447" s="1106"/>
      <c r="BW1447" s="1106"/>
      <c r="BX1447" s="1106"/>
      <c r="BY1447" s="1106"/>
      <c r="BZ1447" s="1106"/>
      <c r="CA1447" s="1106"/>
    </row>
    <row r="1448" spans="3:79" ht="9" customHeight="1" x14ac:dyDescent="0.2">
      <c r="C1448" s="1106"/>
      <c r="D1448" s="1106"/>
      <c r="E1448" s="1106"/>
      <c r="F1448" s="1106"/>
      <c r="G1448" s="1106"/>
      <c r="H1448" s="1106"/>
      <c r="I1448" s="1106"/>
      <c r="J1448" s="1106"/>
      <c r="K1448" s="1106"/>
      <c r="L1448" s="1106"/>
      <c r="M1448" s="1106"/>
      <c r="N1448" s="1106"/>
      <c r="O1448" s="1106"/>
      <c r="AB1448" s="1106"/>
      <c r="AC1448" s="1106"/>
      <c r="AD1448" s="1106"/>
      <c r="AE1448" s="1106"/>
      <c r="AF1448" s="1106"/>
      <c r="AG1448" s="1106"/>
      <c r="AH1448" s="1106"/>
      <c r="AL1448" s="1106"/>
      <c r="AZ1448" s="1106"/>
      <c r="BA1448" s="1106"/>
      <c r="BB1448" s="1106"/>
      <c r="BC1448" s="1106"/>
      <c r="BD1448" s="1106"/>
      <c r="BE1448" s="1106"/>
      <c r="BF1448" s="1106"/>
      <c r="BG1448" s="1106"/>
      <c r="BH1448" s="1106"/>
      <c r="BI1448" s="1106"/>
      <c r="BJ1448" s="1106"/>
      <c r="BK1448" s="1106"/>
      <c r="BL1448" s="1106"/>
      <c r="BM1448" s="1106"/>
      <c r="BN1448" s="1106"/>
      <c r="BO1448" s="1106"/>
      <c r="BP1448" s="1106"/>
      <c r="BQ1448" s="1106"/>
      <c r="BR1448" s="1106"/>
      <c r="BS1448" s="1106"/>
      <c r="BT1448" s="1106"/>
      <c r="BU1448" s="1106"/>
      <c r="BV1448" s="1106"/>
      <c r="BW1448" s="1106"/>
      <c r="BX1448" s="1106"/>
      <c r="BY1448" s="1106"/>
      <c r="BZ1448" s="1106"/>
      <c r="CA1448" s="1106"/>
    </row>
    <row r="1449" spans="3:79" ht="9" customHeight="1" x14ac:dyDescent="0.2">
      <c r="C1449" s="1106"/>
      <c r="D1449" s="1106"/>
      <c r="E1449" s="1106"/>
      <c r="F1449" s="1106"/>
      <c r="G1449" s="1106"/>
      <c r="H1449" s="1106"/>
      <c r="I1449" s="1106"/>
      <c r="J1449" s="1106"/>
      <c r="K1449" s="1106"/>
      <c r="L1449" s="1106"/>
      <c r="M1449" s="1106"/>
      <c r="N1449" s="1106"/>
      <c r="O1449" s="1106"/>
      <c r="AB1449" s="1106"/>
      <c r="AC1449" s="1106"/>
      <c r="AD1449" s="1106"/>
      <c r="AE1449" s="1106"/>
      <c r="AF1449" s="1106"/>
      <c r="AG1449" s="1106"/>
      <c r="AH1449" s="1106"/>
      <c r="AL1449" s="1106"/>
      <c r="AZ1449" s="1106"/>
      <c r="BA1449" s="1106"/>
      <c r="BB1449" s="1106"/>
      <c r="BC1449" s="1106"/>
      <c r="BD1449" s="1106"/>
      <c r="BE1449" s="1106"/>
      <c r="BF1449" s="1106"/>
      <c r="BG1449" s="1106"/>
      <c r="BH1449" s="1106"/>
      <c r="BI1449" s="1106"/>
      <c r="BJ1449" s="1106"/>
      <c r="BK1449" s="1106"/>
      <c r="BL1449" s="1106"/>
      <c r="BM1449" s="1106"/>
      <c r="BN1449" s="1106"/>
      <c r="BO1449" s="1106"/>
      <c r="BP1449" s="1106"/>
      <c r="BQ1449" s="1106"/>
      <c r="BR1449" s="1106"/>
      <c r="BS1449" s="1106"/>
      <c r="BT1449" s="1106"/>
      <c r="BU1449" s="1106"/>
      <c r="BV1449" s="1106"/>
      <c r="BW1449" s="1106"/>
      <c r="BX1449" s="1106"/>
      <c r="BY1449" s="1106"/>
      <c r="BZ1449" s="1106"/>
      <c r="CA1449" s="1106"/>
    </row>
    <row r="1450" spans="3:79" ht="9" customHeight="1" x14ac:dyDescent="0.2">
      <c r="C1450" s="1106"/>
      <c r="D1450" s="1106"/>
      <c r="E1450" s="1106"/>
      <c r="F1450" s="1106"/>
      <c r="G1450" s="1106"/>
      <c r="H1450" s="1106"/>
      <c r="I1450" s="1106"/>
      <c r="J1450" s="1106"/>
      <c r="K1450" s="1106"/>
      <c r="L1450" s="1106"/>
      <c r="M1450" s="1106"/>
      <c r="N1450" s="1106"/>
      <c r="O1450" s="1106"/>
      <c r="U1450" s="1106"/>
      <c r="AB1450" s="1106"/>
      <c r="AC1450" s="1106"/>
      <c r="AD1450" s="1106"/>
      <c r="AE1450" s="1106"/>
      <c r="AF1450" s="1106"/>
      <c r="AG1450" s="1106"/>
      <c r="AH1450" s="1106"/>
      <c r="AL1450" s="1106"/>
      <c r="AT1450" s="1106"/>
      <c r="AU1450" s="1106"/>
      <c r="AV1450" s="1106"/>
      <c r="AW1450" s="1106"/>
      <c r="AX1450" s="1106"/>
      <c r="AY1450" s="1106"/>
      <c r="AZ1450" s="1106"/>
      <c r="BA1450" s="1106"/>
      <c r="BB1450" s="1106"/>
      <c r="BC1450" s="1106"/>
      <c r="BD1450" s="1106"/>
      <c r="BE1450" s="1106"/>
      <c r="BF1450" s="1106"/>
      <c r="BG1450" s="1106"/>
      <c r="BH1450" s="1106"/>
      <c r="BI1450" s="1106"/>
      <c r="BJ1450" s="1106"/>
      <c r="BK1450" s="1106"/>
      <c r="BL1450" s="1106"/>
      <c r="BM1450" s="1106"/>
      <c r="BN1450" s="1106"/>
      <c r="BO1450" s="1106"/>
      <c r="BP1450" s="1106"/>
      <c r="BQ1450" s="1106"/>
      <c r="BR1450" s="1106"/>
      <c r="BS1450" s="1106"/>
      <c r="BT1450" s="1106"/>
      <c r="BU1450" s="1106"/>
      <c r="BV1450" s="1106"/>
      <c r="BW1450" s="1106"/>
      <c r="BX1450" s="1106"/>
      <c r="BY1450" s="1106"/>
      <c r="BZ1450" s="1106"/>
      <c r="CA1450" s="1106"/>
    </row>
    <row r="1451" spans="3:79" ht="9" customHeight="1" x14ac:dyDescent="0.2">
      <c r="C1451" s="1106"/>
      <c r="D1451" s="1106"/>
      <c r="E1451" s="1106"/>
      <c r="F1451" s="1106"/>
      <c r="G1451" s="1106"/>
      <c r="H1451" s="1106"/>
      <c r="I1451" s="1106"/>
      <c r="J1451" s="1106"/>
      <c r="K1451" s="1106"/>
      <c r="L1451" s="1106"/>
      <c r="M1451" s="1106"/>
      <c r="N1451" s="1106"/>
      <c r="O1451" s="1106"/>
      <c r="U1451" s="1106"/>
      <c r="AB1451" s="1106"/>
      <c r="AC1451" s="1106"/>
      <c r="AD1451" s="1106"/>
      <c r="AE1451" s="1106"/>
      <c r="AF1451" s="1106"/>
      <c r="AG1451" s="1106"/>
      <c r="AH1451" s="1106"/>
      <c r="AL1451" s="1106"/>
      <c r="AO1451" s="1106"/>
      <c r="AP1451" s="1106"/>
      <c r="AT1451" s="1106"/>
      <c r="AU1451" s="1106"/>
      <c r="AV1451" s="1106"/>
      <c r="AW1451" s="1106"/>
      <c r="AX1451" s="1106"/>
      <c r="AY1451" s="1106"/>
      <c r="AZ1451" s="1106"/>
      <c r="BA1451" s="1106"/>
      <c r="BB1451" s="1106"/>
      <c r="BC1451" s="1106"/>
      <c r="BD1451" s="1106"/>
      <c r="BE1451" s="1106"/>
      <c r="BF1451" s="1106"/>
      <c r="BG1451" s="1106"/>
      <c r="BH1451" s="1106"/>
      <c r="BI1451" s="1106"/>
      <c r="BJ1451" s="1106"/>
      <c r="BK1451" s="1106"/>
      <c r="BL1451" s="1106"/>
      <c r="BM1451" s="1106"/>
      <c r="BN1451" s="1106"/>
      <c r="BO1451" s="1106"/>
      <c r="BP1451" s="1106"/>
      <c r="BQ1451" s="1106"/>
      <c r="BR1451" s="1106"/>
      <c r="BS1451" s="1106"/>
      <c r="BT1451" s="1106"/>
      <c r="BU1451" s="1106"/>
      <c r="BV1451" s="1106"/>
      <c r="BW1451" s="1106"/>
      <c r="BX1451" s="1106"/>
      <c r="BY1451" s="1106"/>
      <c r="BZ1451" s="1106"/>
      <c r="CA1451" s="1106"/>
    </row>
    <row r="1452" spans="3:79" ht="9" customHeight="1" x14ac:dyDescent="0.2">
      <c r="C1452" s="1106"/>
      <c r="D1452" s="1106"/>
      <c r="E1452" s="1106"/>
      <c r="F1452" s="1106"/>
      <c r="G1452" s="1106"/>
      <c r="H1452" s="1106"/>
      <c r="I1452" s="1106"/>
      <c r="J1452" s="1106"/>
      <c r="K1452" s="1106"/>
      <c r="L1452" s="1106"/>
      <c r="M1452" s="1106"/>
      <c r="N1452" s="1106"/>
      <c r="O1452" s="1106"/>
      <c r="U1452" s="1106"/>
      <c r="AB1452" s="1106"/>
      <c r="AC1452" s="1106"/>
      <c r="AD1452" s="1106"/>
      <c r="AE1452" s="1106"/>
      <c r="AF1452" s="1106"/>
      <c r="AG1452" s="1106"/>
      <c r="AH1452" s="1106"/>
      <c r="AL1452" s="1106"/>
      <c r="AT1452" s="1106"/>
      <c r="AU1452" s="1106"/>
      <c r="AV1452" s="1106"/>
      <c r="AW1452" s="1106"/>
      <c r="AX1452" s="1106"/>
      <c r="AY1452" s="1106"/>
      <c r="AZ1452" s="1106"/>
      <c r="BA1452" s="1106"/>
      <c r="BB1452" s="1106"/>
      <c r="BC1452" s="1106"/>
      <c r="BD1452" s="1106"/>
      <c r="BE1452" s="1106"/>
      <c r="BF1452" s="1106"/>
      <c r="BG1452" s="1106"/>
      <c r="BH1452" s="1106"/>
      <c r="BI1452" s="1106"/>
      <c r="BJ1452" s="1106"/>
      <c r="BK1452" s="1106"/>
      <c r="BL1452" s="1106"/>
      <c r="BM1452" s="1106"/>
      <c r="BN1452" s="1106"/>
      <c r="BO1452" s="1106"/>
      <c r="BP1452" s="1106"/>
      <c r="BQ1452" s="1106"/>
      <c r="BR1452" s="1106"/>
      <c r="BS1452" s="1106"/>
      <c r="BT1452" s="1106"/>
      <c r="BU1452" s="1106"/>
      <c r="BV1452" s="1106"/>
      <c r="BW1452" s="1106"/>
      <c r="BX1452" s="1106"/>
      <c r="BY1452" s="1106"/>
      <c r="BZ1452" s="1106"/>
      <c r="CA1452" s="1106"/>
    </row>
    <row r="1453" spans="3:79" ht="9" customHeight="1" x14ac:dyDescent="0.2">
      <c r="C1453" s="1106"/>
      <c r="D1453" s="1106"/>
      <c r="E1453" s="1106"/>
      <c r="F1453" s="1106"/>
      <c r="G1453" s="1106"/>
      <c r="H1453" s="1106"/>
      <c r="I1453" s="1106"/>
      <c r="J1453" s="1106"/>
      <c r="K1453" s="1106"/>
      <c r="L1453" s="1106"/>
      <c r="M1453" s="1106"/>
      <c r="N1453" s="1106"/>
      <c r="O1453" s="1106"/>
      <c r="AB1453" s="1106"/>
      <c r="AC1453" s="1106"/>
      <c r="AD1453" s="1106"/>
      <c r="AE1453" s="1106"/>
      <c r="AF1453" s="1106"/>
      <c r="AG1453" s="1106"/>
      <c r="AH1453" s="1106"/>
      <c r="AL1453" s="1106"/>
      <c r="AZ1453" s="1106"/>
      <c r="BA1453" s="1106"/>
      <c r="BB1453" s="1106"/>
      <c r="BC1453" s="1106"/>
      <c r="BD1453" s="1106"/>
      <c r="BE1453" s="1106"/>
      <c r="BF1453" s="1106"/>
      <c r="BG1453" s="1106"/>
      <c r="BH1453" s="1106"/>
      <c r="BI1453" s="1106"/>
      <c r="BJ1453" s="1106"/>
      <c r="BK1453" s="1106"/>
      <c r="BL1453" s="1106"/>
      <c r="BM1453" s="1106"/>
      <c r="BN1453" s="1106"/>
      <c r="BO1453" s="1106"/>
      <c r="BP1453" s="1106"/>
      <c r="BQ1453" s="1106"/>
      <c r="BR1453" s="1106"/>
      <c r="BS1453" s="1106"/>
      <c r="BT1453" s="1106"/>
      <c r="BU1453" s="1106"/>
      <c r="BV1453" s="1106"/>
      <c r="BW1453" s="1106"/>
      <c r="BX1453" s="1106"/>
      <c r="BY1453" s="1106"/>
      <c r="BZ1453" s="1106"/>
      <c r="CA1453" s="1106"/>
    </row>
    <row r="1454" spans="3:79" ht="9" customHeight="1" x14ac:dyDescent="0.2">
      <c r="C1454" s="1106"/>
      <c r="D1454" s="1106"/>
      <c r="E1454" s="1106"/>
      <c r="F1454" s="1106"/>
      <c r="G1454" s="1106"/>
      <c r="H1454" s="1106"/>
      <c r="I1454" s="1106"/>
      <c r="J1454" s="1106"/>
      <c r="K1454" s="1106"/>
      <c r="L1454" s="1106"/>
      <c r="M1454" s="1106"/>
      <c r="N1454" s="1106"/>
      <c r="O1454" s="1106"/>
      <c r="AB1454" s="1106"/>
      <c r="AC1454" s="1106"/>
      <c r="AD1454" s="1106"/>
      <c r="AE1454" s="1106"/>
      <c r="AF1454" s="1106"/>
      <c r="AG1454" s="1106"/>
      <c r="AH1454" s="1106"/>
      <c r="AL1454" s="1106"/>
      <c r="AZ1454" s="1106"/>
      <c r="BA1454" s="1106"/>
      <c r="BB1454" s="1106"/>
      <c r="BC1454" s="1106"/>
      <c r="BD1454" s="1106"/>
      <c r="BE1454" s="1106"/>
      <c r="BF1454" s="1106"/>
      <c r="BG1454" s="1106"/>
      <c r="BH1454" s="1106"/>
      <c r="BI1454" s="1106"/>
      <c r="BJ1454" s="1106"/>
      <c r="BK1454" s="1106"/>
      <c r="BL1454" s="1106"/>
      <c r="BM1454" s="1106"/>
      <c r="BN1454" s="1106"/>
      <c r="BO1454" s="1106"/>
      <c r="BP1454" s="1106"/>
      <c r="BQ1454" s="1106"/>
      <c r="BR1454" s="1106"/>
      <c r="BS1454" s="1106"/>
      <c r="BT1454" s="1106"/>
      <c r="BU1454" s="1106"/>
      <c r="BV1454" s="1106"/>
      <c r="BW1454" s="1106"/>
      <c r="BX1454" s="1106"/>
      <c r="BY1454" s="1106"/>
      <c r="BZ1454" s="1106"/>
      <c r="CA1454" s="1106"/>
    </row>
    <row r="1455" spans="3:79" ht="9" customHeight="1" x14ac:dyDescent="0.2">
      <c r="C1455" s="1106"/>
      <c r="D1455" s="1106"/>
      <c r="E1455" s="1106"/>
      <c r="F1455" s="1106"/>
      <c r="G1455" s="1106"/>
      <c r="H1455" s="1106"/>
      <c r="I1455" s="1106"/>
      <c r="J1455" s="1106"/>
      <c r="K1455" s="1106"/>
      <c r="L1455" s="1106"/>
      <c r="M1455" s="1106"/>
      <c r="N1455" s="1106"/>
      <c r="O1455" s="1106"/>
      <c r="AB1455" s="1106"/>
      <c r="AC1455" s="1106"/>
      <c r="AD1455" s="1106"/>
      <c r="AE1455" s="1106"/>
      <c r="AF1455" s="1106"/>
      <c r="AG1455" s="1106"/>
      <c r="AH1455" s="1106"/>
      <c r="AL1455" s="1106"/>
      <c r="AZ1455" s="1106"/>
      <c r="BA1455" s="1106"/>
      <c r="BB1455" s="1106"/>
      <c r="BC1455" s="1106"/>
      <c r="BD1455" s="1106"/>
      <c r="BE1455" s="1106"/>
      <c r="BF1455" s="1106"/>
      <c r="BG1455" s="1106"/>
      <c r="BH1455" s="1106"/>
      <c r="BI1455" s="1106"/>
      <c r="BJ1455" s="1106"/>
      <c r="BK1455" s="1106"/>
      <c r="BL1455" s="1106"/>
      <c r="BM1455" s="1106"/>
      <c r="BN1455" s="1106"/>
      <c r="BO1455" s="1106"/>
      <c r="BP1455" s="1106"/>
      <c r="BQ1455" s="1106"/>
      <c r="BR1455" s="1106"/>
      <c r="BS1455" s="1106"/>
      <c r="BT1455" s="1106"/>
      <c r="BU1455" s="1106"/>
      <c r="BV1455" s="1106"/>
      <c r="BW1455" s="1106"/>
      <c r="BX1455" s="1106"/>
      <c r="BY1455" s="1106"/>
      <c r="BZ1455" s="1106"/>
      <c r="CA1455" s="1106"/>
    </row>
    <row r="1456" spans="3:79" ht="9" customHeight="1" x14ac:dyDescent="0.2">
      <c r="C1456" s="1106"/>
      <c r="D1456" s="1106"/>
      <c r="E1456" s="1106"/>
      <c r="F1456" s="1106"/>
      <c r="G1456" s="1106"/>
      <c r="H1456" s="1106"/>
      <c r="I1456" s="1106"/>
      <c r="J1456" s="1106"/>
      <c r="K1456" s="1106"/>
      <c r="L1456" s="1106"/>
      <c r="M1456" s="1106"/>
      <c r="N1456" s="1106"/>
      <c r="O1456" s="1106"/>
      <c r="U1456" s="1106"/>
      <c r="AB1456" s="1106"/>
      <c r="AC1456" s="1106"/>
      <c r="AD1456" s="1106"/>
      <c r="AE1456" s="1106"/>
      <c r="AF1456" s="1106"/>
      <c r="AG1456" s="1106"/>
      <c r="AH1456" s="1106"/>
      <c r="AL1456" s="1106"/>
      <c r="AT1456" s="1106"/>
      <c r="AU1456" s="1106"/>
      <c r="AV1456" s="1106"/>
      <c r="AW1456" s="1106"/>
      <c r="AX1456" s="1106"/>
      <c r="AY1456" s="1106"/>
      <c r="AZ1456" s="1106"/>
      <c r="BA1456" s="1106"/>
      <c r="BB1456" s="1106"/>
      <c r="BC1456" s="1106"/>
      <c r="BD1456" s="1106"/>
      <c r="BE1456" s="1106"/>
      <c r="BF1456" s="1106"/>
      <c r="BG1456" s="1106"/>
      <c r="BH1456" s="1106"/>
      <c r="BI1456" s="1106"/>
      <c r="BJ1456" s="1106"/>
      <c r="BK1456" s="1106"/>
      <c r="BL1456" s="1106"/>
      <c r="BM1456" s="1106"/>
      <c r="BN1456" s="1106"/>
      <c r="BO1456" s="1106"/>
      <c r="BP1456" s="1106"/>
      <c r="BQ1456" s="1106"/>
      <c r="BR1456" s="1106"/>
      <c r="BS1456" s="1106"/>
      <c r="BT1456" s="1106"/>
      <c r="BU1456" s="1106"/>
      <c r="BV1456" s="1106"/>
      <c r="BW1456" s="1106"/>
      <c r="BX1456" s="1106"/>
      <c r="BY1456" s="1106"/>
      <c r="BZ1456" s="1106"/>
      <c r="CA1456" s="1106"/>
    </row>
    <row r="1457" spans="3:79" ht="9" customHeight="1" x14ac:dyDescent="0.2">
      <c r="C1457" s="1106"/>
      <c r="D1457" s="1106"/>
      <c r="E1457" s="1106"/>
      <c r="F1457" s="1106"/>
      <c r="G1457" s="1106"/>
      <c r="H1457" s="1106"/>
      <c r="I1457" s="1106"/>
      <c r="J1457" s="1106"/>
      <c r="K1457" s="1106"/>
      <c r="L1457" s="1106"/>
      <c r="M1457" s="1106"/>
      <c r="N1457" s="1106"/>
      <c r="O1457" s="1106"/>
      <c r="U1457" s="1106"/>
      <c r="AB1457" s="1106"/>
      <c r="AC1457" s="1106"/>
      <c r="AD1457" s="1106"/>
      <c r="AE1457" s="1106"/>
      <c r="AF1457" s="1106"/>
      <c r="AG1457" s="1106"/>
      <c r="AH1457" s="1106"/>
      <c r="AL1457" s="1106"/>
      <c r="AO1457" s="1106"/>
      <c r="AP1457" s="1106"/>
      <c r="AT1457" s="1106"/>
      <c r="AU1457" s="1106"/>
      <c r="AV1457" s="1106"/>
      <c r="AW1457" s="1106"/>
      <c r="AX1457" s="1106"/>
      <c r="AY1457" s="1106"/>
      <c r="AZ1457" s="1106"/>
      <c r="BA1457" s="1106"/>
      <c r="BB1457" s="1106"/>
      <c r="BC1457" s="1106"/>
      <c r="BD1457" s="1106"/>
      <c r="BE1457" s="1106"/>
      <c r="BF1457" s="1106"/>
      <c r="BG1457" s="1106"/>
      <c r="BH1457" s="1106"/>
      <c r="BI1457" s="1106"/>
      <c r="BJ1457" s="1106"/>
      <c r="BK1457" s="1106"/>
      <c r="BL1457" s="1106"/>
      <c r="BM1457" s="1106"/>
      <c r="BN1457" s="1106"/>
      <c r="BO1457" s="1106"/>
      <c r="BP1457" s="1106"/>
      <c r="BQ1457" s="1106"/>
      <c r="BR1457" s="1106"/>
      <c r="BS1457" s="1106"/>
      <c r="BT1457" s="1106"/>
      <c r="BU1457" s="1106"/>
      <c r="BV1457" s="1106"/>
      <c r="BW1457" s="1106"/>
      <c r="BX1457" s="1106"/>
      <c r="BY1457" s="1106"/>
      <c r="BZ1457" s="1106"/>
      <c r="CA1457" s="1106"/>
    </row>
    <row r="1458" spans="3:79" ht="9" customHeight="1" x14ac:dyDescent="0.2">
      <c r="C1458" s="1106"/>
      <c r="D1458" s="1106"/>
      <c r="E1458" s="1106"/>
      <c r="F1458" s="1106"/>
      <c r="G1458" s="1106"/>
      <c r="H1458" s="1106"/>
      <c r="I1458" s="1106"/>
      <c r="J1458" s="1106"/>
      <c r="K1458" s="1106"/>
      <c r="L1458" s="1106"/>
      <c r="M1458" s="1106"/>
      <c r="N1458" s="1106"/>
      <c r="O1458" s="1106"/>
      <c r="U1458" s="1106"/>
      <c r="AB1458" s="1106"/>
      <c r="AC1458" s="1106"/>
      <c r="AD1458" s="1106"/>
      <c r="AE1458" s="1106"/>
      <c r="AF1458" s="1106"/>
      <c r="AG1458" s="1106"/>
      <c r="AH1458" s="1106"/>
      <c r="AL1458" s="1106"/>
      <c r="AT1458" s="1106"/>
      <c r="AU1458" s="1106"/>
      <c r="AV1458" s="1106"/>
      <c r="AW1458" s="1106"/>
      <c r="AX1458" s="1106"/>
      <c r="AY1458" s="1106"/>
      <c r="AZ1458" s="1106"/>
      <c r="BA1458" s="1106"/>
      <c r="BB1458" s="1106"/>
      <c r="BC1458" s="1106"/>
      <c r="BD1458" s="1106"/>
      <c r="BE1458" s="1106"/>
      <c r="BF1458" s="1106"/>
      <c r="BG1458" s="1106"/>
      <c r="BH1458" s="1106"/>
      <c r="BI1458" s="1106"/>
      <c r="BJ1458" s="1106"/>
      <c r="BK1458" s="1106"/>
      <c r="BL1458" s="1106"/>
      <c r="BM1458" s="1106"/>
      <c r="BN1458" s="1106"/>
      <c r="BO1458" s="1106"/>
      <c r="BP1458" s="1106"/>
      <c r="BQ1458" s="1106"/>
      <c r="BR1458" s="1106"/>
      <c r="BS1458" s="1106"/>
      <c r="BT1458" s="1106"/>
      <c r="BU1458" s="1106"/>
      <c r="BV1458" s="1106"/>
      <c r="BW1458" s="1106"/>
      <c r="BX1458" s="1106"/>
      <c r="BY1458" s="1106"/>
      <c r="BZ1458" s="1106"/>
      <c r="CA1458" s="1106"/>
    </row>
    <row r="1459" spans="3:79" ht="9" customHeight="1" x14ac:dyDescent="0.2">
      <c r="C1459" s="1106"/>
      <c r="D1459" s="1106"/>
      <c r="E1459" s="1106"/>
      <c r="F1459" s="1106"/>
      <c r="G1459" s="1106"/>
      <c r="H1459" s="1106"/>
      <c r="I1459" s="1106"/>
      <c r="J1459" s="1106"/>
      <c r="K1459" s="1106"/>
      <c r="L1459" s="1106"/>
      <c r="M1459" s="1106"/>
      <c r="N1459" s="1106"/>
      <c r="O1459" s="1106"/>
      <c r="AB1459" s="1106"/>
      <c r="AC1459" s="1106"/>
      <c r="AD1459" s="1106"/>
      <c r="AE1459" s="1106"/>
      <c r="AF1459" s="1106"/>
      <c r="AG1459" s="1106"/>
      <c r="AH1459" s="1106"/>
      <c r="AL1459" s="1106"/>
      <c r="AZ1459" s="1106"/>
      <c r="BA1459" s="1106"/>
      <c r="BB1459" s="1106"/>
      <c r="BC1459" s="1106"/>
      <c r="BD1459" s="1106"/>
      <c r="BE1459" s="1106"/>
      <c r="BF1459" s="1106"/>
      <c r="BG1459" s="1106"/>
      <c r="BH1459" s="1106"/>
      <c r="BI1459" s="1106"/>
      <c r="BJ1459" s="1106"/>
      <c r="BK1459" s="1106"/>
      <c r="BL1459" s="1106"/>
      <c r="BM1459" s="1106"/>
      <c r="BN1459" s="1106"/>
      <c r="BO1459" s="1106"/>
      <c r="BP1459" s="1106"/>
      <c r="BQ1459" s="1106"/>
      <c r="BR1459" s="1106"/>
      <c r="BS1459" s="1106"/>
      <c r="BT1459" s="1106"/>
      <c r="BU1459" s="1106"/>
      <c r="BV1459" s="1106"/>
      <c r="BW1459" s="1106"/>
      <c r="BX1459" s="1106"/>
      <c r="BY1459" s="1106"/>
      <c r="BZ1459" s="1106"/>
      <c r="CA1459" s="1106"/>
    </row>
    <row r="1460" spans="3:79" ht="9" customHeight="1" x14ac:dyDescent="0.2">
      <c r="C1460" s="1106"/>
      <c r="D1460" s="1106"/>
      <c r="E1460" s="1106"/>
      <c r="F1460" s="1106"/>
      <c r="G1460" s="1106"/>
      <c r="H1460" s="1106"/>
      <c r="I1460" s="1106"/>
      <c r="J1460" s="1106"/>
      <c r="K1460" s="1106"/>
      <c r="L1460" s="1106"/>
      <c r="M1460" s="1106"/>
      <c r="N1460" s="1106"/>
      <c r="O1460" s="1106"/>
      <c r="AB1460" s="1106"/>
      <c r="AC1460" s="1106"/>
      <c r="AD1460" s="1106"/>
      <c r="AE1460" s="1106"/>
      <c r="AF1460" s="1106"/>
      <c r="AG1460" s="1106"/>
      <c r="AH1460" s="1106"/>
      <c r="AL1460" s="1106"/>
      <c r="AZ1460" s="1106"/>
      <c r="BA1460" s="1106"/>
      <c r="BB1460" s="1106"/>
      <c r="BC1460" s="1106"/>
      <c r="BD1460" s="1106"/>
      <c r="BE1460" s="1106"/>
      <c r="BF1460" s="1106"/>
      <c r="BG1460" s="1106"/>
      <c r="BH1460" s="1106"/>
      <c r="BI1460" s="1106"/>
      <c r="BJ1460" s="1106"/>
      <c r="BK1460" s="1106"/>
      <c r="BL1460" s="1106"/>
      <c r="BM1460" s="1106"/>
      <c r="BN1460" s="1106"/>
      <c r="BO1460" s="1106"/>
      <c r="BP1460" s="1106"/>
      <c r="BQ1460" s="1106"/>
      <c r="BR1460" s="1106"/>
      <c r="BS1460" s="1106"/>
      <c r="BT1460" s="1106"/>
      <c r="BU1460" s="1106"/>
      <c r="BV1460" s="1106"/>
      <c r="BW1460" s="1106"/>
      <c r="BX1460" s="1106"/>
      <c r="BY1460" s="1106"/>
      <c r="BZ1460" s="1106"/>
      <c r="CA1460" s="1106"/>
    </row>
    <row r="1461" spans="3:79" ht="9" customHeight="1" x14ac:dyDescent="0.2">
      <c r="C1461" s="1106"/>
      <c r="D1461" s="1106"/>
      <c r="E1461" s="1106"/>
      <c r="F1461" s="1106"/>
      <c r="G1461" s="1106"/>
      <c r="H1461" s="1106"/>
      <c r="I1461" s="1106"/>
      <c r="J1461" s="1106"/>
      <c r="K1461" s="1106"/>
      <c r="L1461" s="1106"/>
      <c r="M1461" s="1106"/>
      <c r="N1461" s="1106"/>
      <c r="O1461" s="1106"/>
      <c r="AB1461" s="1106"/>
      <c r="AC1461" s="1106"/>
      <c r="AD1461" s="1106"/>
      <c r="AE1461" s="1106"/>
      <c r="AF1461" s="1106"/>
      <c r="AG1461" s="1106"/>
      <c r="AH1461" s="1106"/>
      <c r="AL1461" s="1106"/>
      <c r="AZ1461" s="1106"/>
      <c r="BA1461" s="1106"/>
      <c r="BB1461" s="1106"/>
      <c r="BC1461" s="1106"/>
      <c r="BD1461" s="1106"/>
      <c r="BE1461" s="1106"/>
      <c r="BF1461" s="1106"/>
      <c r="BG1461" s="1106"/>
      <c r="BH1461" s="1106"/>
      <c r="BI1461" s="1106"/>
      <c r="BJ1461" s="1106"/>
      <c r="BK1461" s="1106"/>
      <c r="BL1461" s="1106"/>
      <c r="BM1461" s="1106"/>
      <c r="BN1461" s="1106"/>
      <c r="BO1461" s="1106"/>
      <c r="BP1461" s="1106"/>
      <c r="BQ1461" s="1106"/>
      <c r="BR1461" s="1106"/>
      <c r="BS1461" s="1106"/>
      <c r="BT1461" s="1106"/>
      <c r="BU1461" s="1106"/>
      <c r="BV1461" s="1106"/>
      <c r="BW1461" s="1106"/>
      <c r="BX1461" s="1106"/>
      <c r="BY1461" s="1106"/>
      <c r="BZ1461" s="1106"/>
      <c r="CA1461" s="1106"/>
    </row>
    <row r="1462" spans="3:79" ht="9" customHeight="1" x14ac:dyDescent="0.2">
      <c r="C1462" s="1106"/>
      <c r="D1462" s="1106"/>
      <c r="E1462" s="1106"/>
      <c r="F1462" s="1106"/>
      <c r="G1462" s="1106"/>
      <c r="H1462" s="1106"/>
      <c r="I1462" s="1106"/>
      <c r="J1462" s="1106"/>
      <c r="K1462" s="1106"/>
      <c r="L1462" s="1106"/>
      <c r="M1462" s="1106"/>
      <c r="N1462" s="1106"/>
      <c r="O1462" s="1106"/>
      <c r="U1462" s="1106"/>
      <c r="AB1462" s="1106"/>
      <c r="AC1462" s="1106"/>
      <c r="AD1462" s="1106"/>
      <c r="AE1462" s="1106"/>
      <c r="AF1462" s="1106"/>
      <c r="AG1462" s="1106"/>
      <c r="AH1462" s="1106"/>
      <c r="AL1462" s="1106"/>
      <c r="AT1462" s="1106"/>
      <c r="AU1462" s="1106"/>
      <c r="AV1462" s="1106"/>
      <c r="AW1462" s="1106"/>
      <c r="AX1462" s="1106"/>
      <c r="AY1462" s="1106"/>
      <c r="AZ1462" s="1106"/>
      <c r="BA1462" s="1106"/>
      <c r="BB1462" s="1106"/>
      <c r="BC1462" s="1106"/>
      <c r="BD1462" s="1106"/>
      <c r="BE1462" s="1106"/>
      <c r="BF1462" s="1106"/>
      <c r="BG1462" s="1106"/>
      <c r="BH1462" s="1106"/>
      <c r="BI1462" s="1106"/>
      <c r="BJ1462" s="1106"/>
      <c r="BK1462" s="1106"/>
      <c r="BL1462" s="1106"/>
      <c r="BM1462" s="1106"/>
      <c r="BN1462" s="1106"/>
      <c r="BO1462" s="1106"/>
      <c r="BP1462" s="1106"/>
      <c r="BQ1462" s="1106"/>
      <c r="BR1462" s="1106"/>
      <c r="BS1462" s="1106"/>
      <c r="BT1462" s="1106"/>
      <c r="BU1462" s="1106"/>
      <c r="BV1462" s="1106"/>
      <c r="BW1462" s="1106"/>
      <c r="BX1462" s="1106"/>
      <c r="BY1462" s="1106"/>
      <c r="BZ1462" s="1106"/>
      <c r="CA1462" s="1106"/>
    </row>
    <row r="1463" spans="3:79" ht="9" customHeight="1" x14ac:dyDescent="0.2">
      <c r="C1463" s="1106"/>
      <c r="D1463" s="1106"/>
      <c r="E1463" s="1106"/>
      <c r="F1463" s="1106"/>
      <c r="G1463" s="1106"/>
      <c r="H1463" s="1106"/>
      <c r="I1463" s="1106"/>
      <c r="J1463" s="1106"/>
      <c r="K1463" s="1106"/>
      <c r="L1463" s="1106"/>
      <c r="M1463" s="1106"/>
      <c r="N1463" s="1106"/>
      <c r="O1463" s="1106"/>
      <c r="U1463" s="1106"/>
      <c r="AB1463" s="1106"/>
      <c r="AC1463" s="1106"/>
      <c r="AD1463" s="1106"/>
      <c r="AE1463" s="1106"/>
      <c r="AF1463" s="1106"/>
      <c r="AG1463" s="1106"/>
      <c r="AH1463" s="1106"/>
      <c r="AL1463" s="1106"/>
      <c r="AO1463" s="1106"/>
      <c r="AP1463" s="1106"/>
      <c r="AT1463" s="1106"/>
      <c r="AU1463" s="1106"/>
      <c r="AV1463" s="1106"/>
      <c r="AW1463" s="1106"/>
      <c r="AX1463" s="1106"/>
      <c r="AY1463" s="1106"/>
      <c r="AZ1463" s="1106"/>
      <c r="BA1463" s="1106"/>
      <c r="BB1463" s="1106"/>
      <c r="BC1463" s="1106"/>
      <c r="BD1463" s="1106"/>
      <c r="BE1463" s="1106"/>
      <c r="BF1463" s="1106"/>
      <c r="BG1463" s="1106"/>
      <c r="BH1463" s="1106"/>
      <c r="BI1463" s="1106"/>
      <c r="BJ1463" s="1106"/>
      <c r="BK1463" s="1106"/>
      <c r="BL1463" s="1106"/>
      <c r="BM1463" s="1106"/>
      <c r="BN1463" s="1106"/>
      <c r="BO1463" s="1106"/>
      <c r="BP1463" s="1106"/>
      <c r="BQ1463" s="1106"/>
      <c r="BR1463" s="1106"/>
      <c r="BS1463" s="1106"/>
      <c r="BT1463" s="1106"/>
      <c r="BU1463" s="1106"/>
      <c r="BV1463" s="1106"/>
      <c r="BW1463" s="1106"/>
      <c r="BX1463" s="1106"/>
      <c r="BY1463" s="1106"/>
      <c r="BZ1463" s="1106"/>
      <c r="CA1463" s="1106"/>
    </row>
    <row r="1464" spans="3:79" ht="9" customHeight="1" x14ac:dyDescent="0.2">
      <c r="C1464" s="1106"/>
      <c r="D1464" s="1106"/>
      <c r="E1464" s="1106"/>
      <c r="F1464" s="1106"/>
      <c r="G1464" s="1106"/>
      <c r="H1464" s="1106"/>
      <c r="I1464" s="1106"/>
      <c r="J1464" s="1106"/>
      <c r="K1464" s="1106"/>
      <c r="L1464" s="1106"/>
      <c r="M1464" s="1106"/>
      <c r="N1464" s="1106"/>
      <c r="O1464" s="1106"/>
      <c r="U1464" s="1106"/>
      <c r="AB1464" s="1106"/>
      <c r="AC1464" s="1106"/>
      <c r="AD1464" s="1106"/>
      <c r="AE1464" s="1106"/>
      <c r="AF1464" s="1106"/>
      <c r="AG1464" s="1106"/>
      <c r="AH1464" s="1106"/>
      <c r="AL1464" s="1106"/>
      <c r="AT1464" s="1106"/>
      <c r="AU1464" s="1106"/>
      <c r="AV1464" s="1106"/>
      <c r="AW1464" s="1106"/>
      <c r="AX1464" s="1106"/>
      <c r="AY1464" s="1106"/>
      <c r="AZ1464" s="1106"/>
      <c r="BA1464" s="1106"/>
      <c r="BB1464" s="1106"/>
      <c r="BC1464" s="1106"/>
      <c r="BD1464" s="1106"/>
      <c r="BE1464" s="1106"/>
      <c r="BF1464" s="1106"/>
      <c r="BG1464" s="1106"/>
      <c r="BH1464" s="1106"/>
      <c r="BI1464" s="1106"/>
      <c r="BJ1464" s="1106"/>
      <c r="BK1464" s="1106"/>
      <c r="BL1464" s="1106"/>
      <c r="BM1464" s="1106"/>
      <c r="BN1464" s="1106"/>
      <c r="BO1464" s="1106"/>
      <c r="BP1464" s="1106"/>
      <c r="BQ1464" s="1106"/>
      <c r="BR1464" s="1106"/>
      <c r="BS1464" s="1106"/>
      <c r="BT1464" s="1106"/>
      <c r="BU1464" s="1106"/>
      <c r="BV1464" s="1106"/>
      <c r="BW1464" s="1106"/>
      <c r="BX1464" s="1106"/>
      <c r="BY1464" s="1106"/>
      <c r="BZ1464" s="1106"/>
      <c r="CA1464" s="1106"/>
    </row>
    <row r="1465" spans="3:79" ht="9" customHeight="1" x14ac:dyDescent="0.2">
      <c r="C1465" s="1106"/>
      <c r="D1465" s="1106"/>
      <c r="E1465" s="1106"/>
      <c r="F1465" s="1106"/>
      <c r="G1465" s="1106"/>
      <c r="H1465" s="1106"/>
      <c r="I1465" s="1106"/>
      <c r="J1465" s="1106"/>
      <c r="K1465" s="1106"/>
      <c r="L1465" s="1106"/>
      <c r="M1465" s="1106"/>
      <c r="N1465" s="1106"/>
      <c r="O1465" s="1106"/>
      <c r="AB1465" s="1106"/>
      <c r="AC1465" s="1106"/>
      <c r="AD1465" s="1106"/>
      <c r="AE1465" s="1106"/>
      <c r="AF1465" s="1106"/>
      <c r="AG1465" s="1106"/>
      <c r="AH1465" s="1106"/>
      <c r="AL1465" s="1106"/>
      <c r="AZ1465" s="1106"/>
      <c r="BA1465" s="1106"/>
      <c r="BB1465" s="1106"/>
      <c r="BC1465" s="1106"/>
      <c r="BD1465" s="1106"/>
      <c r="BE1465" s="1106"/>
      <c r="BF1465" s="1106"/>
      <c r="BG1465" s="1106"/>
      <c r="BH1465" s="1106"/>
      <c r="BI1465" s="1106"/>
      <c r="BJ1465" s="1106"/>
      <c r="BK1465" s="1106"/>
      <c r="BL1465" s="1106"/>
      <c r="BM1465" s="1106"/>
      <c r="BN1465" s="1106"/>
      <c r="BO1465" s="1106"/>
      <c r="BP1465" s="1106"/>
      <c r="BQ1465" s="1106"/>
      <c r="BR1465" s="1106"/>
      <c r="BS1465" s="1106"/>
      <c r="BT1465" s="1106"/>
      <c r="BU1465" s="1106"/>
      <c r="BV1465" s="1106"/>
      <c r="BW1465" s="1106"/>
      <c r="BX1465" s="1106"/>
      <c r="BY1465" s="1106"/>
      <c r="BZ1465" s="1106"/>
      <c r="CA1465" s="1106"/>
    </row>
    <row r="1466" spans="3:79" ht="9" customHeight="1" x14ac:dyDescent="0.2">
      <c r="C1466" s="1106"/>
      <c r="D1466" s="1106"/>
      <c r="E1466" s="1106"/>
      <c r="F1466" s="1106"/>
      <c r="G1466" s="1106"/>
      <c r="H1466" s="1106"/>
      <c r="I1466" s="1106"/>
      <c r="J1466" s="1106"/>
      <c r="K1466" s="1106"/>
      <c r="L1466" s="1106"/>
      <c r="M1466" s="1106"/>
      <c r="N1466" s="1106"/>
      <c r="O1466" s="1106"/>
      <c r="AB1466" s="1106"/>
      <c r="AC1466" s="1106"/>
      <c r="AD1466" s="1106"/>
      <c r="AE1466" s="1106"/>
      <c r="AF1466" s="1106"/>
      <c r="AG1466" s="1106"/>
      <c r="AH1466" s="1106"/>
      <c r="AL1466" s="1106"/>
      <c r="AZ1466" s="1106"/>
      <c r="BA1466" s="1106"/>
      <c r="BB1466" s="1106"/>
      <c r="BC1466" s="1106"/>
      <c r="BD1466" s="1106"/>
      <c r="BE1466" s="1106"/>
      <c r="BF1466" s="1106"/>
      <c r="BG1466" s="1106"/>
      <c r="BH1466" s="1106"/>
      <c r="BI1466" s="1106"/>
      <c r="BJ1466" s="1106"/>
      <c r="BK1466" s="1106"/>
      <c r="BL1466" s="1106"/>
      <c r="BM1466" s="1106"/>
      <c r="BN1466" s="1106"/>
      <c r="BO1466" s="1106"/>
      <c r="BP1466" s="1106"/>
      <c r="BQ1466" s="1106"/>
      <c r="BR1466" s="1106"/>
      <c r="BS1466" s="1106"/>
      <c r="BT1466" s="1106"/>
      <c r="BU1466" s="1106"/>
      <c r="BV1466" s="1106"/>
      <c r="BW1466" s="1106"/>
      <c r="BX1466" s="1106"/>
      <c r="BY1466" s="1106"/>
      <c r="BZ1466" s="1106"/>
      <c r="CA1466" s="1106"/>
    </row>
    <row r="1467" spans="3:79" ht="9" customHeight="1" x14ac:dyDescent="0.2">
      <c r="C1467" s="1106"/>
      <c r="D1467" s="1106"/>
      <c r="E1467" s="1106"/>
      <c r="F1467" s="1106"/>
      <c r="G1467" s="1106"/>
      <c r="H1467" s="1106"/>
      <c r="I1467" s="1106"/>
      <c r="J1467" s="1106"/>
      <c r="K1467" s="1106"/>
      <c r="L1467" s="1106"/>
      <c r="M1467" s="1106"/>
      <c r="N1467" s="1106"/>
      <c r="O1467" s="1106"/>
      <c r="AB1467" s="1106"/>
      <c r="AC1467" s="1106"/>
      <c r="AD1467" s="1106"/>
      <c r="AE1467" s="1106"/>
      <c r="AF1467" s="1106"/>
      <c r="AG1467" s="1106"/>
      <c r="AH1467" s="1106"/>
      <c r="AL1467" s="1106"/>
      <c r="AZ1467" s="1106"/>
      <c r="BA1467" s="1106"/>
      <c r="BB1467" s="1106"/>
      <c r="BC1467" s="1106"/>
      <c r="BD1467" s="1106"/>
      <c r="BE1467" s="1106"/>
      <c r="BF1467" s="1106"/>
      <c r="BG1467" s="1106"/>
      <c r="BH1467" s="1106"/>
      <c r="BI1467" s="1106"/>
      <c r="BJ1467" s="1106"/>
      <c r="BK1467" s="1106"/>
      <c r="BL1467" s="1106"/>
      <c r="BM1467" s="1106"/>
      <c r="BN1467" s="1106"/>
      <c r="BO1467" s="1106"/>
      <c r="BP1467" s="1106"/>
      <c r="BQ1467" s="1106"/>
      <c r="BR1467" s="1106"/>
      <c r="BS1467" s="1106"/>
      <c r="BT1467" s="1106"/>
      <c r="BU1467" s="1106"/>
      <c r="BV1467" s="1106"/>
      <c r="BW1467" s="1106"/>
      <c r="BX1467" s="1106"/>
      <c r="BY1467" s="1106"/>
      <c r="BZ1467" s="1106"/>
      <c r="CA1467" s="1106"/>
    </row>
    <row r="1468" spans="3:79" ht="9" customHeight="1" x14ac:dyDescent="0.2">
      <c r="C1468" s="1106"/>
      <c r="D1468" s="1106"/>
      <c r="E1468" s="1106"/>
      <c r="F1468" s="1106"/>
      <c r="G1468" s="1106"/>
      <c r="H1468" s="1106"/>
      <c r="I1468" s="1106"/>
      <c r="J1468" s="1106"/>
      <c r="K1468" s="1106"/>
      <c r="L1468" s="1106"/>
      <c r="M1468" s="1106"/>
      <c r="N1468" s="1106"/>
      <c r="O1468" s="1106"/>
      <c r="U1468" s="1106"/>
      <c r="AB1468" s="1106"/>
      <c r="AC1468" s="1106"/>
      <c r="AD1468" s="1106"/>
      <c r="AE1468" s="1106"/>
      <c r="AF1468" s="1106"/>
      <c r="AG1468" s="1106"/>
      <c r="AH1468" s="1106"/>
      <c r="AL1468" s="1106"/>
      <c r="AT1468" s="1106"/>
      <c r="AU1468" s="1106"/>
      <c r="AV1468" s="1106"/>
      <c r="AW1468" s="1106"/>
      <c r="AX1468" s="1106"/>
      <c r="AY1468" s="1106"/>
      <c r="AZ1468" s="1106"/>
      <c r="BA1468" s="1106"/>
      <c r="BB1468" s="1106"/>
      <c r="BC1468" s="1106"/>
      <c r="BD1468" s="1106"/>
      <c r="BE1468" s="1106"/>
      <c r="BF1468" s="1106"/>
      <c r="BG1468" s="1106"/>
      <c r="BH1468" s="1106"/>
      <c r="BI1468" s="1106"/>
      <c r="BJ1468" s="1106"/>
      <c r="BK1468" s="1106"/>
      <c r="BL1468" s="1106"/>
      <c r="BM1468" s="1106"/>
      <c r="BN1468" s="1106"/>
      <c r="BO1468" s="1106"/>
      <c r="BP1468" s="1106"/>
      <c r="BQ1468" s="1106"/>
      <c r="BR1468" s="1106"/>
      <c r="BS1468" s="1106"/>
      <c r="BT1468" s="1106"/>
      <c r="BU1468" s="1106"/>
      <c r="BV1468" s="1106"/>
      <c r="BW1468" s="1106"/>
      <c r="BX1468" s="1106"/>
      <c r="BY1468" s="1106"/>
      <c r="BZ1468" s="1106"/>
      <c r="CA1468" s="1106"/>
    </row>
    <row r="1469" spans="3:79" ht="9" customHeight="1" x14ac:dyDescent="0.2">
      <c r="C1469" s="1106"/>
      <c r="D1469" s="1106"/>
      <c r="E1469" s="1106"/>
      <c r="F1469" s="1106"/>
      <c r="G1469" s="1106"/>
      <c r="H1469" s="1106"/>
      <c r="I1469" s="1106"/>
      <c r="J1469" s="1106"/>
      <c r="K1469" s="1106"/>
      <c r="L1469" s="1106"/>
      <c r="M1469" s="1106"/>
      <c r="N1469" s="1106"/>
      <c r="O1469" s="1106"/>
      <c r="U1469" s="1106"/>
      <c r="AB1469" s="1106"/>
      <c r="AC1469" s="1106"/>
      <c r="AD1469" s="1106"/>
      <c r="AE1469" s="1106"/>
      <c r="AF1469" s="1106"/>
      <c r="AG1469" s="1106"/>
      <c r="AH1469" s="1106"/>
      <c r="AL1469" s="1106"/>
      <c r="AO1469" s="1106"/>
      <c r="AP1469" s="1106"/>
      <c r="AT1469" s="1106"/>
      <c r="AU1469" s="1106"/>
      <c r="AV1469" s="1106"/>
      <c r="AW1469" s="1106"/>
      <c r="AX1469" s="1106"/>
      <c r="AY1469" s="1106"/>
      <c r="AZ1469" s="1106"/>
      <c r="BA1469" s="1106"/>
      <c r="BB1469" s="1106"/>
      <c r="BC1469" s="1106"/>
      <c r="BD1469" s="1106"/>
      <c r="BE1469" s="1106"/>
      <c r="BF1469" s="1106"/>
      <c r="BG1469" s="1106"/>
      <c r="BH1469" s="1106"/>
      <c r="BI1469" s="1106"/>
      <c r="BJ1469" s="1106"/>
      <c r="BK1469" s="1106"/>
      <c r="BL1469" s="1106"/>
      <c r="BM1469" s="1106"/>
      <c r="BN1469" s="1106"/>
      <c r="BO1469" s="1106"/>
      <c r="BP1469" s="1106"/>
      <c r="BQ1469" s="1106"/>
      <c r="BR1469" s="1106"/>
      <c r="BS1469" s="1106"/>
      <c r="BT1469" s="1106"/>
      <c r="BU1469" s="1106"/>
      <c r="BV1469" s="1106"/>
      <c r="BW1469" s="1106"/>
      <c r="BX1469" s="1106"/>
      <c r="BY1469" s="1106"/>
      <c r="BZ1469" s="1106"/>
      <c r="CA1469" s="1106"/>
    </row>
    <row r="1470" spans="3:79" ht="9" customHeight="1" x14ac:dyDescent="0.2">
      <c r="C1470" s="1106"/>
      <c r="D1470" s="1106"/>
      <c r="E1470" s="1106"/>
      <c r="F1470" s="1106"/>
      <c r="G1470" s="1106"/>
      <c r="H1470" s="1106"/>
      <c r="I1470" s="1106"/>
      <c r="J1470" s="1106"/>
      <c r="K1470" s="1106"/>
      <c r="L1470" s="1106"/>
      <c r="M1470" s="1106"/>
      <c r="N1470" s="1106"/>
      <c r="O1470" s="1106"/>
      <c r="U1470" s="1106"/>
      <c r="AB1470" s="1106"/>
      <c r="AC1470" s="1106"/>
      <c r="AD1470" s="1106"/>
      <c r="AE1470" s="1106"/>
      <c r="AF1470" s="1106"/>
      <c r="AG1470" s="1106"/>
      <c r="AH1470" s="1106"/>
      <c r="AL1470" s="1106"/>
      <c r="AT1470" s="1106"/>
      <c r="AU1470" s="1106"/>
      <c r="AV1470" s="1106"/>
      <c r="AW1470" s="1106"/>
      <c r="AX1470" s="1106"/>
      <c r="AY1470" s="1106"/>
      <c r="AZ1470" s="1106"/>
      <c r="BA1470" s="1106"/>
      <c r="BB1470" s="1106"/>
      <c r="BC1470" s="1106"/>
      <c r="BD1470" s="1106"/>
      <c r="BE1470" s="1106"/>
      <c r="BF1470" s="1106"/>
      <c r="BG1470" s="1106"/>
      <c r="BH1470" s="1106"/>
      <c r="BI1470" s="1106"/>
      <c r="BJ1470" s="1106"/>
      <c r="BK1470" s="1106"/>
      <c r="BL1470" s="1106"/>
      <c r="BM1470" s="1106"/>
      <c r="BN1470" s="1106"/>
      <c r="BO1470" s="1106"/>
      <c r="BP1470" s="1106"/>
      <c r="BQ1470" s="1106"/>
      <c r="BR1470" s="1106"/>
      <c r="BS1470" s="1106"/>
      <c r="BT1470" s="1106"/>
      <c r="BU1470" s="1106"/>
      <c r="BV1470" s="1106"/>
      <c r="BW1470" s="1106"/>
      <c r="BX1470" s="1106"/>
      <c r="BY1470" s="1106"/>
      <c r="BZ1470" s="1106"/>
      <c r="CA1470" s="1106"/>
    </row>
    <row r="1471" spans="3:79" ht="9" customHeight="1" x14ac:dyDescent="0.2">
      <c r="C1471" s="1106"/>
      <c r="D1471" s="1106"/>
      <c r="E1471" s="1106"/>
      <c r="F1471" s="1106"/>
      <c r="G1471" s="1106"/>
      <c r="H1471" s="1106"/>
      <c r="I1471" s="1106"/>
      <c r="J1471" s="1106"/>
      <c r="K1471" s="1106"/>
      <c r="L1471" s="1106"/>
      <c r="M1471" s="1106"/>
      <c r="N1471" s="1106"/>
      <c r="O1471" s="1106"/>
      <c r="AB1471" s="1106"/>
      <c r="AC1471" s="1106"/>
      <c r="AD1471" s="1106"/>
      <c r="AE1471" s="1106"/>
      <c r="AF1471" s="1106"/>
      <c r="AG1471" s="1106"/>
      <c r="AH1471" s="1106"/>
      <c r="AL1471" s="1106"/>
      <c r="AZ1471" s="1106"/>
      <c r="BA1471" s="1106"/>
      <c r="BB1471" s="1106"/>
      <c r="BC1471" s="1106"/>
      <c r="BD1471" s="1106"/>
      <c r="BE1471" s="1106"/>
      <c r="BF1471" s="1106"/>
      <c r="BG1471" s="1106"/>
      <c r="BH1471" s="1106"/>
      <c r="BI1471" s="1106"/>
      <c r="BJ1471" s="1106"/>
      <c r="BK1471" s="1106"/>
      <c r="BL1471" s="1106"/>
      <c r="BM1471" s="1106"/>
      <c r="BN1471" s="1106"/>
      <c r="BO1471" s="1106"/>
      <c r="BP1471" s="1106"/>
      <c r="BQ1471" s="1106"/>
      <c r="BR1471" s="1106"/>
      <c r="BS1471" s="1106"/>
      <c r="BT1471" s="1106"/>
      <c r="BU1471" s="1106"/>
      <c r="BV1471" s="1106"/>
      <c r="BW1471" s="1106"/>
      <c r="BX1471" s="1106"/>
      <c r="BY1471" s="1106"/>
      <c r="BZ1471" s="1106"/>
      <c r="CA1471" s="1106"/>
    </row>
    <row r="1472" spans="3:79" ht="9" customHeight="1" x14ac:dyDescent="0.2">
      <c r="C1472" s="1106"/>
      <c r="D1472" s="1106"/>
      <c r="E1472" s="1106"/>
      <c r="F1472" s="1106"/>
      <c r="G1472" s="1106"/>
      <c r="H1472" s="1106"/>
      <c r="I1472" s="1106"/>
      <c r="J1472" s="1106"/>
      <c r="K1472" s="1106"/>
      <c r="L1472" s="1106"/>
      <c r="M1472" s="1106"/>
      <c r="N1472" s="1106"/>
      <c r="O1472" s="1106"/>
      <c r="AB1472" s="1106"/>
      <c r="AC1472" s="1106"/>
      <c r="AD1472" s="1106"/>
      <c r="AE1472" s="1106"/>
      <c r="AF1472" s="1106"/>
      <c r="AG1472" s="1106"/>
      <c r="AH1472" s="1106"/>
      <c r="AL1472" s="1106"/>
      <c r="AZ1472" s="1106"/>
      <c r="BA1472" s="1106"/>
      <c r="BB1472" s="1106"/>
      <c r="BC1472" s="1106"/>
      <c r="BD1472" s="1106"/>
      <c r="BE1472" s="1106"/>
      <c r="BF1472" s="1106"/>
      <c r="BG1472" s="1106"/>
      <c r="BH1472" s="1106"/>
      <c r="BI1472" s="1106"/>
      <c r="BJ1472" s="1106"/>
      <c r="BK1472" s="1106"/>
      <c r="BL1472" s="1106"/>
      <c r="BM1472" s="1106"/>
      <c r="BN1472" s="1106"/>
      <c r="BO1472" s="1106"/>
      <c r="BP1472" s="1106"/>
      <c r="BQ1472" s="1106"/>
      <c r="BR1472" s="1106"/>
      <c r="BS1472" s="1106"/>
      <c r="BT1472" s="1106"/>
      <c r="BU1472" s="1106"/>
      <c r="BV1472" s="1106"/>
      <c r="BW1472" s="1106"/>
      <c r="BX1472" s="1106"/>
      <c r="BY1472" s="1106"/>
      <c r="BZ1472" s="1106"/>
      <c r="CA1472" s="1106"/>
    </row>
    <row r="1473" spans="3:79" ht="9" customHeight="1" x14ac:dyDescent="0.2">
      <c r="C1473" s="1106"/>
      <c r="D1473" s="1106"/>
      <c r="E1473" s="1106"/>
      <c r="F1473" s="1106"/>
      <c r="G1473" s="1106"/>
      <c r="H1473" s="1106"/>
      <c r="I1473" s="1106"/>
      <c r="J1473" s="1106"/>
      <c r="K1473" s="1106"/>
      <c r="L1473" s="1106"/>
      <c r="M1473" s="1106"/>
      <c r="N1473" s="1106"/>
      <c r="O1473" s="1106"/>
      <c r="AB1473" s="1106"/>
      <c r="AC1473" s="1106"/>
      <c r="AD1473" s="1106"/>
      <c r="AE1473" s="1106"/>
      <c r="AF1473" s="1106"/>
      <c r="AG1473" s="1106"/>
      <c r="AH1473" s="1106"/>
      <c r="AL1473" s="1106"/>
      <c r="AZ1473" s="1106"/>
      <c r="BA1473" s="1106"/>
      <c r="BB1473" s="1106"/>
      <c r="BC1473" s="1106"/>
      <c r="BD1473" s="1106"/>
      <c r="BE1473" s="1106"/>
      <c r="BF1473" s="1106"/>
      <c r="BG1473" s="1106"/>
      <c r="BH1473" s="1106"/>
      <c r="BI1473" s="1106"/>
      <c r="BJ1473" s="1106"/>
      <c r="BK1473" s="1106"/>
      <c r="BL1473" s="1106"/>
      <c r="BM1473" s="1106"/>
      <c r="BN1473" s="1106"/>
      <c r="BO1473" s="1106"/>
      <c r="BP1473" s="1106"/>
      <c r="BQ1473" s="1106"/>
      <c r="BR1473" s="1106"/>
      <c r="BS1473" s="1106"/>
      <c r="BT1473" s="1106"/>
      <c r="BU1473" s="1106"/>
      <c r="BV1473" s="1106"/>
      <c r="BW1473" s="1106"/>
      <c r="BX1473" s="1106"/>
      <c r="BY1473" s="1106"/>
      <c r="BZ1473" s="1106"/>
      <c r="CA1473" s="1106"/>
    </row>
    <row r="1474" spans="3:79" ht="9" customHeight="1" x14ac:dyDescent="0.2">
      <c r="C1474" s="1106"/>
      <c r="D1474" s="1106"/>
      <c r="E1474" s="1106"/>
      <c r="F1474" s="1106"/>
      <c r="G1474" s="1106"/>
      <c r="H1474" s="1106"/>
      <c r="I1474" s="1106"/>
      <c r="J1474" s="1106"/>
      <c r="K1474" s="1106"/>
      <c r="L1474" s="1106"/>
      <c r="M1474" s="1106"/>
      <c r="N1474" s="1106"/>
      <c r="O1474" s="1106"/>
      <c r="U1474" s="1106"/>
      <c r="AB1474" s="1106"/>
      <c r="AC1474" s="1106"/>
      <c r="AD1474" s="1106"/>
      <c r="AE1474" s="1106"/>
      <c r="AF1474" s="1106"/>
      <c r="AG1474" s="1106"/>
      <c r="AH1474" s="1106"/>
      <c r="AL1474" s="1106"/>
      <c r="AT1474" s="1106"/>
      <c r="AU1474" s="1106"/>
      <c r="AV1474" s="1106"/>
      <c r="AW1474" s="1106"/>
      <c r="AX1474" s="1106"/>
      <c r="AY1474" s="1106"/>
      <c r="AZ1474" s="1106"/>
      <c r="BA1474" s="1106"/>
      <c r="BB1474" s="1106"/>
      <c r="BC1474" s="1106"/>
      <c r="BD1474" s="1106"/>
      <c r="BE1474" s="1106"/>
      <c r="BF1474" s="1106"/>
      <c r="BG1474" s="1106"/>
      <c r="BH1474" s="1106"/>
      <c r="BI1474" s="1106"/>
      <c r="BJ1474" s="1106"/>
      <c r="BK1474" s="1106"/>
      <c r="BL1474" s="1106"/>
      <c r="BM1474" s="1106"/>
      <c r="BN1474" s="1106"/>
      <c r="BO1474" s="1106"/>
      <c r="BP1474" s="1106"/>
      <c r="BQ1474" s="1106"/>
      <c r="BR1474" s="1106"/>
      <c r="BS1474" s="1106"/>
      <c r="BT1474" s="1106"/>
      <c r="BU1474" s="1106"/>
      <c r="BV1474" s="1106"/>
      <c r="BW1474" s="1106"/>
      <c r="BX1474" s="1106"/>
      <c r="BY1474" s="1106"/>
      <c r="BZ1474" s="1106"/>
      <c r="CA1474" s="1106"/>
    </row>
    <row r="1475" spans="3:79" ht="9" customHeight="1" x14ac:dyDescent="0.2">
      <c r="C1475" s="1106"/>
      <c r="D1475" s="1106"/>
      <c r="E1475" s="1106"/>
      <c r="F1475" s="1106"/>
      <c r="G1475" s="1106"/>
      <c r="H1475" s="1106"/>
      <c r="I1475" s="1106"/>
      <c r="J1475" s="1106"/>
      <c r="K1475" s="1106"/>
      <c r="L1475" s="1106"/>
      <c r="M1475" s="1106"/>
      <c r="N1475" s="1106"/>
      <c r="O1475" s="1106"/>
      <c r="U1475" s="1106"/>
      <c r="AB1475" s="1106"/>
      <c r="AC1475" s="1106"/>
      <c r="AD1475" s="1106"/>
      <c r="AE1475" s="1106"/>
      <c r="AF1475" s="1106"/>
      <c r="AG1475" s="1106"/>
      <c r="AH1475" s="1106"/>
      <c r="AL1475" s="1106"/>
      <c r="AO1475" s="1106"/>
      <c r="AP1475" s="1106"/>
      <c r="AT1475" s="1106"/>
      <c r="AU1475" s="1106"/>
      <c r="AV1475" s="1106"/>
      <c r="AW1475" s="1106"/>
      <c r="AX1475" s="1106"/>
      <c r="AY1475" s="1106"/>
      <c r="AZ1475" s="1106"/>
      <c r="BA1475" s="1106"/>
      <c r="BB1475" s="1106"/>
      <c r="BC1475" s="1106"/>
      <c r="BD1475" s="1106"/>
      <c r="BE1475" s="1106"/>
      <c r="BF1475" s="1106"/>
      <c r="BG1475" s="1106"/>
      <c r="BH1475" s="1106"/>
      <c r="BI1475" s="1106"/>
      <c r="BJ1475" s="1106"/>
      <c r="BK1475" s="1106"/>
      <c r="BL1475" s="1106"/>
      <c r="BM1475" s="1106"/>
      <c r="BN1475" s="1106"/>
      <c r="BO1475" s="1106"/>
      <c r="BP1475" s="1106"/>
      <c r="BQ1475" s="1106"/>
      <c r="BR1475" s="1106"/>
      <c r="BS1475" s="1106"/>
      <c r="BT1475" s="1106"/>
      <c r="BU1475" s="1106"/>
      <c r="BV1475" s="1106"/>
      <c r="BW1475" s="1106"/>
      <c r="BX1475" s="1106"/>
      <c r="BY1475" s="1106"/>
      <c r="BZ1475" s="1106"/>
      <c r="CA1475" s="1106"/>
    </row>
    <row r="1476" spans="3:79" ht="9" customHeight="1" x14ac:dyDescent="0.2">
      <c r="C1476" s="1106"/>
      <c r="D1476" s="1106"/>
      <c r="E1476" s="1106"/>
      <c r="F1476" s="1106"/>
      <c r="G1476" s="1106"/>
      <c r="H1476" s="1106"/>
      <c r="I1476" s="1106"/>
      <c r="J1476" s="1106"/>
      <c r="K1476" s="1106"/>
      <c r="L1476" s="1106"/>
      <c r="M1476" s="1106"/>
      <c r="N1476" s="1106"/>
      <c r="O1476" s="1106"/>
      <c r="U1476" s="1106"/>
      <c r="AB1476" s="1106"/>
      <c r="AC1476" s="1106"/>
      <c r="AD1476" s="1106"/>
      <c r="AE1476" s="1106"/>
      <c r="AF1476" s="1106"/>
      <c r="AG1476" s="1106"/>
      <c r="AH1476" s="1106"/>
      <c r="AL1476" s="1106"/>
      <c r="AT1476" s="1106"/>
      <c r="AU1476" s="1106"/>
      <c r="AV1476" s="1106"/>
      <c r="AW1476" s="1106"/>
      <c r="AX1476" s="1106"/>
      <c r="AY1476" s="1106"/>
      <c r="AZ1476" s="1106"/>
      <c r="BA1476" s="1106"/>
      <c r="BB1476" s="1106"/>
      <c r="BC1476" s="1106"/>
      <c r="BD1476" s="1106"/>
      <c r="BE1476" s="1106"/>
      <c r="BF1476" s="1106"/>
      <c r="BG1476" s="1106"/>
      <c r="BH1476" s="1106"/>
      <c r="BI1476" s="1106"/>
      <c r="BJ1476" s="1106"/>
      <c r="BK1476" s="1106"/>
      <c r="BL1476" s="1106"/>
      <c r="BM1476" s="1106"/>
      <c r="BN1476" s="1106"/>
      <c r="BO1476" s="1106"/>
      <c r="BP1476" s="1106"/>
      <c r="BQ1476" s="1106"/>
      <c r="BR1476" s="1106"/>
      <c r="BS1476" s="1106"/>
      <c r="BT1476" s="1106"/>
      <c r="BU1476" s="1106"/>
      <c r="BV1476" s="1106"/>
      <c r="BW1476" s="1106"/>
      <c r="BX1476" s="1106"/>
      <c r="BY1476" s="1106"/>
      <c r="BZ1476" s="1106"/>
      <c r="CA1476" s="1106"/>
    </row>
    <row r="1477" spans="3:79" ht="9" customHeight="1" x14ac:dyDescent="0.2">
      <c r="C1477" s="1106"/>
      <c r="D1477" s="1106"/>
      <c r="E1477" s="1106"/>
      <c r="F1477" s="1106"/>
      <c r="G1477" s="1106"/>
      <c r="H1477" s="1106"/>
      <c r="I1477" s="1106"/>
      <c r="J1477" s="1106"/>
      <c r="K1477" s="1106"/>
      <c r="L1477" s="1106"/>
      <c r="M1477" s="1106"/>
      <c r="N1477" s="1106"/>
      <c r="O1477" s="1106"/>
      <c r="AB1477" s="1106"/>
      <c r="AC1477" s="1106"/>
      <c r="AD1477" s="1106"/>
      <c r="AE1477" s="1106"/>
      <c r="AF1477" s="1106"/>
      <c r="AG1477" s="1106"/>
      <c r="AH1477" s="1106"/>
      <c r="AL1477" s="1106"/>
      <c r="AZ1477" s="1106"/>
      <c r="BA1477" s="1106"/>
      <c r="BB1477" s="1106"/>
      <c r="BC1477" s="1106"/>
      <c r="BD1477" s="1106"/>
      <c r="BE1477" s="1106"/>
      <c r="BF1477" s="1106"/>
      <c r="BG1477" s="1106"/>
      <c r="BH1477" s="1106"/>
      <c r="BI1477" s="1106"/>
      <c r="BJ1477" s="1106"/>
      <c r="BK1477" s="1106"/>
      <c r="BL1477" s="1106"/>
      <c r="BM1477" s="1106"/>
      <c r="BN1477" s="1106"/>
      <c r="BO1477" s="1106"/>
      <c r="BP1477" s="1106"/>
      <c r="BQ1477" s="1106"/>
      <c r="BR1477" s="1106"/>
      <c r="BS1477" s="1106"/>
      <c r="BT1477" s="1106"/>
      <c r="BU1477" s="1106"/>
      <c r="BV1477" s="1106"/>
      <c r="BW1477" s="1106"/>
      <c r="BX1477" s="1106"/>
      <c r="BY1477" s="1106"/>
      <c r="BZ1477" s="1106"/>
      <c r="CA1477" s="1106"/>
    </row>
    <row r="1478" spans="3:79" ht="9" customHeight="1" x14ac:dyDescent="0.2">
      <c r="C1478" s="1106"/>
      <c r="D1478" s="1106"/>
      <c r="E1478" s="1106"/>
      <c r="F1478" s="1106"/>
      <c r="G1478" s="1106"/>
      <c r="H1478" s="1106"/>
      <c r="I1478" s="1106"/>
      <c r="J1478" s="1106"/>
      <c r="K1478" s="1106"/>
      <c r="L1478" s="1106"/>
      <c r="M1478" s="1106"/>
      <c r="N1478" s="1106"/>
      <c r="O1478" s="1106"/>
      <c r="AB1478" s="1106"/>
      <c r="AC1478" s="1106"/>
      <c r="AD1478" s="1106"/>
      <c r="AE1478" s="1106"/>
      <c r="AF1478" s="1106"/>
      <c r="AG1478" s="1106"/>
      <c r="AH1478" s="1106"/>
      <c r="AL1478" s="1106"/>
      <c r="AZ1478" s="1106"/>
      <c r="BA1478" s="1106"/>
      <c r="BB1478" s="1106"/>
      <c r="BC1478" s="1106"/>
      <c r="BD1478" s="1106"/>
      <c r="BE1478" s="1106"/>
      <c r="BF1478" s="1106"/>
      <c r="BG1478" s="1106"/>
      <c r="BH1478" s="1106"/>
      <c r="BI1478" s="1106"/>
      <c r="BJ1478" s="1106"/>
      <c r="BK1478" s="1106"/>
      <c r="BL1478" s="1106"/>
      <c r="BM1478" s="1106"/>
      <c r="BN1478" s="1106"/>
      <c r="BO1478" s="1106"/>
      <c r="BP1478" s="1106"/>
      <c r="BQ1478" s="1106"/>
      <c r="BR1478" s="1106"/>
      <c r="BS1478" s="1106"/>
      <c r="BT1478" s="1106"/>
      <c r="BU1478" s="1106"/>
      <c r="BV1478" s="1106"/>
      <c r="BW1478" s="1106"/>
      <c r="BX1478" s="1106"/>
      <c r="BY1478" s="1106"/>
      <c r="BZ1478" s="1106"/>
      <c r="CA1478" s="1106"/>
    </row>
    <row r="1479" spans="3:79" ht="9" customHeight="1" x14ac:dyDescent="0.2">
      <c r="C1479" s="1106"/>
      <c r="D1479" s="1106"/>
      <c r="E1479" s="1106"/>
      <c r="F1479" s="1106"/>
      <c r="G1479" s="1106"/>
      <c r="H1479" s="1106"/>
      <c r="I1479" s="1106"/>
      <c r="J1479" s="1106"/>
      <c r="K1479" s="1106"/>
      <c r="L1479" s="1106"/>
      <c r="M1479" s="1106"/>
      <c r="N1479" s="1106"/>
      <c r="O1479" s="1106"/>
      <c r="AB1479" s="1106"/>
      <c r="AC1479" s="1106"/>
      <c r="AD1479" s="1106"/>
      <c r="AE1479" s="1106"/>
      <c r="AF1479" s="1106"/>
      <c r="AG1479" s="1106"/>
      <c r="AH1479" s="1106"/>
      <c r="AL1479" s="1106"/>
      <c r="AZ1479" s="1106"/>
      <c r="BA1479" s="1106"/>
      <c r="BB1479" s="1106"/>
      <c r="BC1479" s="1106"/>
      <c r="BD1479" s="1106"/>
      <c r="BE1479" s="1106"/>
      <c r="BF1479" s="1106"/>
      <c r="BG1479" s="1106"/>
      <c r="BH1479" s="1106"/>
      <c r="BI1479" s="1106"/>
      <c r="BJ1479" s="1106"/>
      <c r="BK1479" s="1106"/>
      <c r="BL1479" s="1106"/>
      <c r="BM1479" s="1106"/>
      <c r="BN1479" s="1106"/>
      <c r="BO1479" s="1106"/>
      <c r="BP1479" s="1106"/>
      <c r="BQ1479" s="1106"/>
      <c r="BR1479" s="1106"/>
      <c r="BS1479" s="1106"/>
      <c r="BT1479" s="1106"/>
      <c r="BU1479" s="1106"/>
      <c r="BV1479" s="1106"/>
      <c r="BW1479" s="1106"/>
      <c r="BX1479" s="1106"/>
      <c r="BY1479" s="1106"/>
      <c r="BZ1479" s="1106"/>
      <c r="CA1479" s="1106"/>
    </row>
    <row r="1480" spans="3:79" ht="9" customHeight="1" x14ac:dyDescent="0.2">
      <c r="C1480" s="1106"/>
      <c r="D1480" s="1106"/>
      <c r="E1480" s="1106"/>
      <c r="F1480" s="1106"/>
      <c r="G1480" s="1106"/>
      <c r="H1480" s="1106"/>
      <c r="I1480" s="1106"/>
      <c r="J1480" s="1106"/>
      <c r="K1480" s="1106"/>
      <c r="L1480" s="1106"/>
      <c r="M1480" s="1106"/>
      <c r="N1480" s="1106"/>
      <c r="O1480" s="1106"/>
      <c r="U1480" s="1106"/>
      <c r="AB1480" s="1106"/>
      <c r="AC1480" s="1106"/>
      <c r="AD1480" s="1106"/>
      <c r="AE1480" s="1106"/>
      <c r="AF1480" s="1106"/>
      <c r="AG1480" s="1106"/>
      <c r="AH1480" s="1106"/>
      <c r="AL1480" s="1106"/>
      <c r="AT1480" s="1106"/>
      <c r="AU1480" s="1106"/>
      <c r="AV1480" s="1106"/>
      <c r="AW1480" s="1106"/>
      <c r="AX1480" s="1106"/>
      <c r="AY1480" s="1106"/>
      <c r="AZ1480" s="1106"/>
      <c r="BA1480" s="1106"/>
      <c r="BB1480" s="1106"/>
      <c r="BC1480" s="1106"/>
      <c r="BD1480" s="1106"/>
      <c r="BE1480" s="1106"/>
      <c r="BF1480" s="1106"/>
      <c r="BG1480" s="1106"/>
      <c r="BH1480" s="1106"/>
      <c r="BI1480" s="1106"/>
      <c r="BJ1480" s="1106"/>
      <c r="BK1480" s="1106"/>
      <c r="BL1480" s="1106"/>
      <c r="BM1480" s="1106"/>
      <c r="BN1480" s="1106"/>
      <c r="BO1480" s="1106"/>
      <c r="BP1480" s="1106"/>
      <c r="BQ1480" s="1106"/>
      <c r="BR1480" s="1106"/>
      <c r="BS1480" s="1106"/>
      <c r="BT1480" s="1106"/>
      <c r="BU1480" s="1106"/>
      <c r="BV1480" s="1106"/>
      <c r="BW1480" s="1106"/>
      <c r="BX1480" s="1106"/>
      <c r="BY1480" s="1106"/>
      <c r="BZ1480" s="1106"/>
      <c r="CA1480" s="1106"/>
    </row>
    <row r="1481" spans="3:79" ht="9" customHeight="1" x14ac:dyDescent="0.2">
      <c r="C1481" s="1106"/>
      <c r="D1481" s="1106"/>
      <c r="E1481" s="1106"/>
      <c r="F1481" s="1106"/>
      <c r="G1481" s="1106"/>
      <c r="H1481" s="1106"/>
      <c r="I1481" s="1106"/>
      <c r="J1481" s="1106"/>
      <c r="K1481" s="1106"/>
      <c r="L1481" s="1106"/>
      <c r="M1481" s="1106"/>
      <c r="N1481" s="1106"/>
      <c r="O1481" s="1106"/>
      <c r="U1481" s="1106"/>
      <c r="AB1481" s="1106"/>
      <c r="AC1481" s="1106"/>
      <c r="AD1481" s="1106"/>
      <c r="AE1481" s="1106"/>
      <c r="AF1481" s="1106"/>
      <c r="AG1481" s="1106"/>
      <c r="AH1481" s="1106"/>
      <c r="AL1481" s="1106"/>
      <c r="AO1481" s="1106"/>
      <c r="AP1481" s="1106"/>
      <c r="AT1481" s="1106"/>
      <c r="AU1481" s="1106"/>
      <c r="AV1481" s="1106"/>
      <c r="AW1481" s="1106"/>
      <c r="AX1481" s="1106"/>
      <c r="AY1481" s="1106"/>
      <c r="AZ1481" s="1106"/>
      <c r="BA1481" s="1106"/>
      <c r="BB1481" s="1106"/>
      <c r="BC1481" s="1106"/>
      <c r="BD1481" s="1106"/>
      <c r="BE1481" s="1106"/>
      <c r="BF1481" s="1106"/>
      <c r="BG1481" s="1106"/>
      <c r="BH1481" s="1106"/>
      <c r="BI1481" s="1106"/>
      <c r="BJ1481" s="1106"/>
      <c r="BK1481" s="1106"/>
      <c r="BL1481" s="1106"/>
      <c r="BM1481" s="1106"/>
      <c r="BN1481" s="1106"/>
      <c r="BO1481" s="1106"/>
      <c r="BP1481" s="1106"/>
      <c r="BQ1481" s="1106"/>
      <c r="BR1481" s="1106"/>
      <c r="BS1481" s="1106"/>
      <c r="BT1481" s="1106"/>
      <c r="BU1481" s="1106"/>
      <c r="BV1481" s="1106"/>
      <c r="BW1481" s="1106"/>
      <c r="BX1481" s="1106"/>
      <c r="BY1481" s="1106"/>
      <c r="BZ1481" s="1106"/>
      <c r="CA1481" s="1106"/>
    </row>
    <row r="1482" spans="3:79" ht="9" customHeight="1" x14ac:dyDescent="0.2">
      <c r="C1482" s="1106"/>
      <c r="D1482" s="1106"/>
      <c r="E1482" s="1106"/>
      <c r="F1482" s="1106"/>
      <c r="G1482" s="1106"/>
      <c r="H1482" s="1106"/>
      <c r="I1482" s="1106"/>
      <c r="J1482" s="1106"/>
      <c r="K1482" s="1106"/>
      <c r="L1482" s="1106"/>
      <c r="M1482" s="1106"/>
      <c r="N1482" s="1106"/>
      <c r="O1482" s="1106"/>
      <c r="U1482" s="1106"/>
      <c r="AB1482" s="1106"/>
      <c r="AC1482" s="1106"/>
      <c r="AD1482" s="1106"/>
      <c r="AE1482" s="1106"/>
      <c r="AF1482" s="1106"/>
      <c r="AG1482" s="1106"/>
      <c r="AH1482" s="1106"/>
      <c r="AL1482" s="1106"/>
      <c r="AT1482" s="1106"/>
      <c r="AU1482" s="1106"/>
      <c r="AV1482" s="1106"/>
      <c r="AW1482" s="1106"/>
      <c r="AX1482" s="1106"/>
      <c r="AY1482" s="1106"/>
      <c r="AZ1482" s="1106"/>
      <c r="BA1482" s="1106"/>
      <c r="BB1482" s="1106"/>
      <c r="BC1482" s="1106"/>
      <c r="BD1482" s="1106"/>
      <c r="BE1482" s="1106"/>
      <c r="BF1482" s="1106"/>
      <c r="BG1482" s="1106"/>
      <c r="BH1482" s="1106"/>
      <c r="BI1482" s="1106"/>
      <c r="BJ1482" s="1106"/>
      <c r="BK1482" s="1106"/>
      <c r="BL1482" s="1106"/>
      <c r="BM1482" s="1106"/>
      <c r="BN1482" s="1106"/>
      <c r="BO1482" s="1106"/>
      <c r="BP1482" s="1106"/>
      <c r="BQ1482" s="1106"/>
      <c r="BR1482" s="1106"/>
      <c r="BS1482" s="1106"/>
      <c r="BT1482" s="1106"/>
      <c r="BU1482" s="1106"/>
      <c r="BV1482" s="1106"/>
      <c r="BW1482" s="1106"/>
      <c r="BX1482" s="1106"/>
      <c r="BY1482" s="1106"/>
      <c r="BZ1482" s="1106"/>
      <c r="CA1482" s="1106"/>
    </row>
    <row r="1483" spans="3:79" ht="9" customHeight="1" x14ac:dyDescent="0.2">
      <c r="C1483" s="1106"/>
      <c r="D1483" s="1106"/>
      <c r="E1483" s="1106"/>
      <c r="F1483" s="1106"/>
      <c r="G1483" s="1106"/>
      <c r="H1483" s="1106"/>
      <c r="I1483" s="1106"/>
      <c r="J1483" s="1106"/>
      <c r="K1483" s="1106"/>
      <c r="L1483" s="1106"/>
      <c r="M1483" s="1106"/>
      <c r="N1483" s="1106"/>
      <c r="O1483" s="1106"/>
      <c r="AB1483" s="1106"/>
      <c r="AC1483" s="1106"/>
      <c r="AD1483" s="1106"/>
      <c r="AE1483" s="1106"/>
      <c r="AF1483" s="1106"/>
      <c r="AG1483" s="1106"/>
      <c r="AH1483" s="1106"/>
      <c r="AL1483" s="1106"/>
      <c r="AZ1483" s="1106"/>
      <c r="BA1483" s="1106"/>
      <c r="BB1483" s="1106"/>
      <c r="BC1483" s="1106"/>
      <c r="BD1483" s="1106"/>
      <c r="BE1483" s="1106"/>
      <c r="BF1483" s="1106"/>
      <c r="BG1483" s="1106"/>
      <c r="BH1483" s="1106"/>
      <c r="BI1483" s="1106"/>
      <c r="BJ1483" s="1106"/>
      <c r="BK1483" s="1106"/>
      <c r="BL1483" s="1106"/>
      <c r="BM1483" s="1106"/>
      <c r="BN1483" s="1106"/>
      <c r="BO1483" s="1106"/>
      <c r="BP1483" s="1106"/>
      <c r="BQ1483" s="1106"/>
      <c r="BR1483" s="1106"/>
      <c r="BS1483" s="1106"/>
      <c r="BT1483" s="1106"/>
      <c r="BU1483" s="1106"/>
      <c r="BV1483" s="1106"/>
      <c r="BW1483" s="1106"/>
      <c r="BX1483" s="1106"/>
      <c r="BY1483" s="1106"/>
      <c r="BZ1483" s="1106"/>
      <c r="CA1483" s="1106"/>
    </row>
    <row r="1484" spans="3:79" ht="9" customHeight="1" x14ac:dyDescent="0.2">
      <c r="C1484" s="1106"/>
      <c r="D1484" s="1106"/>
      <c r="E1484" s="1106"/>
      <c r="F1484" s="1106"/>
      <c r="G1484" s="1106"/>
      <c r="H1484" s="1106"/>
      <c r="I1484" s="1106"/>
      <c r="J1484" s="1106"/>
      <c r="K1484" s="1106"/>
      <c r="L1484" s="1106"/>
      <c r="M1484" s="1106"/>
      <c r="N1484" s="1106"/>
      <c r="O1484" s="1106"/>
      <c r="AB1484" s="1106"/>
      <c r="AC1484" s="1106"/>
      <c r="AD1484" s="1106"/>
      <c r="AE1484" s="1106"/>
      <c r="AF1484" s="1106"/>
      <c r="AG1484" s="1106"/>
      <c r="AH1484" s="1106"/>
      <c r="AL1484" s="1106"/>
      <c r="AZ1484" s="1106"/>
      <c r="BA1484" s="1106"/>
      <c r="BB1484" s="1106"/>
      <c r="BC1484" s="1106"/>
      <c r="BD1484" s="1106"/>
      <c r="BE1484" s="1106"/>
      <c r="BF1484" s="1106"/>
      <c r="BG1484" s="1106"/>
      <c r="BH1484" s="1106"/>
      <c r="BI1484" s="1106"/>
      <c r="BJ1484" s="1106"/>
      <c r="BK1484" s="1106"/>
      <c r="BL1484" s="1106"/>
      <c r="BM1484" s="1106"/>
      <c r="BN1484" s="1106"/>
      <c r="BO1484" s="1106"/>
      <c r="BP1484" s="1106"/>
      <c r="BQ1484" s="1106"/>
      <c r="BR1484" s="1106"/>
      <c r="BS1484" s="1106"/>
      <c r="BT1484" s="1106"/>
      <c r="BU1484" s="1106"/>
      <c r="BV1484" s="1106"/>
      <c r="BW1484" s="1106"/>
      <c r="BX1484" s="1106"/>
      <c r="BY1484" s="1106"/>
      <c r="BZ1484" s="1106"/>
      <c r="CA1484" s="1106"/>
    </row>
    <row r="1485" spans="3:79" ht="9" customHeight="1" x14ac:dyDescent="0.2">
      <c r="C1485" s="1106"/>
      <c r="D1485" s="1106"/>
      <c r="E1485" s="1106"/>
      <c r="F1485" s="1106"/>
      <c r="G1485" s="1106"/>
      <c r="H1485" s="1106"/>
      <c r="I1485" s="1106"/>
      <c r="J1485" s="1106"/>
      <c r="K1485" s="1106"/>
      <c r="L1485" s="1106"/>
      <c r="M1485" s="1106"/>
      <c r="N1485" s="1106"/>
      <c r="O1485" s="1106"/>
      <c r="AB1485" s="1106"/>
      <c r="AC1485" s="1106"/>
      <c r="AD1485" s="1106"/>
      <c r="AE1485" s="1106"/>
      <c r="AF1485" s="1106"/>
      <c r="AG1485" s="1106"/>
      <c r="AH1485" s="1106"/>
      <c r="AL1485" s="1106"/>
      <c r="AZ1485" s="1106"/>
      <c r="BA1485" s="1106"/>
      <c r="BB1485" s="1106"/>
      <c r="BC1485" s="1106"/>
      <c r="BD1485" s="1106"/>
      <c r="BE1485" s="1106"/>
      <c r="BF1485" s="1106"/>
      <c r="BG1485" s="1106"/>
      <c r="BH1485" s="1106"/>
      <c r="BI1485" s="1106"/>
      <c r="BJ1485" s="1106"/>
      <c r="BK1485" s="1106"/>
      <c r="BL1485" s="1106"/>
      <c r="BM1485" s="1106"/>
      <c r="BN1485" s="1106"/>
      <c r="BO1485" s="1106"/>
      <c r="BP1485" s="1106"/>
      <c r="BQ1485" s="1106"/>
      <c r="BR1485" s="1106"/>
      <c r="BS1485" s="1106"/>
      <c r="BT1485" s="1106"/>
      <c r="BU1485" s="1106"/>
      <c r="BV1485" s="1106"/>
      <c r="BW1485" s="1106"/>
      <c r="BX1485" s="1106"/>
      <c r="BY1485" s="1106"/>
      <c r="BZ1485" s="1106"/>
      <c r="CA1485" s="1106"/>
    </row>
    <row r="1486" spans="3:79" ht="9" customHeight="1" x14ac:dyDescent="0.2">
      <c r="C1486" s="1106"/>
      <c r="D1486" s="1106"/>
      <c r="E1486" s="1106"/>
      <c r="F1486" s="1106"/>
      <c r="G1486" s="1106"/>
      <c r="H1486" s="1106"/>
      <c r="I1486" s="1106"/>
      <c r="J1486" s="1106"/>
      <c r="K1486" s="1106"/>
      <c r="L1486" s="1106"/>
      <c r="M1486" s="1106"/>
      <c r="N1486" s="1106"/>
      <c r="O1486" s="1106"/>
      <c r="U1486" s="1106"/>
      <c r="AB1486" s="1106"/>
      <c r="AC1486" s="1106"/>
      <c r="AD1486" s="1106"/>
      <c r="AE1486" s="1106"/>
      <c r="AF1486" s="1106"/>
      <c r="AG1486" s="1106"/>
      <c r="AH1486" s="1106"/>
      <c r="AL1486" s="1106"/>
      <c r="AT1486" s="1106"/>
      <c r="AU1486" s="1106"/>
      <c r="AV1486" s="1106"/>
      <c r="AW1486" s="1106"/>
      <c r="AX1486" s="1106"/>
      <c r="AY1486" s="1106"/>
      <c r="AZ1486" s="1106"/>
      <c r="BA1486" s="1106"/>
      <c r="BB1486" s="1106"/>
      <c r="BC1486" s="1106"/>
      <c r="BD1486" s="1106"/>
      <c r="BE1486" s="1106"/>
      <c r="BF1486" s="1106"/>
      <c r="BG1486" s="1106"/>
      <c r="BH1486" s="1106"/>
      <c r="BI1486" s="1106"/>
      <c r="BJ1486" s="1106"/>
      <c r="BK1486" s="1106"/>
      <c r="BL1486" s="1106"/>
      <c r="BM1486" s="1106"/>
      <c r="BN1486" s="1106"/>
      <c r="BO1486" s="1106"/>
      <c r="BP1486" s="1106"/>
      <c r="BQ1486" s="1106"/>
      <c r="BR1486" s="1106"/>
      <c r="BS1486" s="1106"/>
      <c r="BT1486" s="1106"/>
      <c r="BU1486" s="1106"/>
      <c r="BV1486" s="1106"/>
      <c r="BW1486" s="1106"/>
      <c r="BX1486" s="1106"/>
      <c r="BY1486" s="1106"/>
      <c r="BZ1486" s="1106"/>
      <c r="CA1486" s="1106"/>
    </row>
    <row r="1487" spans="3:79" ht="9" customHeight="1" x14ac:dyDescent="0.2">
      <c r="C1487" s="1106"/>
      <c r="D1487" s="1106"/>
      <c r="E1487" s="1106"/>
      <c r="F1487" s="1106"/>
      <c r="G1487" s="1106"/>
      <c r="H1487" s="1106"/>
      <c r="I1487" s="1106"/>
      <c r="J1487" s="1106"/>
      <c r="K1487" s="1106"/>
      <c r="L1487" s="1106"/>
      <c r="M1487" s="1106"/>
      <c r="N1487" s="1106"/>
      <c r="O1487" s="1106"/>
      <c r="U1487" s="1106"/>
      <c r="AB1487" s="1106"/>
      <c r="AC1487" s="1106"/>
      <c r="AD1487" s="1106"/>
      <c r="AE1487" s="1106"/>
      <c r="AF1487" s="1106"/>
      <c r="AG1487" s="1106"/>
      <c r="AH1487" s="1106"/>
      <c r="AL1487" s="1106"/>
      <c r="AO1487" s="1106"/>
      <c r="AP1487" s="1106"/>
      <c r="AT1487" s="1106"/>
      <c r="AU1487" s="1106"/>
      <c r="AV1487" s="1106"/>
      <c r="AW1487" s="1106"/>
      <c r="AX1487" s="1106"/>
      <c r="AY1487" s="1106"/>
      <c r="AZ1487" s="1106"/>
      <c r="BA1487" s="1106"/>
      <c r="BB1487" s="1106"/>
      <c r="BC1487" s="1106"/>
      <c r="BD1487" s="1106"/>
      <c r="BE1487" s="1106"/>
      <c r="BF1487" s="1106"/>
      <c r="BG1487" s="1106"/>
      <c r="BH1487" s="1106"/>
      <c r="BI1487" s="1106"/>
      <c r="BJ1487" s="1106"/>
      <c r="BK1487" s="1106"/>
      <c r="BL1487" s="1106"/>
      <c r="BM1487" s="1106"/>
      <c r="BN1487" s="1106"/>
      <c r="BO1487" s="1106"/>
      <c r="BP1487" s="1106"/>
      <c r="BQ1487" s="1106"/>
      <c r="BR1487" s="1106"/>
      <c r="BS1487" s="1106"/>
      <c r="BT1487" s="1106"/>
      <c r="BU1487" s="1106"/>
      <c r="BV1487" s="1106"/>
      <c r="BW1487" s="1106"/>
      <c r="BX1487" s="1106"/>
      <c r="BY1487" s="1106"/>
      <c r="BZ1487" s="1106"/>
      <c r="CA1487" s="1106"/>
    </row>
    <row r="1488" spans="3:79" ht="9" customHeight="1" x14ac:dyDescent="0.2">
      <c r="C1488" s="1106"/>
      <c r="D1488" s="1106"/>
      <c r="E1488" s="1106"/>
      <c r="F1488" s="1106"/>
      <c r="G1488" s="1106"/>
      <c r="H1488" s="1106"/>
      <c r="I1488" s="1106"/>
      <c r="J1488" s="1106"/>
      <c r="K1488" s="1106"/>
      <c r="L1488" s="1106"/>
      <c r="M1488" s="1106"/>
      <c r="N1488" s="1106"/>
      <c r="O1488" s="1106"/>
      <c r="U1488" s="1106"/>
      <c r="AB1488" s="1106"/>
      <c r="AC1488" s="1106"/>
      <c r="AD1488" s="1106"/>
      <c r="AE1488" s="1106"/>
      <c r="AF1488" s="1106"/>
      <c r="AG1488" s="1106"/>
      <c r="AH1488" s="1106"/>
      <c r="AL1488" s="1106"/>
      <c r="AT1488" s="1106"/>
      <c r="AU1488" s="1106"/>
      <c r="AV1488" s="1106"/>
      <c r="AW1488" s="1106"/>
      <c r="AX1488" s="1106"/>
      <c r="AY1488" s="1106"/>
      <c r="AZ1488" s="1106"/>
      <c r="BA1488" s="1106"/>
      <c r="BB1488" s="1106"/>
      <c r="BC1488" s="1106"/>
      <c r="BD1488" s="1106"/>
      <c r="BE1488" s="1106"/>
      <c r="BF1488" s="1106"/>
      <c r="BG1488" s="1106"/>
      <c r="BH1488" s="1106"/>
      <c r="BI1488" s="1106"/>
      <c r="BJ1488" s="1106"/>
      <c r="BK1488" s="1106"/>
      <c r="BL1488" s="1106"/>
      <c r="BM1488" s="1106"/>
      <c r="BN1488" s="1106"/>
      <c r="BO1488" s="1106"/>
      <c r="BP1488" s="1106"/>
      <c r="BQ1488" s="1106"/>
      <c r="BR1488" s="1106"/>
      <c r="BS1488" s="1106"/>
      <c r="BT1488" s="1106"/>
      <c r="BU1488" s="1106"/>
      <c r="BV1488" s="1106"/>
      <c r="BW1488" s="1106"/>
      <c r="BX1488" s="1106"/>
      <c r="BY1488" s="1106"/>
      <c r="BZ1488" s="1106"/>
      <c r="CA1488" s="1106"/>
    </row>
    <row r="1489" spans="3:79" ht="9" customHeight="1" x14ac:dyDescent="0.2">
      <c r="C1489" s="1106"/>
      <c r="D1489" s="1106"/>
      <c r="E1489" s="1106"/>
      <c r="F1489" s="1106"/>
      <c r="G1489" s="1106"/>
      <c r="H1489" s="1106"/>
      <c r="I1489" s="1106"/>
      <c r="J1489" s="1106"/>
      <c r="K1489" s="1106"/>
      <c r="L1489" s="1106"/>
      <c r="M1489" s="1106"/>
      <c r="N1489" s="1106"/>
      <c r="O1489" s="1106"/>
      <c r="AB1489" s="1106"/>
      <c r="AC1489" s="1106"/>
      <c r="AD1489" s="1106"/>
      <c r="AE1489" s="1106"/>
      <c r="AF1489" s="1106"/>
      <c r="AG1489" s="1106"/>
      <c r="AH1489" s="1106"/>
      <c r="AL1489" s="1106"/>
      <c r="AZ1489" s="1106"/>
      <c r="BA1489" s="1106"/>
      <c r="BB1489" s="1106"/>
      <c r="BC1489" s="1106"/>
      <c r="BD1489" s="1106"/>
      <c r="BE1489" s="1106"/>
      <c r="BF1489" s="1106"/>
      <c r="BG1489" s="1106"/>
      <c r="BH1489" s="1106"/>
      <c r="BI1489" s="1106"/>
      <c r="BJ1489" s="1106"/>
      <c r="BK1489" s="1106"/>
      <c r="BL1489" s="1106"/>
      <c r="BM1489" s="1106"/>
      <c r="BN1489" s="1106"/>
      <c r="BO1489" s="1106"/>
      <c r="BP1489" s="1106"/>
      <c r="BQ1489" s="1106"/>
      <c r="BR1489" s="1106"/>
      <c r="BS1489" s="1106"/>
      <c r="BT1489" s="1106"/>
      <c r="BU1489" s="1106"/>
      <c r="BV1489" s="1106"/>
      <c r="BW1489" s="1106"/>
      <c r="BX1489" s="1106"/>
      <c r="BY1489" s="1106"/>
      <c r="BZ1489" s="1106"/>
      <c r="CA1489" s="1106"/>
    </row>
    <row r="1490" spans="3:79" ht="9" customHeight="1" x14ac:dyDescent="0.2">
      <c r="C1490" s="1106"/>
      <c r="D1490" s="1106"/>
      <c r="E1490" s="1106"/>
      <c r="F1490" s="1106"/>
      <c r="G1490" s="1106"/>
      <c r="H1490" s="1106"/>
      <c r="I1490" s="1106"/>
      <c r="J1490" s="1106"/>
      <c r="K1490" s="1106"/>
      <c r="L1490" s="1106"/>
      <c r="M1490" s="1106"/>
      <c r="N1490" s="1106"/>
      <c r="O1490" s="1106"/>
      <c r="AB1490" s="1106"/>
      <c r="AC1490" s="1106"/>
      <c r="AD1490" s="1106"/>
      <c r="AE1490" s="1106"/>
      <c r="AF1490" s="1106"/>
      <c r="AG1490" s="1106"/>
      <c r="AH1490" s="1106"/>
      <c r="AL1490" s="1106"/>
      <c r="AZ1490" s="1106"/>
      <c r="BA1490" s="1106"/>
      <c r="BB1490" s="1106"/>
      <c r="BC1490" s="1106"/>
      <c r="BD1490" s="1106"/>
      <c r="BE1490" s="1106"/>
      <c r="BF1490" s="1106"/>
      <c r="BG1490" s="1106"/>
      <c r="BH1490" s="1106"/>
      <c r="BI1490" s="1106"/>
      <c r="BJ1490" s="1106"/>
      <c r="BK1490" s="1106"/>
      <c r="BL1490" s="1106"/>
      <c r="BM1490" s="1106"/>
      <c r="BN1490" s="1106"/>
      <c r="BO1490" s="1106"/>
      <c r="BP1490" s="1106"/>
      <c r="BQ1490" s="1106"/>
      <c r="BR1490" s="1106"/>
      <c r="BS1490" s="1106"/>
      <c r="BT1490" s="1106"/>
      <c r="BU1490" s="1106"/>
      <c r="BV1490" s="1106"/>
      <c r="BW1490" s="1106"/>
      <c r="BX1490" s="1106"/>
      <c r="BY1490" s="1106"/>
      <c r="BZ1490" s="1106"/>
      <c r="CA1490" s="1106"/>
    </row>
    <row r="1491" spans="3:79" ht="9" customHeight="1" x14ac:dyDescent="0.2">
      <c r="C1491" s="1106"/>
      <c r="D1491" s="1106"/>
      <c r="E1491" s="1106"/>
      <c r="F1491" s="1106"/>
      <c r="G1491" s="1106"/>
      <c r="H1491" s="1106"/>
      <c r="I1491" s="1106"/>
      <c r="J1491" s="1106"/>
      <c r="K1491" s="1106"/>
      <c r="L1491" s="1106"/>
      <c r="M1491" s="1106"/>
      <c r="N1491" s="1106"/>
      <c r="O1491" s="1106"/>
      <c r="AB1491" s="1106"/>
      <c r="AC1491" s="1106"/>
      <c r="AD1491" s="1106"/>
      <c r="AE1491" s="1106"/>
      <c r="AF1491" s="1106"/>
      <c r="AG1491" s="1106"/>
      <c r="AH1491" s="1106"/>
      <c r="AL1491" s="1106"/>
      <c r="AZ1491" s="1106"/>
      <c r="BA1491" s="1106"/>
      <c r="BB1491" s="1106"/>
      <c r="BC1491" s="1106"/>
      <c r="BD1491" s="1106"/>
      <c r="BE1491" s="1106"/>
      <c r="BF1491" s="1106"/>
      <c r="BG1491" s="1106"/>
      <c r="BH1491" s="1106"/>
      <c r="BI1491" s="1106"/>
      <c r="BJ1491" s="1106"/>
      <c r="BK1491" s="1106"/>
      <c r="BL1491" s="1106"/>
      <c r="BM1491" s="1106"/>
      <c r="BN1491" s="1106"/>
      <c r="BO1491" s="1106"/>
      <c r="BP1491" s="1106"/>
      <c r="BQ1491" s="1106"/>
      <c r="BR1491" s="1106"/>
      <c r="BS1491" s="1106"/>
      <c r="BT1491" s="1106"/>
      <c r="BU1491" s="1106"/>
      <c r="BV1491" s="1106"/>
      <c r="BW1491" s="1106"/>
      <c r="BX1491" s="1106"/>
      <c r="BY1491" s="1106"/>
      <c r="BZ1491" s="1106"/>
      <c r="CA1491" s="1106"/>
    </row>
    <row r="1492" spans="3:79" ht="9" customHeight="1" x14ac:dyDescent="0.2">
      <c r="C1492" s="1106"/>
      <c r="D1492" s="1106"/>
      <c r="E1492" s="1106"/>
      <c r="F1492" s="1106"/>
      <c r="G1492" s="1106"/>
      <c r="H1492" s="1106"/>
      <c r="I1492" s="1106"/>
      <c r="J1492" s="1106"/>
      <c r="K1492" s="1106"/>
      <c r="L1492" s="1106"/>
      <c r="M1492" s="1106"/>
      <c r="N1492" s="1106"/>
      <c r="O1492" s="1106"/>
      <c r="U1492" s="1106"/>
      <c r="AB1492" s="1106"/>
      <c r="AC1492" s="1106"/>
      <c r="AD1492" s="1106"/>
      <c r="AE1492" s="1106"/>
      <c r="AF1492" s="1106"/>
      <c r="AG1492" s="1106"/>
      <c r="AH1492" s="1106"/>
      <c r="AL1492" s="1106"/>
      <c r="AT1492" s="1106"/>
      <c r="AU1492" s="1106"/>
      <c r="AV1492" s="1106"/>
      <c r="AW1492" s="1106"/>
      <c r="AX1492" s="1106"/>
      <c r="AY1492" s="1106"/>
      <c r="AZ1492" s="1106"/>
      <c r="BA1492" s="1106"/>
      <c r="BB1492" s="1106"/>
      <c r="BC1492" s="1106"/>
      <c r="BD1492" s="1106"/>
      <c r="BE1492" s="1106"/>
      <c r="BF1492" s="1106"/>
      <c r="BG1492" s="1106"/>
      <c r="BH1492" s="1106"/>
      <c r="BI1492" s="1106"/>
      <c r="BJ1492" s="1106"/>
      <c r="BK1492" s="1106"/>
      <c r="BL1492" s="1106"/>
      <c r="BM1492" s="1106"/>
      <c r="BN1492" s="1106"/>
      <c r="BO1492" s="1106"/>
      <c r="BP1492" s="1106"/>
      <c r="BQ1492" s="1106"/>
      <c r="BR1492" s="1106"/>
      <c r="BS1492" s="1106"/>
      <c r="BT1492" s="1106"/>
      <c r="BU1492" s="1106"/>
      <c r="BV1492" s="1106"/>
      <c r="BW1492" s="1106"/>
      <c r="BX1492" s="1106"/>
      <c r="BY1492" s="1106"/>
      <c r="BZ1492" s="1106"/>
      <c r="CA1492" s="1106"/>
    </row>
    <row r="1493" spans="3:79" ht="9" customHeight="1" x14ac:dyDescent="0.2">
      <c r="C1493" s="1106"/>
      <c r="D1493" s="1106"/>
      <c r="E1493" s="1106"/>
      <c r="F1493" s="1106"/>
      <c r="G1493" s="1106"/>
      <c r="H1493" s="1106"/>
      <c r="I1493" s="1106"/>
      <c r="J1493" s="1106"/>
      <c r="K1493" s="1106"/>
      <c r="L1493" s="1106"/>
      <c r="M1493" s="1106"/>
      <c r="N1493" s="1106"/>
      <c r="O1493" s="1106"/>
      <c r="U1493" s="1106"/>
      <c r="AB1493" s="1106"/>
      <c r="AC1493" s="1106"/>
      <c r="AD1493" s="1106"/>
      <c r="AE1493" s="1106"/>
      <c r="AF1493" s="1106"/>
      <c r="AG1493" s="1106"/>
      <c r="AH1493" s="1106"/>
      <c r="AL1493" s="1106"/>
      <c r="AO1493" s="1106"/>
      <c r="AP1493" s="1106"/>
      <c r="AT1493" s="1106"/>
      <c r="AU1493" s="1106"/>
      <c r="AV1493" s="1106"/>
      <c r="AW1493" s="1106"/>
      <c r="AX1493" s="1106"/>
      <c r="AY1493" s="1106"/>
      <c r="AZ1493" s="1106"/>
      <c r="BA1493" s="1106"/>
      <c r="BB1493" s="1106"/>
      <c r="BC1493" s="1106"/>
      <c r="BD1493" s="1106"/>
      <c r="BE1493" s="1106"/>
      <c r="BF1493" s="1106"/>
      <c r="BG1493" s="1106"/>
      <c r="BH1493" s="1106"/>
      <c r="BI1493" s="1106"/>
      <c r="BJ1493" s="1106"/>
      <c r="BK1493" s="1106"/>
      <c r="BL1493" s="1106"/>
      <c r="BM1493" s="1106"/>
      <c r="BN1493" s="1106"/>
      <c r="BO1493" s="1106"/>
      <c r="BP1493" s="1106"/>
      <c r="BQ1493" s="1106"/>
      <c r="BR1493" s="1106"/>
      <c r="BS1493" s="1106"/>
      <c r="BT1493" s="1106"/>
      <c r="BU1493" s="1106"/>
      <c r="BV1493" s="1106"/>
      <c r="BW1493" s="1106"/>
      <c r="BX1493" s="1106"/>
      <c r="BY1493" s="1106"/>
      <c r="BZ1493" s="1106"/>
      <c r="CA1493" s="1106"/>
    </row>
    <row r="1494" spans="3:79" ht="9" customHeight="1" x14ac:dyDescent="0.2">
      <c r="C1494" s="1106"/>
      <c r="D1494" s="1106"/>
      <c r="E1494" s="1106"/>
      <c r="F1494" s="1106"/>
      <c r="G1494" s="1106"/>
      <c r="H1494" s="1106"/>
      <c r="I1494" s="1106"/>
      <c r="J1494" s="1106"/>
      <c r="K1494" s="1106"/>
      <c r="L1494" s="1106"/>
      <c r="M1494" s="1106"/>
      <c r="N1494" s="1106"/>
      <c r="O1494" s="1106"/>
      <c r="U1494" s="1106"/>
      <c r="AB1494" s="1106"/>
      <c r="AC1494" s="1106"/>
      <c r="AD1494" s="1106"/>
      <c r="AE1494" s="1106"/>
      <c r="AF1494" s="1106"/>
      <c r="AG1494" s="1106"/>
      <c r="AH1494" s="1106"/>
      <c r="AL1494" s="1106"/>
      <c r="AT1494" s="1106"/>
      <c r="AU1494" s="1106"/>
      <c r="AV1494" s="1106"/>
      <c r="AW1494" s="1106"/>
      <c r="AX1494" s="1106"/>
      <c r="AY1494" s="1106"/>
      <c r="AZ1494" s="1106"/>
      <c r="BA1494" s="1106"/>
      <c r="BB1494" s="1106"/>
      <c r="BC1494" s="1106"/>
      <c r="BD1494" s="1106"/>
      <c r="BE1494" s="1106"/>
      <c r="BF1494" s="1106"/>
      <c r="BG1494" s="1106"/>
      <c r="BH1494" s="1106"/>
      <c r="BI1494" s="1106"/>
      <c r="BJ1494" s="1106"/>
      <c r="BK1494" s="1106"/>
      <c r="BL1494" s="1106"/>
      <c r="BM1494" s="1106"/>
      <c r="BN1494" s="1106"/>
      <c r="BO1494" s="1106"/>
      <c r="BP1494" s="1106"/>
      <c r="BQ1494" s="1106"/>
      <c r="BR1494" s="1106"/>
      <c r="BS1494" s="1106"/>
      <c r="BT1494" s="1106"/>
      <c r="BU1494" s="1106"/>
      <c r="BV1494" s="1106"/>
      <c r="BW1494" s="1106"/>
      <c r="BX1494" s="1106"/>
      <c r="BY1494" s="1106"/>
      <c r="BZ1494" s="1106"/>
      <c r="CA1494" s="1106"/>
    </row>
    <row r="1495" spans="3:79" ht="9" customHeight="1" x14ac:dyDescent="0.2">
      <c r="C1495" s="1106"/>
      <c r="D1495" s="1106"/>
      <c r="E1495" s="1106"/>
      <c r="F1495" s="1106"/>
      <c r="G1495" s="1106"/>
      <c r="H1495" s="1106"/>
      <c r="I1495" s="1106"/>
      <c r="J1495" s="1106"/>
      <c r="K1495" s="1106"/>
      <c r="L1495" s="1106"/>
      <c r="M1495" s="1106"/>
      <c r="N1495" s="1106"/>
      <c r="O1495" s="1106"/>
      <c r="AB1495" s="1106"/>
      <c r="AC1495" s="1106"/>
      <c r="AD1495" s="1106"/>
      <c r="AE1495" s="1106"/>
      <c r="AF1495" s="1106"/>
      <c r="AG1495" s="1106"/>
      <c r="AH1495" s="1106"/>
      <c r="AL1495" s="1106"/>
      <c r="AZ1495" s="1106"/>
      <c r="BA1495" s="1106"/>
      <c r="BB1495" s="1106"/>
      <c r="BC1495" s="1106"/>
      <c r="BD1495" s="1106"/>
      <c r="BE1495" s="1106"/>
      <c r="BF1495" s="1106"/>
      <c r="BG1495" s="1106"/>
      <c r="BH1495" s="1106"/>
      <c r="BI1495" s="1106"/>
      <c r="BJ1495" s="1106"/>
      <c r="BK1495" s="1106"/>
      <c r="BL1495" s="1106"/>
      <c r="BM1495" s="1106"/>
      <c r="BN1495" s="1106"/>
      <c r="BO1495" s="1106"/>
      <c r="BP1495" s="1106"/>
      <c r="BQ1495" s="1106"/>
      <c r="BR1495" s="1106"/>
      <c r="BS1495" s="1106"/>
      <c r="BT1495" s="1106"/>
      <c r="BU1495" s="1106"/>
      <c r="BV1495" s="1106"/>
      <c r="BW1495" s="1106"/>
      <c r="BX1495" s="1106"/>
      <c r="BY1495" s="1106"/>
      <c r="BZ1495" s="1106"/>
      <c r="CA1495" s="1106"/>
    </row>
    <row r="1496" spans="3:79" ht="9" customHeight="1" x14ac:dyDescent="0.2">
      <c r="C1496" s="1106"/>
      <c r="D1496" s="1106"/>
      <c r="E1496" s="1106"/>
      <c r="F1496" s="1106"/>
      <c r="G1496" s="1106"/>
      <c r="H1496" s="1106"/>
      <c r="I1496" s="1106"/>
      <c r="J1496" s="1106"/>
      <c r="K1496" s="1106"/>
      <c r="L1496" s="1106"/>
      <c r="M1496" s="1106"/>
      <c r="N1496" s="1106"/>
      <c r="O1496" s="1106"/>
      <c r="AB1496" s="1106"/>
      <c r="AC1496" s="1106"/>
      <c r="AD1496" s="1106"/>
      <c r="AE1496" s="1106"/>
      <c r="AF1496" s="1106"/>
      <c r="AG1496" s="1106"/>
      <c r="AH1496" s="1106"/>
      <c r="AL1496" s="1106"/>
      <c r="AZ1496" s="1106"/>
      <c r="BA1496" s="1106"/>
      <c r="BB1496" s="1106"/>
      <c r="BC1496" s="1106"/>
      <c r="BD1496" s="1106"/>
      <c r="BE1496" s="1106"/>
      <c r="BF1496" s="1106"/>
      <c r="BG1496" s="1106"/>
      <c r="BH1496" s="1106"/>
      <c r="BI1496" s="1106"/>
      <c r="BJ1496" s="1106"/>
      <c r="BK1496" s="1106"/>
      <c r="BL1496" s="1106"/>
      <c r="BM1496" s="1106"/>
      <c r="BN1496" s="1106"/>
      <c r="BO1496" s="1106"/>
      <c r="BP1496" s="1106"/>
      <c r="BQ1496" s="1106"/>
      <c r="BR1496" s="1106"/>
      <c r="BS1496" s="1106"/>
      <c r="BT1496" s="1106"/>
      <c r="BU1496" s="1106"/>
      <c r="BV1496" s="1106"/>
      <c r="BW1496" s="1106"/>
      <c r="BX1496" s="1106"/>
      <c r="BY1496" s="1106"/>
      <c r="BZ1496" s="1106"/>
      <c r="CA1496" s="1106"/>
    </row>
    <row r="1497" spans="3:79" ht="9" customHeight="1" x14ac:dyDescent="0.2">
      <c r="C1497" s="1106"/>
      <c r="D1497" s="1106"/>
      <c r="E1497" s="1106"/>
      <c r="F1497" s="1106"/>
      <c r="G1497" s="1106"/>
      <c r="H1497" s="1106"/>
      <c r="I1497" s="1106"/>
      <c r="J1497" s="1106"/>
      <c r="K1497" s="1106"/>
      <c r="L1497" s="1106"/>
      <c r="M1497" s="1106"/>
      <c r="N1497" s="1106"/>
      <c r="O1497" s="1106"/>
      <c r="AB1497" s="1106"/>
      <c r="AC1497" s="1106"/>
      <c r="AD1497" s="1106"/>
      <c r="AE1497" s="1106"/>
      <c r="AF1497" s="1106"/>
      <c r="AG1497" s="1106"/>
      <c r="AH1497" s="1106"/>
      <c r="AL1497" s="1106"/>
      <c r="AZ1497" s="1106"/>
      <c r="BA1497" s="1106"/>
      <c r="BB1497" s="1106"/>
      <c r="BC1497" s="1106"/>
      <c r="BD1497" s="1106"/>
      <c r="BE1497" s="1106"/>
      <c r="BF1497" s="1106"/>
      <c r="BG1497" s="1106"/>
      <c r="BH1497" s="1106"/>
      <c r="BI1497" s="1106"/>
      <c r="BJ1497" s="1106"/>
      <c r="BK1497" s="1106"/>
      <c r="BL1497" s="1106"/>
      <c r="BM1497" s="1106"/>
      <c r="BN1497" s="1106"/>
      <c r="BO1497" s="1106"/>
      <c r="BP1497" s="1106"/>
      <c r="BQ1497" s="1106"/>
      <c r="BR1497" s="1106"/>
      <c r="BS1497" s="1106"/>
      <c r="BT1497" s="1106"/>
      <c r="BU1497" s="1106"/>
      <c r="BV1497" s="1106"/>
      <c r="BW1497" s="1106"/>
      <c r="BX1497" s="1106"/>
      <c r="BY1497" s="1106"/>
      <c r="BZ1497" s="1106"/>
      <c r="CA1497" s="1106"/>
    </row>
    <row r="1498" spans="3:79" ht="9" customHeight="1" x14ac:dyDescent="0.2">
      <c r="C1498" s="1106"/>
      <c r="D1498" s="1106"/>
      <c r="E1498" s="1106"/>
      <c r="F1498" s="1106"/>
      <c r="G1498" s="1106"/>
      <c r="H1498" s="1106"/>
      <c r="I1498" s="1106"/>
      <c r="J1498" s="1106"/>
      <c r="K1498" s="1106"/>
      <c r="L1498" s="1106"/>
      <c r="M1498" s="1106"/>
      <c r="N1498" s="1106"/>
      <c r="O1498" s="1106"/>
      <c r="U1498" s="1106"/>
      <c r="AB1498" s="1106"/>
      <c r="AC1498" s="1106"/>
      <c r="AD1498" s="1106"/>
      <c r="AE1498" s="1106"/>
      <c r="AF1498" s="1106"/>
      <c r="AG1498" s="1106"/>
      <c r="AH1498" s="1106"/>
      <c r="AL1498" s="1106"/>
      <c r="AT1498" s="1106"/>
      <c r="AU1498" s="1106"/>
      <c r="AV1498" s="1106"/>
      <c r="AW1498" s="1106"/>
      <c r="AX1498" s="1106"/>
      <c r="AY1498" s="1106"/>
      <c r="AZ1498" s="1106"/>
      <c r="BA1498" s="1106"/>
      <c r="BB1498" s="1106"/>
      <c r="BC1498" s="1106"/>
      <c r="BD1498" s="1106"/>
      <c r="BE1498" s="1106"/>
      <c r="BF1498" s="1106"/>
      <c r="BG1498" s="1106"/>
      <c r="BH1498" s="1106"/>
      <c r="BI1498" s="1106"/>
      <c r="BJ1498" s="1106"/>
      <c r="BK1498" s="1106"/>
      <c r="BL1498" s="1106"/>
      <c r="BM1498" s="1106"/>
      <c r="BN1498" s="1106"/>
      <c r="BO1498" s="1106"/>
      <c r="BP1498" s="1106"/>
      <c r="BQ1498" s="1106"/>
      <c r="BR1498" s="1106"/>
      <c r="BS1498" s="1106"/>
      <c r="BT1498" s="1106"/>
      <c r="BU1498" s="1106"/>
      <c r="BV1498" s="1106"/>
      <c r="BW1498" s="1106"/>
      <c r="BX1498" s="1106"/>
      <c r="BY1498" s="1106"/>
      <c r="BZ1498" s="1106"/>
      <c r="CA1498" s="1106"/>
    </row>
    <row r="1499" spans="3:79" ht="9" customHeight="1" x14ac:dyDescent="0.2">
      <c r="C1499" s="1106"/>
      <c r="D1499" s="1106"/>
      <c r="E1499" s="1106"/>
      <c r="F1499" s="1106"/>
      <c r="G1499" s="1106"/>
      <c r="H1499" s="1106"/>
      <c r="I1499" s="1106"/>
      <c r="J1499" s="1106"/>
      <c r="K1499" s="1106"/>
      <c r="L1499" s="1106"/>
      <c r="M1499" s="1106"/>
      <c r="N1499" s="1106"/>
      <c r="O1499" s="1106"/>
      <c r="U1499" s="1106"/>
      <c r="AB1499" s="1106"/>
      <c r="AC1499" s="1106"/>
      <c r="AD1499" s="1106"/>
      <c r="AE1499" s="1106"/>
      <c r="AF1499" s="1106"/>
      <c r="AG1499" s="1106"/>
      <c r="AH1499" s="1106"/>
      <c r="AL1499" s="1106"/>
      <c r="AO1499" s="1106"/>
      <c r="AP1499" s="1106"/>
      <c r="AT1499" s="1106"/>
      <c r="AU1499" s="1106"/>
      <c r="AV1499" s="1106"/>
      <c r="AW1499" s="1106"/>
      <c r="AX1499" s="1106"/>
      <c r="AY1499" s="1106"/>
      <c r="AZ1499" s="1106"/>
      <c r="BA1499" s="1106"/>
      <c r="BB1499" s="1106"/>
      <c r="BC1499" s="1106"/>
      <c r="BD1499" s="1106"/>
      <c r="BE1499" s="1106"/>
      <c r="BF1499" s="1106"/>
      <c r="BG1499" s="1106"/>
      <c r="BH1499" s="1106"/>
      <c r="BI1499" s="1106"/>
      <c r="BJ1499" s="1106"/>
      <c r="BK1499" s="1106"/>
      <c r="BL1499" s="1106"/>
      <c r="BM1499" s="1106"/>
      <c r="BN1499" s="1106"/>
      <c r="BO1499" s="1106"/>
      <c r="BP1499" s="1106"/>
      <c r="BQ1499" s="1106"/>
      <c r="BR1499" s="1106"/>
      <c r="BS1499" s="1106"/>
      <c r="BT1499" s="1106"/>
      <c r="BU1499" s="1106"/>
      <c r="BV1499" s="1106"/>
      <c r="BW1499" s="1106"/>
      <c r="BX1499" s="1106"/>
      <c r="BY1499" s="1106"/>
      <c r="BZ1499" s="1106"/>
      <c r="CA1499" s="1106"/>
    </row>
    <row r="1500" spans="3:79" ht="9" customHeight="1" x14ac:dyDescent="0.2">
      <c r="C1500" s="1106"/>
      <c r="D1500" s="1106"/>
      <c r="E1500" s="1106"/>
      <c r="F1500" s="1106"/>
      <c r="G1500" s="1106"/>
      <c r="H1500" s="1106"/>
      <c r="I1500" s="1106"/>
      <c r="J1500" s="1106"/>
      <c r="K1500" s="1106"/>
      <c r="L1500" s="1106"/>
      <c r="M1500" s="1106"/>
      <c r="N1500" s="1106"/>
      <c r="O1500" s="1106"/>
      <c r="U1500" s="1106"/>
      <c r="AB1500" s="1106"/>
      <c r="AC1500" s="1106"/>
      <c r="AD1500" s="1106"/>
      <c r="AE1500" s="1106"/>
      <c r="AF1500" s="1106"/>
      <c r="AG1500" s="1106"/>
      <c r="AH1500" s="1106"/>
      <c r="AL1500" s="1106"/>
      <c r="AT1500" s="1106"/>
      <c r="AU1500" s="1106"/>
      <c r="AV1500" s="1106"/>
      <c r="AW1500" s="1106"/>
      <c r="AX1500" s="1106"/>
      <c r="AY1500" s="1106"/>
      <c r="AZ1500" s="1106"/>
      <c r="BA1500" s="1106"/>
      <c r="BB1500" s="1106"/>
      <c r="BC1500" s="1106"/>
      <c r="BD1500" s="1106"/>
      <c r="BE1500" s="1106"/>
      <c r="BF1500" s="1106"/>
      <c r="BG1500" s="1106"/>
      <c r="BH1500" s="1106"/>
      <c r="BI1500" s="1106"/>
      <c r="BJ1500" s="1106"/>
      <c r="BK1500" s="1106"/>
      <c r="BL1500" s="1106"/>
      <c r="BM1500" s="1106"/>
      <c r="BN1500" s="1106"/>
      <c r="BO1500" s="1106"/>
      <c r="BP1500" s="1106"/>
      <c r="BQ1500" s="1106"/>
      <c r="BR1500" s="1106"/>
      <c r="BS1500" s="1106"/>
      <c r="BT1500" s="1106"/>
      <c r="BU1500" s="1106"/>
      <c r="BV1500" s="1106"/>
      <c r="BW1500" s="1106"/>
      <c r="BX1500" s="1106"/>
      <c r="BY1500" s="1106"/>
      <c r="BZ1500" s="1106"/>
      <c r="CA1500" s="1106"/>
    </row>
    <row r="1501" spans="3:79" ht="9" customHeight="1" x14ac:dyDescent="0.2">
      <c r="C1501" s="1106"/>
      <c r="D1501" s="1106"/>
      <c r="E1501" s="1106"/>
      <c r="F1501" s="1106"/>
      <c r="G1501" s="1106"/>
      <c r="H1501" s="1106"/>
      <c r="I1501" s="1106"/>
      <c r="J1501" s="1106"/>
      <c r="K1501" s="1106"/>
      <c r="L1501" s="1106"/>
      <c r="M1501" s="1106"/>
      <c r="N1501" s="1106"/>
      <c r="O1501" s="1106"/>
      <c r="AB1501" s="1106"/>
      <c r="AC1501" s="1106"/>
      <c r="AD1501" s="1106"/>
      <c r="AE1501" s="1106"/>
      <c r="AF1501" s="1106"/>
      <c r="AG1501" s="1106"/>
      <c r="AH1501" s="1106"/>
      <c r="AL1501" s="1106"/>
      <c r="AZ1501" s="1106"/>
      <c r="BA1501" s="1106"/>
      <c r="BB1501" s="1106"/>
      <c r="BC1501" s="1106"/>
      <c r="BD1501" s="1106"/>
      <c r="BE1501" s="1106"/>
      <c r="BF1501" s="1106"/>
      <c r="BG1501" s="1106"/>
      <c r="BH1501" s="1106"/>
      <c r="BI1501" s="1106"/>
      <c r="BJ1501" s="1106"/>
      <c r="BK1501" s="1106"/>
      <c r="BL1501" s="1106"/>
      <c r="BM1501" s="1106"/>
      <c r="BN1501" s="1106"/>
      <c r="BO1501" s="1106"/>
      <c r="BP1501" s="1106"/>
      <c r="BQ1501" s="1106"/>
      <c r="BR1501" s="1106"/>
      <c r="BS1501" s="1106"/>
      <c r="BT1501" s="1106"/>
      <c r="BU1501" s="1106"/>
      <c r="BV1501" s="1106"/>
      <c r="BW1501" s="1106"/>
      <c r="BX1501" s="1106"/>
      <c r="BY1501" s="1106"/>
      <c r="BZ1501" s="1106"/>
      <c r="CA1501" s="1106"/>
    </row>
    <row r="1502" spans="3:79" ht="9" customHeight="1" x14ac:dyDescent="0.2">
      <c r="C1502" s="1106"/>
      <c r="D1502" s="1106"/>
      <c r="E1502" s="1106"/>
      <c r="F1502" s="1106"/>
      <c r="G1502" s="1106"/>
      <c r="H1502" s="1106"/>
      <c r="I1502" s="1106"/>
      <c r="J1502" s="1106"/>
      <c r="K1502" s="1106"/>
      <c r="L1502" s="1106"/>
      <c r="M1502" s="1106"/>
      <c r="N1502" s="1106"/>
      <c r="O1502" s="1106"/>
      <c r="AB1502" s="1106"/>
      <c r="AC1502" s="1106"/>
      <c r="AD1502" s="1106"/>
      <c r="AE1502" s="1106"/>
      <c r="AF1502" s="1106"/>
      <c r="AG1502" s="1106"/>
      <c r="AH1502" s="1106"/>
      <c r="AL1502" s="1106"/>
      <c r="AZ1502" s="1106"/>
      <c r="BA1502" s="1106"/>
      <c r="BB1502" s="1106"/>
      <c r="BC1502" s="1106"/>
      <c r="BD1502" s="1106"/>
      <c r="BE1502" s="1106"/>
      <c r="BF1502" s="1106"/>
      <c r="BG1502" s="1106"/>
      <c r="BH1502" s="1106"/>
      <c r="BI1502" s="1106"/>
      <c r="BJ1502" s="1106"/>
      <c r="BK1502" s="1106"/>
      <c r="BL1502" s="1106"/>
      <c r="BM1502" s="1106"/>
      <c r="BN1502" s="1106"/>
      <c r="BO1502" s="1106"/>
      <c r="BP1502" s="1106"/>
      <c r="BQ1502" s="1106"/>
      <c r="BR1502" s="1106"/>
      <c r="BS1502" s="1106"/>
      <c r="BT1502" s="1106"/>
      <c r="BU1502" s="1106"/>
      <c r="BV1502" s="1106"/>
      <c r="BW1502" s="1106"/>
      <c r="BX1502" s="1106"/>
      <c r="BY1502" s="1106"/>
      <c r="BZ1502" s="1106"/>
      <c r="CA1502" s="1106"/>
    </row>
    <row r="1503" spans="3:79" ht="9" customHeight="1" x14ac:dyDescent="0.2">
      <c r="C1503" s="1106"/>
      <c r="D1503" s="1106"/>
      <c r="E1503" s="1106"/>
      <c r="F1503" s="1106"/>
      <c r="G1503" s="1106"/>
      <c r="H1503" s="1106"/>
      <c r="I1503" s="1106"/>
      <c r="J1503" s="1106"/>
      <c r="K1503" s="1106"/>
      <c r="L1503" s="1106"/>
      <c r="M1503" s="1106"/>
      <c r="N1503" s="1106"/>
      <c r="O1503" s="1106"/>
      <c r="AB1503" s="1106"/>
      <c r="AC1503" s="1106"/>
      <c r="AD1503" s="1106"/>
      <c r="AE1503" s="1106"/>
      <c r="AF1503" s="1106"/>
      <c r="AG1503" s="1106"/>
      <c r="AH1503" s="1106"/>
      <c r="AL1503" s="1106"/>
      <c r="AZ1503" s="1106"/>
      <c r="BA1503" s="1106"/>
      <c r="BB1503" s="1106"/>
      <c r="BC1503" s="1106"/>
      <c r="BD1503" s="1106"/>
      <c r="BE1503" s="1106"/>
      <c r="BF1503" s="1106"/>
      <c r="BG1503" s="1106"/>
      <c r="BH1503" s="1106"/>
      <c r="BI1503" s="1106"/>
      <c r="BJ1503" s="1106"/>
      <c r="BK1503" s="1106"/>
      <c r="BL1503" s="1106"/>
      <c r="BM1503" s="1106"/>
      <c r="BN1503" s="1106"/>
      <c r="BO1503" s="1106"/>
      <c r="BP1503" s="1106"/>
      <c r="BQ1503" s="1106"/>
      <c r="BR1503" s="1106"/>
      <c r="BS1503" s="1106"/>
      <c r="BT1503" s="1106"/>
      <c r="BU1503" s="1106"/>
      <c r="BV1503" s="1106"/>
      <c r="BW1503" s="1106"/>
      <c r="BX1503" s="1106"/>
      <c r="BY1503" s="1106"/>
      <c r="BZ1503" s="1106"/>
      <c r="CA1503" s="1106"/>
    </row>
    <row r="1504" spans="3:79" ht="9" customHeight="1" x14ac:dyDescent="0.2">
      <c r="C1504" s="1106"/>
      <c r="D1504" s="1106"/>
      <c r="E1504" s="1106"/>
      <c r="F1504" s="1106"/>
      <c r="G1504" s="1106"/>
      <c r="H1504" s="1106"/>
      <c r="I1504" s="1106"/>
      <c r="J1504" s="1106"/>
      <c r="K1504" s="1106"/>
      <c r="L1504" s="1106"/>
      <c r="M1504" s="1106"/>
      <c r="N1504" s="1106"/>
      <c r="O1504" s="1106"/>
      <c r="U1504" s="1106"/>
      <c r="AB1504" s="1106"/>
      <c r="AC1504" s="1106"/>
      <c r="AD1504" s="1106"/>
      <c r="AE1504" s="1106"/>
      <c r="AF1504" s="1106"/>
      <c r="AG1504" s="1106"/>
      <c r="AH1504" s="1106"/>
      <c r="AL1504" s="1106"/>
      <c r="AT1504" s="1106"/>
      <c r="AU1504" s="1106"/>
      <c r="AV1504" s="1106"/>
      <c r="AW1504" s="1106"/>
      <c r="AX1504" s="1106"/>
      <c r="AY1504" s="1106"/>
      <c r="AZ1504" s="1106"/>
      <c r="BA1504" s="1106"/>
      <c r="BB1504" s="1106"/>
      <c r="BC1504" s="1106"/>
      <c r="BD1504" s="1106"/>
      <c r="BE1504" s="1106"/>
      <c r="BF1504" s="1106"/>
      <c r="BG1504" s="1106"/>
      <c r="BH1504" s="1106"/>
      <c r="BI1504" s="1106"/>
      <c r="BJ1504" s="1106"/>
      <c r="BK1504" s="1106"/>
      <c r="BL1504" s="1106"/>
      <c r="BM1504" s="1106"/>
      <c r="BN1504" s="1106"/>
      <c r="BO1504" s="1106"/>
      <c r="BP1504" s="1106"/>
      <c r="BQ1504" s="1106"/>
      <c r="BR1504" s="1106"/>
      <c r="BS1504" s="1106"/>
      <c r="BT1504" s="1106"/>
      <c r="BU1504" s="1106"/>
      <c r="BV1504" s="1106"/>
      <c r="BW1504" s="1106"/>
      <c r="BX1504" s="1106"/>
      <c r="BY1504" s="1106"/>
      <c r="BZ1504" s="1106"/>
      <c r="CA1504" s="1106"/>
    </row>
    <row r="1505" spans="3:79" ht="9" customHeight="1" x14ac:dyDescent="0.2">
      <c r="C1505" s="1106"/>
      <c r="D1505" s="1106"/>
      <c r="E1505" s="1106"/>
      <c r="F1505" s="1106"/>
      <c r="G1505" s="1106"/>
      <c r="H1505" s="1106"/>
      <c r="I1505" s="1106"/>
      <c r="J1505" s="1106"/>
      <c r="K1505" s="1106"/>
      <c r="L1505" s="1106"/>
      <c r="M1505" s="1106"/>
      <c r="N1505" s="1106"/>
      <c r="O1505" s="1106"/>
      <c r="U1505" s="1106"/>
      <c r="AB1505" s="1106"/>
      <c r="AC1505" s="1106"/>
      <c r="AD1505" s="1106"/>
      <c r="AE1505" s="1106"/>
      <c r="AF1505" s="1106"/>
      <c r="AG1505" s="1106"/>
      <c r="AH1505" s="1106"/>
      <c r="AL1505" s="1106"/>
      <c r="AO1505" s="1106"/>
      <c r="AP1505" s="1106"/>
      <c r="AT1505" s="1106"/>
      <c r="AU1505" s="1106"/>
      <c r="AV1505" s="1106"/>
      <c r="AW1505" s="1106"/>
      <c r="AX1505" s="1106"/>
      <c r="AY1505" s="1106"/>
      <c r="AZ1505" s="1106"/>
      <c r="BA1505" s="1106"/>
      <c r="BB1505" s="1106"/>
      <c r="BC1505" s="1106"/>
      <c r="BD1505" s="1106"/>
      <c r="BE1505" s="1106"/>
      <c r="BF1505" s="1106"/>
      <c r="BG1505" s="1106"/>
      <c r="BH1505" s="1106"/>
      <c r="BI1505" s="1106"/>
      <c r="BJ1505" s="1106"/>
      <c r="BK1505" s="1106"/>
      <c r="BL1505" s="1106"/>
      <c r="BM1505" s="1106"/>
      <c r="BN1505" s="1106"/>
      <c r="BO1505" s="1106"/>
      <c r="BP1505" s="1106"/>
      <c r="BQ1505" s="1106"/>
      <c r="BR1505" s="1106"/>
      <c r="BS1505" s="1106"/>
      <c r="BT1505" s="1106"/>
      <c r="BU1505" s="1106"/>
      <c r="BV1505" s="1106"/>
      <c r="BW1505" s="1106"/>
      <c r="BX1505" s="1106"/>
      <c r="BY1505" s="1106"/>
      <c r="BZ1505" s="1106"/>
      <c r="CA1505" s="1106"/>
    </row>
    <row r="1506" spans="3:79" ht="9" customHeight="1" x14ac:dyDescent="0.2">
      <c r="C1506" s="1106"/>
      <c r="D1506" s="1106"/>
      <c r="E1506" s="1106"/>
      <c r="F1506" s="1106"/>
      <c r="G1506" s="1106"/>
      <c r="H1506" s="1106"/>
      <c r="I1506" s="1106"/>
      <c r="J1506" s="1106"/>
      <c r="K1506" s="1106"/>
      <c r="L1506" s="1106"/>
      <c r="M1506" s="1106"/>
      <c r="N1506" s="1106"/>
      <c r="O1506" s="1106"/>
      <c r="U1506" s="1106"/>
      <c r="AB1506" s="1106"/>
      <c r="AC1506" s="1106"/>
      <c r="AD1506" s="1106"/>
      <c r="AE1506" s="1106"/>
      <c r="AF1506" s="1106"/>
      <c r="AG1506" s="1106"/>
      <c r="AH1506" s="1106"/>
      <c r="AL1506" s="1106"/>
      <c r="AT1506" s="1106"/>
      <c r="AU1506" s="1106"/>
      <c r="AV1506" s="1106"/>
      <c r="AW1506" s="1106"/>
      <c r="AX1506" s="1106"/>
      <c r="AY1506" s="1106"/>
      <c r="AZ1506" s="1106"/>
      <c r="BA1506" s="1106"/>
      <c r="BB1506" s="1106"/>
      <c r="BC1506" s="1106"/>
      <c r="BD1506" s="1106"/>
      <c r="BE1506" s="1106"/>
      <c r="BF1506" s="1106"/>
      <c r="BG1506" s="1106"/>
      <c r="BH1506" s="1106"/>
      <c r="BI1506" s="1106"/>
      <c r="BJ1506" s="1106"/>
      <c r="BK1506" s="1106"/>
      <c r="BL1506" s="1106"/>
      <c r="BM1506" s="1106"/>
      <c r="BN1506" s="1106"/>
      <c r="BO1506" s="1106"/>
      <c r="BP1506" s="1106"/>
      <c r="BQ1506" s="1106"/>
      <c r="BR1506" s="1106"/>
      <c r="BS1506" s="1106"/>
      <c r="BT1506" s="1106"/>
      <c r="BU1506" s="1106"/>
      <c r="BV1506" s="1106"/>
      <c r="BW1506" s="1106"/>
      <c r="BX1506" s="1106"/>
      <c r="BY1506" s="1106"/>
      <c r="BZ1506" s="1106"/>
      <c r="CA1506" s="1106"/>
    </row>
    <row r="1507" spans="3:79" ht="9" customHeight="1" x14ac:dyDescent="0.2">
      <c r="C1507" s="1106"/>
      <c r="D1507" s="1106"/>
      <c r="E1507" s="1106"/>
      <c r="F1507" s="1106"/>
      <c r="G1507" s="1106"/>
      <c r="H1507" s="1106"/>
      <c r="I1507" s="1106"/>
      <c r="J1507" s="1106"/>
      <c r="K1507" s="1106"/>
      <c r="L1507" s="1106"/>
      <c r="M1507" s="1106"/>
      <c r="N1507" s="1106"/>
      <c r="O1507" s="1106"/>
      <c r="AB1507" s="1106"/>
      <c r="AC1507" s="1106"/>
      <c r="AD1507" s="1106"/>
      <c r="AE1507" s="1106"/>
      <c r="AF1507" s="1106"/>
      <c r="AG1507" s="1106"/>
      <c r="AH1507" s="1106"/>
      <c r="AL1507" s="1106"/>
      <c r="AZ1507" s="1106"/>
      <c r="BA1507" s="1106"/>
      <c r="BB1507" s="1106"/>
      <c r="BC1507" s="1106"/>
      <c r="BD1507" s="1106"/>
      <c r="BE1507" s="1106"/>
      <c r="BF1507" s="1106"/>
      <c r="BG1507" s="1106"/>
      <c r="BH1507" s="1106"/>
      <c r="BI1507" s="1106"/>
      <c r="BJ1507" s="1106"/>
      <c r="BK1507" s="1106"/>
      <c r="BL1507" s="1106"/>
      <c r="BM1507" s="1106"/>
      <c r="BN1507" s="1106"/>
      <c r="BO1507" s="1106"/>
      <c r="BP1507" s="1106"/>
      <c r="BQ1507" s="1106"/>
      <c r="BR1507" s="1106"/>
      <c r="BS1507" s="1106"/>
      <c r="BT1507" s="1106"/>
      <c r="BU1507" s="1106"/>
      <c r="BV1507" s="1106"/>
      <c r="BW1507" s="1106"/>
      <c r="BX1507" s="1106"/>
      <c r="BY1507" s="1106"/>
      <c r="BZ1507" s="1106"/>
      <c r="CA1507" s="1106"/>
    </row>
    <row r="1508" spans="3:79" ht="9" customHeight="1" x14ac:dyDescent="0.2">
      <c r="C1508" s="1106"/>
      <c r="D1508" s="1106"/>
      <c r="E1508" s="1106"/>
      <c r="F1508" s="1106"/>
      <c r="G1508" s="1106"/>
      <c r="H1508" s="1106"/>
      <c r="I1508" s="1106"/>
      <c r="J1508" s="1106"/>
      <c r="K1508" s="1106"/>
      <c r="L1508" s="1106"/>
      <c r="M1508" s="1106"/>
      <c r="N1508" s="1106"/>
      <c r="O1508" s="1106"/>
      <c r="AB1508" s="1106"/>
      <c r="AC1508" s="1106"/>
      <c r="AD1508" s="1106"/>
      <c r="AE1508" s="1106"/>
      <c r="AF1508" s="1106"/>
      <c r="AG1508" s="1106"/>
      <c r="AH1508" s="1106"/>
      <c r="AL1508" s="1106"/>
      <c r="AZ1508" s="1106"/>
      <c r="BA1508" s="1106"/>
      <c r="BB1508" s="1106"/>
      <c r="BC1508" s="1106"/>
      <c r="BD1508" s="1106"/>
      <c r="BE1508" s="1106"/>
      <c r="BF1508" s="1106"/>
      <c r="BG1508" s="1106"/>
      <c r="BH1508" s="1106"/>
      <c r="BI1508" s="1106"/>
      <c r="BJ1508" s="1106"/>
      <c r="BK1508" s="1106"/>
      <c r="BL1508" s="1106"/>
      <c r="BM1508" s="1106"/>
      <c r="BN1508" s="1106"/>
      <c r="BO1508" s="1106"/>
      <c r="BP1508" s="1106"/>
      <c r="BQ1508" s="1106"/>
      <c r="BR1508" s="1106"/>
      <c r="BS1508" s="1106"/>
      <c r="BT1508" s="1106"/>
      <c r="BU1508" s="1106"/>
      <c r="BV1508" s="1106"/>
      <c r="BW1508" s="1106"/>
      <c r="BX1508" s="1106"/>
      <c r="BY1508" s="1106"/>
      <c r="BZ1508" s="1106"/>
      <c r="CA1508" s="1106"/>
    </row>
    <row r="1509" spans="3:79" ht="9" customHeight="1" x14ac:dyDescent="0.2">
      <c r="C1509" s="1106"/>
      <c r="D1509" s="1106"/>
      <c r="E1509" s="1106"/>
      <c r="F1509" s="1106"/>
      <c r="G1509" s="1106"/>
      <c r="H1509" s="1106"/>
      <c r="I1509" s="1106"/>
      <c r="J1509" s="1106"/>
      <c r="K1509" s="1106"/>
      <c r="L1509" s="1106"/>
      <c r="M1509" s="1106"/>
      <c r="N1509" s="1106"/>
      <c r="O1509" s="1106"/>
      <c r="AB1509" s="1106"/>
      <c r="AC1509" s="1106"/>
      <c r="AD1509" s="1106"/>
      <c r="AE1509" s="1106"/>
      <c r="AF1509" s="1106"/>
      <c r="AG1509" s="1106"/>
      <c r="AH1509" s="1106"/>
      <c r="AL1509" s="1106"/>
      <c r="AZ1509" s="1106"/>
      <c r="BA1509" s="1106"/>
      <c r="BB1509" s="1106"/>
      <c r="BC1509" s="1106"/>
      <c r="BD1509" s="1106"/>
      <c r="BE1509" s="1106"/>
      <c r="BF1509" s="1106"/>
      <c r="BG1509" s="1106"/>
      <c r="BH1509" s="1106"/>
      <c r="BI1509" s="1106"/>
      <c r="BJ1509" s="1106"/>
      <c r="BK1509" s="1106"/>
      <c r="BL1509" s="1106"/>
      <c r="BM1509" s="1106"/>
      <c r="BN1509" s="1106"/>
      <c r="BO1509" s="1106"/>
      <c r="BP1509" s="1106"/>
      <c r="BQ1509" s="1106"/>
      <c r="BR1509" s="1106"/>
      <c r="BS1509" s="1106"/>
      <c r="BT1509" s="1106"/>
      <c r="BU1509" s="1106"/>
      <c r="BV1509" s="1106"/>
      <c r="BW1509" s="1106"/>
      <c r="BX1509" s="1106"/>
      <c r="BY1509" s="1106"/>
      <c r="BZ1509" s="1106"/>
      <c r="CA1509" s="1106"/>
    </row>
    <row r="1510" spans="3:79" ht="9" customHeight="1" x14ac:dyDescent="0.2">
      <c r="C1510" s="1106"/>
      <c r="D1510" s="1106"/>
      <c r="E1510" s="1106"/>
      <c r="F1510" s="1106"/>
      <c r="G1510" s="1106"/>
      <c r="H1510" s="1106"/>
      <c r="I1510" s="1106"/>
      <c r="J1510" s="1106"/>
      <c r="K1510" s="1106"/>
      <c r="L1510" s="1106"/>
      <c r="M1510" s="1106"/>
      <c r="N1510" s="1106"/>
      <c r="O1510" s="1106"/>
      <c r="U1510" s="1106"/>
      <c r="AB1510" s="1106"/>
      <c r="AC1510" s="1106"/>
      <c r="AD1510" s="1106"/>
      <c r="AE1510" s="1106"/>
      <c r="AF1510" s="1106"/>
      <c r="AG1510" s="1106"/>
      <c r="AH1510" s="1106"/>
      <c r="AL1510" s="1106"/>
      <c r="AT1510" s="1106"/>
      <c r="AU1510" s="1106"/>
      <c r="AV1510" s="1106"/>
      <c r="AW1510" s="1106"/>
      <c r="AX1510" s="1106"/>
      <c r="AY1510" s="1106"/>
      <c r="AZ1510" s="1106"/>
      <c r="BA1510" s="1106"/>
      <c r="BB1510" s="1106"/>
      <c r="BC1510" s="1106"/>
      <c r="BD1510" s="1106"/>
      <c r="BE1510" s="1106"/>
      <c r="BF1510" s="1106"/>
      <c r="BG1510" s="1106"/>
      <c r="BH1510" s="1106"/>
      <c r="BI1510" s="1106"/>
      <c r="BJ1510" s="1106"/>
      <c r="BK1510" s="1106"/>
      <c r="BL1510" s="1106"/>
      <c r="BM1510" s="1106"/>
      <c r="BN1510" s="1106"/>
      <c r="BO1510" s="1106"/>
      <c r="BP1510" s="1106"/>
      <c r="BQ1510" s="1106"/>
      <c r="BR1510" s="1106"/>
      <c r="BS1510" s="1106"/>
      <c r="BT1510" s="1106"/>
      <c r="BU1510" s="1106"/>
      <c r="BV1510" s="1106"/>
      <c r="BW1510" s="1106"/>
      <c r="BX1510" s="1106"/>
      <c r="BY1510" s="1106"/>
      <c r="BZ1510" s="1106"/>
      <c r="CA1510" s="1106"/>
    </row>
    <row r="1511" spans="3:79" ht="9" customHeight="1" x14ac:dyDescent="0.2">
      <c r="C1511" s="1106"/>
      <c r="D1511" s="1106"/>
      <c r="E1511" s="1106"/>
      <c r="F1511" s="1106"/>
      <c r="G1511" s="1106"/>
      <c r="H1511" s="1106"/>
      <c r="I1511" s="1106"/>
      <c r="J1511" s="1106"/>
      <c r="K1511" s="1106"/>
      <c r="L1511" s="1106"/>
      <c r="M1511" s="1106"/>
      <c r="N1511" s="1106"/>
      <c r="O1511" s="1106"/>
      <c r="U1511" s="1106"/>
      <c r="AB1511" s="1106"/>
      <c r="AC1511" s="1106"/>
      <c r="AD1511" s="1106"/>
      <c r="AE1511" s="1106"/>
      <c r="AF1511" s="1106"/>
      <c r="AG1511" s="1106"/>
      <c r="AH1511" s="1106"/>
      <c r="AL1511" s="1106"/>
      <c r="AO1511" s="1106"/>
      <c r="AP1511" s="1106"/>
      <c r="AT1511" s="1106"/>
      <c r="AU1511" s="1106"/>
      <c r="AV1511" s="1106"/>
      <c r="AW1511" s="1106"/>
      <c r="AX1511" s="1106"/>
      <c r="AY1511" s="1106"/>
      <c r="AZ1511" s="1106"/>
      <c r="BA1511" s="1106"/>
      <c r="BB1511" s="1106"/>
      <c r="BC1511" s="1106"/>
      <c r="BD1511" s="1106"/>
      <c r="BE1511" s="1106"/>
      <c r="BF1511" s="1106"/>
      <c r="BG1511" s="1106"/>
      <c r="BH1511" s="1106"/>
      <c r="BI1511" s="1106"/>
      <c r="BJ1511" s="1106"/>
      <c r="BK1511" s="1106"/>
      <c r="BL1511" s="1106"/>
      <c r="BM1511" s="1106"/>
      <c r="BN1511" s="1106"/>
      <c r="BO1511" s="1106"/>
      <c r="BP1511" s="1106"/>
      <c r="BQ1511" s="1106"/>
      <c r="BR1511" s="1106"/>
      <c r="BS1511" s="1106"/>
      <c r="BT1511" s="1106"/>
      <c r="BU1511" s="1106"/>
      <c r="BV1511" s="1106"/>
      <c r="BW1511" s="1106"/>
      <c r="BX1511" s="1106"/>
      <c r="BY1511" s="1106"/>
      <c r="BZ1511" s="1106"/>
      <c r="CA1511" s="1106"/>
    </row>
    <row r="1512" spans="3:79" ht="9" customHeight="1" x14ac:dyDescent="0.2">
      <c r="C1512" s="1106"/>
      <c r="D1512" s="1106"/>
      <c r="E1512" s="1106"/>
      <c r="F1512" s="1106"/>
      <c r="G1512" s="1106"/>
      <c r="H1512" s="1106"/>
      <c r="I1512" s="1106"/>
      <c r="J1512" s="1106"/>
      <c r="K1512" s="1106"/>
      <c r="L1512" s="1106"/>
      <c r="M1512" s="1106"/>
      <c r="N1512" s="1106"/>
      <c r="O1512" s="1106"/>
      <c r="U1512" s="1106"/>
      <c r="AB1512" s="1106"/>
      <c r="AC1512" s="1106"/>
      <c r="AD1512" s="1106"/>
      <c r="AE1512" s="1106"/>
      <c r="AF1512" s="1106"/>
      <c r="AG1512" s="1106"/>
      <c r="AH1512" s="1106"/>
      <c r="AL1512" s="1106"/>
      <c r="AT1512" s="1106"/>
      <c r="AU1512" s="1106"/>
      <c r="AV1512" s="1106"/>
      <c r="AW1512" s="1106"/>
      <c r="AX1512" s="1106"/>
      <c r="AY1512" s="1106"/>
      <c r="AZ1512" s="1106"/>
      <c r="BA1512" s="1106"/>
      <c r="BB1512" s="1106"/>
      <c r="BC1512" s="1106"/>
      <c r="BD1512" s="1106"/>
      <c r="BE1512" s="1106"/>
      <c r="BF1512" s="1106"/>
      <c r="BG1512" s="1106"/>
      <c r="BH1512" s="1106"/>
      <c r="BI1512" s="1106"/>
      <c r="BJ1512" s="1106"/>
      <c r="BK1512" s="1106"/>
      <c r="BL1512" s="1106"/>
      <c r="BM1512" s="1106"/>
      <c r="BN1512" s="1106"/>
      <c r="BO1512" s="1106"/>
      <c r="BP1512" s="1106"/>
      <c r="BQ1512" s="1106"/>
      <c r="BR1512" s="1106"/>
      <c r="BS1512" s="1106"/>
      <c r="BT1512" s="1106"/>
      <c r="BU1512" s="1106"/>
      <c r="BV1512" s="1106"/>
      <c r="BW1512" s="1106"/>
      <c r="BX1512" s="1106"/>
      <c r="BY1512" s="1106"/>
      <c r="BZ1512" s="1106"/>
      <c r="CA1512" s="1106"/>
    </row>
    <row r="1513" spans="3:79" ht="9" customHeight="1" x14ac:dyDescent="0.2">
      <c r="C1513" s="1106"/>
      <c r="D1513" s="1106"/>
      <c r="E1513" s="1106"/>
      <c r="F1513" s="1106"/>
      <c r="G1513" s="1106"/>
      <c r="H1513" s="1106"/>
      <c r="I1513" s="1106"/>
      <c r="J1513" s="1106"/>
      <c r="K1513" s="1106"/>
      <c r="L1513" s="1106"/>
      <c r="M1513" s="1106"/>
      <c r="N1513" s="1106"/>
      <c r="O1513" s="1106"/>
      <c r="AB1513" s="1106"/>
      <c r="AC1513" s="1106"/>
      <c r="AD1513" s="1106"/>
      <c r="AE1513" s="1106"/>
      <c r="AF1513" s="1106"/>
      <c r="AG1513" s="1106"/>
      <c r="AH1513" s="1106"/>
      <c r="AL1513" s="1106"/>
      <c r="AZ1513" s="1106"/>
      <c r="BA1513" s="1106"/>
      <c r="BB1513" s="1106"/>
      <c r="BC1513" s="1106"/>
      <c r="BD1513" s="1106"/>
      <c r="BE1513" s="1106"/>
      <c r="BF1513" s="1106"/>
      <c r="BG1513" s="1106"/>
      <c r="BH1513" s="1106"/>
      <c r="BI1513" s="1106"/>
      <c r="BJ1513" s="1106"/>
      <c r="BK1513" s="1106"/>
      <c r="BL1513" s="1106"/>
      <c r="BM1513" s="1106"/>
      <c r="BN1513" s="1106"/>
      <c r="BO1513" s="1106"/>
      <c r="BP1513" s="1106"/>
      <c r="BQ1513" s="1106"/>
      <c r="BR1513" s="1106"/>
      <c r="BS1513" s="1106"/>
      <c r="BT1513" s="1106"/>
      <c r="BU1513" s="1106"/>
      <c r="BV1513" s="1106"/>
      <c r="BW1513" s="1106"/>
      <c r="BX1513" s="1106"/>
      <c r="BY1513" s="1106"/>
      <c r="BZ1513" s="1106"/>
      <c r="CA1513" s="1106"/>
    </row>
    <row r="1514" spans="3:79" ht="9" customHeight="1" x14ac:dyDescent="0.2">
      <c r="C1514" s="1106"/>
      <c r="D1514" s="1106"/>
      <c r="E1514" s="1106"/>
      <c r="F1514" s="1106"/>
      <c r="G1514" s="1106"/>
      <c r="H1514" s="1106"/>
      <c r="I1514" s="1106"/>
      <c r="J1514" s="1106"/>
      <c r="K1514" s="1106"/>
      <c r="L1514" s="1106"/>
      <c r="M1514" s="1106"/>
      <c r="N1514" s="1106"/>
      <c r="O1514" s="1106"/>
      <c r="AB1514" s="1106"/>
      <c r="AC1514" s="1106"/>
      <c r="AD1514" s="1106"/>
      <c r="AE1514" s="1106"/>
      <c r="AF1514" s="1106"/>
      <c r="AG1514" s="1106"/>
      <c r="AH1514" s="1106"/>
      <c r="AL1514" s="1106"/>
      <c r="AZ1514" s="1106"/>
      <c r="BA1514" s="1106"/>
      <c r="BB1514" s="1106"/>
      <c r="BC1514" s="1106"/>
      <c r="BD1514" s="1106"/>
      <c r="BE1514" s="1106"/>
      <c r="BF1514" s="1106"/>
      <c r="BG1514" s="1106"/>
      <c r="BH1514" s="1106"/>
      <c r="BI1514" s="1106"/>
      <c r="BJ1514" s="1106"/>
      <c r="BK1514" s="1106"/>
      <c r="BL1514" s="1106"/>
      <c r="BM1514" s="1106"/>
      <c r="BN1514" s="1106"/>
      <c r="BO1514" s="1106"/>
      <c r="BP1514" s="1106"/>
      <c r="BQ1514" s="1106"/>
      <c r="BR1514" s="1106"/>
      <c r="BS1514" s="1106"/>
      <c r="BT1514" s="1106"/>
      <c r="BU1514" s="1106"/>
      <c r="BV1514" s="1106"/>
      <c r="BW1514" s="1106"/>
      <c r="BX1514" s="1106"/>
      <c r="BY1514" s="1106"/>
      <c r="BZ1514" s="1106"/>
      <c r="CA1514" s="1106"/>
    </row>
    <row r="1515" spans="3:79" ht="9" customHeight="1" x14ac:dyDescent="0.2">
      <c r="C1515" s="1106"/>
      <c r="D1515" s="1106"/>
      <c r="E1515" s="1106"/>
      <c r="F1515" s="1106"/>
      <c r="G1515" s="1106"/>
      <c r="H1515" s="1106"/>
      <c r="I1515" s="1106"/>
      <c r="J1515" s="1106"/>
      <c r="K1515" s="1106"/>
      <c r="L1515" s="1106"/>
      <c r="M1515" s="1106"/>
      <c r="N1515" s="1106"/>
      <c r="O1515" s="1106"/>
      <c r="AB1515" s="1106"/>
      <c r="AC1515" s="1106"/>
      <c r="AD1515" s="1106"/>
      <c r="AE1515" s="1106"/>
      <c r="AF1515" s="1106"/>
      <c r="AG1515" s="1106"/>
      <c r="AH1515" s="1106"/>
      <c r="AL1515" s="1106"/>
      <c r="AZ1515" s="1106"/>
      <c r="BA1515" s="1106"/>
      <c r="BB1515" s="1106"/>
      <c r="BC1515" s="1106"/>
      <c r="BD1515" s="1106"/>
      <c r="BE1515" s="1106"/>
      <c r="BF1515" s="1106"/>
      <c r="BG1515" s="1106"/>
      <c r="BH1515" s="1106"/>
      <c r="BI1515" s="1106"/>
      <c r="BJ1515" s="1106"/>
      <c r="BK1515" s="1106"/>
      <c r="BL1515" s="1106"/>
      <c r="BM1515" s="1106"/>
      <c r="BN1515" s="1106"/>
      <c r="BO1515" s="1106"/>
      <c r="BP1515" s="1106"/>
      <c r="BQ1515" s="1106"/>
      <c r="BR1515" s="1106"/>
      <c r="BS1515" s="1106"/>
      <c r="BT1515" s="1106"/>
      <c r="BU1515" s="1106"/>
      <c r="BV1515" s="1106"/>
      <c r="BW1515" s="1106"/>
      <c r="BX1515" s="1106"/>
      <c r="BY1515" s="1106"/>
      <c r="BZ1515" s="1106"/>
      <c r="CA1515" s="1106"/>
    </row>
    <row r="1516" spans="3:79" ht="9" customHeight="1" x14ac:dyDescent="0.2">
      <c r="C1516" s="1106"/>
      <c r="D1516" s="1106"/>
      <c r="E1516" s="1106"/>
      <c r="F1516" s="1106"/>
      <c r="G1516" s="1106"/>
      <c r="H1516" s="1106"/>
      <c r="I1516" s="1106"/>
      <c r="J1516" s="1106"/>
      <c r="K1516" s="1106"/>
      <c r="L1516" s="1106"/>
      <c r="M1516" s="1106"/>
      <c r="N1516" s="1106"/>
      <c r="O1516" s="1106"/>
      <c r="U1516" s="1106"/>
      <c r="AB1516" s="1106"/>
      <c r="AC1516" s="1106"/>
      <c r="AD1516" s="1106"/>
      <c r="AE1516" s="1106"/>
      <c r="AF1516" s="1106"/>
      <c r="AG1516" s="1106"/>
      <c r="AH1516" s="1106"/>
      <c r="AL1516" s="1106"/>
      <c r="AT1516" s="1106"/>
      <c r="AU1516" s="1106"/>
      <c r="AV1516" s="1106"/>
      <c r="AW1516" s="1106"/>
      <c r="AX1516" s="1106"/>
      <c r="AY1516" s="1106"/>
      <c r="AZ1516" s="1106"/>
      <c r="BA1516" s="1106"/>
      <c r="BB1516" s="1106"/>
      <c r="BC1516" s="1106"/>
      <c r="BD1516" s="1106"/>
      <c r="BE1516" s="1106"/>
      <c r="BF1516" s="1106"/>
      <c r="BG1516" s="1106"/>
      <c r="BH1516" s="1106"/>
      <c r="BI1516" s="1106"/>
      <c r="BJ1516" s="1106"/>
      <c r="BK1516" s="1106"/>
      <c r="BL1516" s="1106"/>
      <c r="BM1516" s="1106"/>
      <c r="BN1516" s="1106"/>
      <c r="BO1516" s="1106"/>
      <c r="BP1516" s="1106"/>
      <c r="BQ1516" s="1106"/>
      <c r="BR1516" s="1106"/>
      <c r="BS1516" s="1106"/>
      <c r="BT1516" s="1106"/>
      <c r="BU1516" s="1106"/>
      <c r="BV1516" s="1106"/>
      <c r="BW1516" s="1106"/>
      <c r="BX1516" s="1106"/>
      <c r="BY1516" s="1106"/>
      <c r="BZ1516" s="1106"/>
      <c r="CA1516" s="1106"/>
    </row>
    <row r="1517" spans="3:79" ht="9" customHeight="1" x14ac:dyDescent="0.2">
      <c r="C1517" s="1106"/>
      <c r="D1517" s="1106"/>
      <c r="E1517" s="1106"/>
      <c r="F1517" s="1106"/>
      <c r="G1517" s="1106"/>
      <c r="H1517" s="1106"/>
      <c r="I1517" s="1106"/>
      <c r="J1517" s="1106"/>
      <c r="K1517" s="1106"/>
      <c r="L1517" s="1106"/>
      <c r="M1517" s="1106"/>
      <c r="N1517" s="1106"/>
      <c r="O1517" s="1106"/>
      <c r="U1517" s="1106"/>
      <c r="AB1517" s="1106"/>
      <c r="AC1517" s="1106"/>
      <c r="AD1517" s="1106"/>
      <c r="AE1517" s="1106"/>
      <c r="AF1517" s="1106"/>
      <c r="AG1517" s="1106"/>
      <c r="AH1517" s="1106"/>
      <c r="AL1517" s="1106"/>
      <c r="AO1517" s="1106"/>
      <c r="AP1517" s="1106"/>
      <c r="AT1517" s="1106"/>
      <c r="AU1517" s="1106"/>
      <c r="AV1517" s="1106"/>
      <c r="AW1517" s="1106"/>
      <c r="AX1517" s="1106"/>
      <c r="AY1517" s="1106"/>
      <c r="AZ1517" s="1106"/>
      <c r="BA1517" s="1106"/>
      <c r="BB1517" s="1106"/>
      <c r="BC1517" s="1106"/>
      <c r="BD1517" s="1106"/>
      <c r="BE1517" s="1106"/>
      <c r="BF1517" s="1106"/>
      <c r="BG1517" s="1106"/>
      <c r="BH1517" s="1106"/>
      <c r="BI1517" s="1106"/>
      <c r="BJ1517" s="1106"/>
      <c r="BK1517" s="1106"/>
      <c r="BL1517" s="1106"/>
      <c r="BM1517" s="1106"/>
      <c r="BN1517" s="1106"/>
      <c r="BO1517" s="1106"/>
      <c r="BP1517" s="1106"/>
      <c r="BQ1517" s="1106"/>
      <c r="BR1517" s="1106"/>
      <c r="BS1517" s="1106"/>
      <c r="BT1517" s="1106"/>
      <c r="BU1517" s="1106"/>
      <c r="BV1517" s="1106"/>
      <c r="BW1517" s="1106"/>
      <c r="BX1517" s="1106"/>
      <c r="BY1517" s="1106"/>
      <c r="BZ1517" s="1106"/>
      <c r="CA1517" s="1106"/>
    </row>
    <row r="1518" spans="3:79" ht="9" customHeight="1" x14ac:dyDescent="0.2">
      <c r="C1518" s="1106"/>
      <c r="D1518" s="1106"/>
      <c r="E1518" s="1106"/>
      <c r="F1518" s="1106"/>
      <c r="G1518" s="1106"/>
      <c r="H1518" s="1106"/>
      <c r="I1518" s="1106"/>
      <c r="J1518" s="1106"/>
      <c r="K1518" s="1106"/>
      <c r="L1518" s="1106"/>
      <c r="M1518" s="1106"/>
      <c r="N1518" s="1106"/>
      <c r="O1518" s="1106"/>
      <c r="U1518" s="1106"/>
      <c r="AB1518" s="1106"/>
      <c r="AC1518" s="1106"/>
      <c r="AD1518" s="1106"/>
      <c r="AE1518" s="1106"/>
      <c r="AF1518" s="1106"/>
      <c r="AG1518" s="1106"/>
      <c r="AH1518" s="1106"/>
      <c r="AL1518" s="1106"/>
      <c r="AT1518" s="1106"/>
      <c r="AU1518" s="1106"/>
      <c r="AV1518" s="1106"/>
      <c r="AW1518" s="1106"/>
      <c r="AX1518" s="1106"/>
      <c r="AY1518" s="1106"/>
      <c r="AZ1518" s="1106"/>
      <c r="BA1518" s="1106"/>
      <c r="BB1518" s="1106"/>
      <c r="BC1518" s="1106"/>
      <c r="BD1518" s="1106"/>
      <c r="BE1518" s="1106"/>
      <c r="BF1518" s="1106"/>
      <c r="BG1518" s="1106"/>
      <c r="BH1518" s="1106"/>
      <c r="BI1518" s="1106"/>
      <c r="BJ1518" s="1106"/>
      <c r="BK1518" s="1106"/>
      <c r="BL1518" s="1106"/>
      <c r="BM1518" s="1106"/>
      <c r="BN1518" s="1106"/>
      <c r="BO1518" s="1106"/>
      <c r="BP1518" s="1106"/>
      <c r="BQ1518" s="1106"/>
      <c r="BR1518" s="1106"/>
      <c r="BS1518" s="1106"/>
      <c r="BT1518" s="1106"/>
      <c r="BU1518" s="1106"/>
      <c r="BV1518" s="1106"/>
      <c r="BW1518" s="1106"/>
      <c r="BX1518" s="1106"/>
      <c r="BY1518" s="1106"/>
      <c r="BZ1518" s="1106"/>
      <c r="CA1518" s="1106"/>
    </row>
    <row r="1519" spans="3:79" ht="9" customHeight="1" x14ac:dyDescent="0.2">
      <c r="C1519" s="1106"/>
      <c r="D1519" s="1106"/>
      <c r="E1519" s="1106"/>
      <c r="F1519" s="1106"/>
      <c r="G1519" s="1106"/>
      <c r="H1519" s="1106"/>
      <c r="I1519" s="1106"/>
      <c r="J1519" s="1106"/>
      <c r="K1519" s="1106"/>
      <c r="L1519" s="1106"/>
      <c r="M1519" s="1106"/>
      <c r="N1519" s="1106"/>
      <c r="O1519" s="1106"/>
      <c r="AB1519" s="1106"/>
      <c r="AC1519" s="1106"/>
      <c r="AD1519" s="1106"/>
      <c r="AE1519" s="1106"/>
      <c r="AF1519" s="1106"/>
      <c r="AG1519" s="1106"/>
      <c r="AH1519" s="1106"/>
      <c r="AL1519" s="1106"/>
      <c r="AZ1519" s="1106"/>
      <c r="BA1519" s="1106"/>
      <c r="BB1519" s="1106"/>
      <c r="BC1519" s="1106"/>
      <c r="BD1519" s="1106"/>
      <c r="BE1519" s="1106"/>
      <c r="BF1519" s="1106"/>
      <c r="BG1519" s="1106"/>
      <c r="BH1519" s="1106"/>
      <c r="BI1519" s="1106"/>
      <c r="BJ1519" s="1106"/>
      <c r="BK1519" s="1106"/>
      <c r="BL1519" s="1106"/>
      <c r="BM1519" s="1106"/>
      <c r="BN1519" s="1106"/>
      <c r="BO1519" s="1106"/>
      <c r="BP1519" s="1106"/>
      <c r="BQ1519" s="1106"/>
      <c r="BR1519" s="1106"/>
      <c r="BS1519" s="1106"/>
      <c r="BT1519" s="1106"/>
      <c r="BU1519" s="1106"/>
      <c r="BV1519" s="1106"/>
      <c r="BW1519" s="1106"/>
      <c r="BX1519" s="1106"/>
      <c r="BY1519" s="1106"/>
      <c r="BZ1519" s="1106"/>
      <c r="CA1519" s="1106"/>
    </row>
    <row r="1520" spans="3:79" ht="9" customHeight="1" x14ac:dyDescent="0.2">
      <c r="C1520" s="1106"/>
      <c r="D1520" s="1106"/>
      <c r="E1520" s="1106"/>
      <c r="F1520" s="1106"/>
      <c r="G1520" s="1106"/>
      <c r="H1520" s="1106"/>
      <c r="I1520" s="1106"/>
      <c r="J1520" s="1106"/>
      <c r="K1520" s="1106"/>
      <c r="L1520" s="1106"/>
      <c r="M1520" s="1106"/>
      <c r="N1520" s="1106"/>
      <c r="O1520" s="1106"/>
      <c r="AB1520" s="1106"/>
      <c r="AC1520" s="1106"/>
      <c r="AD1520" s="1106"/>
      <c r="AE1520" s="1106"/>
      <c r="AF1520" s="1106"/>
      <c r="AG1520" s="1106"/>
      <c r="AH1520" s="1106"/>
      <c r="AL1520" s="1106"/>
      <c r="AZ1520" s="1106"/>
      <c r="BA1520" s="1106"/>
      <c r="BB1520" s="1106"/>
      <c r="BC1520" s="1106"/>
      <c r="BD1520" s="1106"/>
      <c r="BE1520" s="1106"/>
      <c r="BF1520" s="1106"/>
      <c r="BG1520" s="1106"/>
      <c r="BH1520" s="1106"/>
      <c r="BI1520" s="1106"/>
      <c r="BJ1520" s="1106"/>
      <c r="BK1520" s="1106"/>
      <c r="BL1520" s="1106"/>
      <c r="BM1520" s="1106"/>
      <c r="BN1520" s="1106"/>
      <c r="BO1520" s="1106"/>
      <c r="BP1520" s="1106"/>
      <c r="BQ1520" s="1106"/>
      <c r="BR1520" s="1106"/>
      <c r="BS1520" s="1106"/>
      <c r="BT1520" s="1106"/>
      <c r="BU1520" s="1106"/>
      <c r="BV1520" s="1106"/>
      <c r="BW1520" s="1106"/>
      <c r="BX1520" s="1106"/>
      <c r="BY1520" s="1106"/>
      <c r="BZ1520" s="1106"/>
      <c r="CA1520" s="1106"/>
    </row>
    <row r="1521" spans="3:79" ht="9" customHeight="1" x14ac:dyDescent="0.2">
      <c r="C1521" s="1106"/>
      <c r="D1521" s="1106"/>
      <c r="E1521" s="1106"/>
      <c r="F1521" s="1106"/>
      <c r="G1521" s="1106"/>
      <c r="H1521" s="1106"/>
      <c r="I1521" s="1106"/>
      <c r="J1521" s="1106"/>
      <c r="K1521" s="1106"/>
      <c r="L1521" s="1106"/>
      <c r="M1521" s="1106"/>
      <c r="N1521" s="1106"/>
      <c r="O1521" s="1106"/>
      <c r="AB1521" s="1106"/>
      <c r="AC1521" s="1106"/>
      <c r="AD1521" s="1106"/>
      <c r="AE1521" s="1106"/>
      <c r="AF1521" s="1106"/>
      <c r="AG1521" s="1106"/>
      <c r="AH1521" s="1106"/>
      <c r="AL1521" s="1106"/>
      <c r="AZ1521" s="1106"/>
      <c r="BA1521" s="1106"/>
      <c r="BB1521" s="1106"/>
      <c r="BC1521" s="1106"/>
      <c r="BD1521" s="1106"/>
      <c r="BE1521" s="1106"/>
      <c r="BF1521" s="1106"/>
      <c r="BG1521" s="1106"/>
      <c r="BH1521" s="1106"/>
      <c r="BI1521" s="1106"/>
      <c r="BJ1521" s="1106"/>
      <c r="BK1521" s="1106"/>
      <c r="BL1521" s="1106"/>
      <c r="BM1521" s="1106"/>
      <c r="BN1521" s="1106"/>
      <c r="BO1521" s="1106"/>
      <c r="BP1521" s="1106"/>
      <c r="BQ1521" s="1106"/>
      <c r="BR1521" s="1106"/>
      <c r="BS1521" s="1106"/>
      <c r="BT1521" s="1106"/>
      <c r="BU1521" s="1106"/>
      <c r="BV1521" s="1106"/>
      <c r="BW1521" s="1106"/>
      <c r="BX1521" s="1106"/>
      <c r="BY1521" s="1106"/>
      <c r="BZ1521" s="1106"/>
      <c r="CA1521" s="1106"/>
    </row>
    <row r="1522" spans="3:79" ht="9" customHeight="1" x14ac:dyDescent="0.2">
      <c r="C1522" s="1106"/>
      <c r="D1522" s="1106"/>
      <c r="E1522" s="1106"/>
      <c r="F1522" s="1106"/>
      <c r="G1522" s="1106"/>
      <c r="H1522" s="1106"/>
      <c r="I1522" s="1106"/>
      <c r="J1522" s="1106"/>
      <c r="K1522" s="1106"/>
      <c r="L1522" s="1106"/>
      <c r="M1522" s="1106"/>
      <c r="N1522" s="1106"/>
      <c r="O1522" s="1106"/>
      <c r="U1522" s="1106"/>
      <c r="AB1522" s="1106"/>
      <c r="AC1522" s="1106"/>
      <c r="AD1522" s="1106"/>
      <c r="AE1522" s="1106"/>
      <c r="AF1522" s="1106"/>
      <c r="AG1522" s="1106"/>
      <c r="AH1522" s="1106"/>
      <c r="AL1522" s="1106"/>
      <c r="AT1522" s="1106"/>
      <c r="AU1522" s="1106"/>
      <c r="AV1522" s="1106"/>
      <c r="AW1522" s="1106"/>
      <c r="AX1522" s="1106"/>
      <c r="AY1522" s="1106"/>
      <c r="AZ1522" s="1106"/>
      <c r="BA1522" s="1106"/>
      <c r="BB1522" s="1106"/>
      <c r="BC1522" s="1106"/>
      <c r="BD1522" s="1106"/>
      <c r="BE1522" s="1106"/>
      <c r="BF1522" s="1106"/>
      <c r="BG1522" s="1106"/>
      <c r="BH1522" s="1106"/>
      <c r="BI1522" s="1106"/>
      <c r="BJ1522" s="1106"/>
      <c r="BK1522" s="1106"/>
      <c r="BL1522" s="1106"/>
      <c r="BM1522" s="1106"/>
      <c r="BN1522" s="1106"/>
      <c r="BO1522" s="1106"/>
      <c r="BP1522" s="1106"/>
      <c r="BQ1522" s="1106"/>
      <c r="BR1522" s="1106"/>
      <c r="BS1522" s="1106"/>
      <c r="BT1522" s="1106"/>
      <c r="BU1522" s="1106"/>
      <c r="BV1522" s="1106"/>
      <c r="BW1522" s="1106"/>
      <c r="BX1522" s="1106"/>
      <c r="BY1522" s="1106"/>
      <c r="BZ1522" s="1106"/>
      <c r="CA1522" s="1106"/>
    </row>
    <row r="1523" spans="3:79" ht="9" customHeight="1" x14ac:dyDescent="0.2">
      <c r="C1523" s="1106"/>
      <c r="D1523" s="1106"/>
      <c r="E1523" s="1106"/>
      <c r="F1523" s="1106"/>
      <c r="G1523" s="1106"/>
      <c r="H1523" s="1106"/>
      <c r="I1523" s="1106"/>
      <c r="J1523" s="1106"/>
      <c r="K1523" s="1106"/>
      <c r="L1523" s="1106"/>
      <c r="M1523" s="1106"/>
      <c r="N1523" s="1106"/>
      <c r="O1523" s="1106"/>
      <c r="U1523" s="1106"/>
      <c r="AB1523" s="1106"/>
      <c r="AC1523" s="1106"/>
      <c r="AD1523" s="1106"/>
      <c r="AE1523" s="1106"/>
      <c r="AF1523" s="1106"/>
      <c r="AG1523" s="1106"/>
      <c r="AH1523" s="1106"/>
      <c r="AL1523" s="1106"/>
      <c r="AO1523" s="1106"/>
      <c r="AP1523" s="1106"/>
      <c r="AT1523" s="1106"/>
      <c r="AU1523" s="1106"/>
      <c r="AV1523" s="1106"/>
      <c r="AW1523" s="1106"/>
      <c r="AX1523" s="1106"/>
      <c r="AY1523" s="1106"/>
      <c r="AZ1523" s="1106"/>
      <c r="BA1523" s="1106"/>
      <c r="BB1523" s="1106"/>
      <c r="BC1523" s="1106"/>
      <c r="BD1523" s="1106"/>
      <c r="BE1523" s="1106"/>
      <c r="BF1523" s="1106"/>
      <c r="BG1523" s="1106"/>
      <c r="BH1523" s="1106"/>
      <c r="BI1523" s="1106"/>
      <c r="BJ1523" s="1106"/>
      <c r="BK1523" s="1106"/>
      <c r="BL1523" s="1106"/>
      <c r="BM1523" s="1106"/>
      <c r="BN1523" s="1106"/>
      <c r="BO1523" s="1106"/>
      <c r="BP1523" s="1106"/>
      <c r="BQ1523" s="1106"/>
      <c r="BR1523" s="1106"/>
      <c r="BS1523" s="1106"/>
      <c r="BT1523" s="1106"/>
      <c r="BU1523" s="1106"/>
      <c r="BV1523" s="1106"/>
      <c r="BW1523" s="1106"/>
      <c r="BX1523" s="1106"/>
      <c r="BY1523" s="1106"/>
      <c r="BZ1523" s="1106"/>
      <c r="CA1523" s="1106"/>
    </row>
    <row r="1524" spans="3:79" ht="9" customHeight="1" x14ac:dyDescent="0.2">
      <c r="C1524" s="1106"/>
      <c r="D1524" s="1106"/>
      <c r="E1524" s="1106"/>
      <c r="F1524" s="1106"/>
      <c r="G1524" s="1106"/>
      <c r="H1524" s="1106"/>
      <c r="I1524" s="1106"/>
      <c r="J1524" s="1106"/>
      <c r="K1524" s="1106"/>
      <c r="L1524" s="1106"/>
      <c r="M1524" s="1106"/>
      <c r="N1524" s="1106"/>
      <c r="O1524" s="1106"/>
      <c r="U1524" s="1106"/>
      <c r="AB1524" s="1106"/>
      <c r="AC1524" s="1106"/>
      <c r="AD1524" s="1106"/>
      <c r="AE1524" s="1106"/>
      <c r="AF1524" s="1106"/>
      <c r="AG1524" s="1106"/>
      <c r="AH1524" s="1106"/>
      <c r="AL1524" s="1106"/>
      <c r="AT1524" s="1106"/>
      <c r="AU1524" s="1106"/>
      <c r="AV1524" s="1106"/>
      <c r="AW1524" s="1106"/>
      <c r="AX1524" s="1106"/>
      <c r="AY1524" s="1106"/>
      <c r="AZ1524" s="1106"/>
      <c r="BA1524" s="1106"/>
      <c r="BB1524" s="1106"/>
      <c r="BC1524" s="1106"/>
      <c r="BD1524" s="1106"/>
      <c r="BE1524" s="1106"/>
      <c r="BF1524" s="1106"/>
      <c r="BG1524" s="1106"/>
      <c r="BH1524" s="1106"/>
      <c r="BI1524" s="1106"/>
      <c r="BJ1524" s="1106"/>
      <c r="BK1524" s="1106"/>
      <c r="BL1524" s="1106"/>
      <c r="BM1524" s="1106"/>
      <c r="BN1524" s="1106"/>
      <c r="BO1524" s="1106"/>
      <c r="BP1524" s="1106"/>
      <c r="BQ1524" s="1106"/>
      <c r="BR1524" s="1106"/>
      <c r="BS1524" s="1106"/>
      <c r="BT1524" s="1106"/>
      <c r="BU1524" s="1106"/>
      <c r="BV1524" s="1106"/>
      <c r="BW1524" s="1106"/>
      <c r="BX1524" s="1106"/>
      <c r="BY1524" s="1106"/>
      <c r="BZ1524" s="1106"/>
      <c r="CA1524" s="1106"/>
    </row>
    <row r="1525" spans="3:79" ht="9" customHeight="1" x14ac:dyDescent="0.2">
      <c r="C1525" s="1106"/>
      <c r="D1525" s="1106"/>
      <c r="E1525" s="1106"/>
      <c r="F1525" s="1106"/>
      <c r="G1525" s="1106"/>
      <c r="H1525" s="1106"/>
      <c r="I1525" s="1106"/>
      <c r="J1525" s="1106"/>
      <c r="K1525" s="1106"/>
      <c r="L1525" s="1106"/>
      <c r="M1525" s="1106"/>
      <c r="N1525" s="1106"/>
      <c r="O1525" s="1106"/>
      <c r="AB1525" s="1106"/>
      <c r="AC1525" s="1106"/>
      <c r="AD1525" s="1106"/>
      <c r="AE1525" s="1106"/>
      <c r="AF1525" s="1106"/>
      <c r="AG1525" s="1106"/>
      <c r="AH1525" s="1106"/>
      <c r="AL1525" s="1106"/>
      <c r="AZ1525" s="1106"/>
      <c r="BA1525" s="1106"/>
      <c r="BB1525" s="1106"/>
      <c r="BC1525" s="1106"/>
      <c r="BD1525" s="1106"/>
      <c r="BE1525" s="1106"/>
      <c r="BF1525" s="1106"/>
      <c r="BG1525" s="1106"/>
      <c r="BH1525" s="1106"/>
      <c r="BI1525" s="1106"/>
      <c r="BJ1525" s="1106"/>
      <c r="BK1525" s="1106"/>
      <c r="BL1525" s="1106"/>
      <c r="BM1525" s="1106"/>
      <c r="BN1525" s="1106"/>
      <c r="BO1525" s="1106"/>
      <c r="BP1525" s="1106"/>
      <c r="BQ1525" s="1106"/>
      <c r="BR1525" s="1106"/>
      <c r="BS1525" s="1106"/>
      <c r="BT1525" s="1106"/>
      <c r="BU1525" s="1106"/>
      <c r="BV1525" s="1106"/>
      <c r="BW1525" s="1106"/>
      <c r="BX1525" s="1106"/>
      <c r="BY1525" s="1106"/>
      <c r="BZ1525" s="1106"/>
      <c r="CA1525" s="1106"/>
    </row>
    <row r="1526" spans="3:79" ht="9" customHeight="1" x14ac:dyDescent="0.2">
      <c r="C1526" s="1106"/>
      <c r="D1526" s="1106"/>
      <c r="E1526" s="1106"/>
      <c r="F1526" s="1106"/>
      <c r="G1526" s="1106"/>
      <c r="H1526" s="1106"/>
      <c r="I1526" s="1106"/>
      <c r="J1526" s="1106"/>
      <c r="K1526" s="1106"/>
      <c r="L1526" s="1106"/>
      <c r="M1526" s="1106"/>
      <c r="N1526" s="1106"/>
      <c r="O1526" s="1106"/>
      <c r="AB1526" s="1106"/>
      <c r="AC1526" s="1106"/>
      <c r="AD1526" s="1106"/>
      <c r="AE1526" s="1106"/>
      <c r="AF1526" s="1106"/>
      <c r="AG1526" s="1106"/>
      <c r="AH1526" s="1106"/>
      <c r="AL1526" s="1106"/>
      <c r="AZ1526" s="1106"/>
      <c r="BA1526" s="1106"/>
      <c r="BB1526" s="1106"/>
      <c r="BC1526" s="1106"/>
      <c r="BD1526" s="1106"/>
      <c r="BE1526" s="1106"/>
      <c r="BF1526" s="1106"/>
      <c r="BG1526" s="1106"/>
      <c r="BH1526" s="1106"/>
      <c r="BI1526" s="1106"/>
      <c r="BJ1526" s="1106"/>
      <c r="BK1526" s="1106"/>
      <c r="BL1526" s="1106"/>
      <c r="BM1526" s="1106"/>
      <c r="BN1526" s="1106"/>
      <c r="BO1526" s="1106"/>
      <c r="BP1526" s="1106"/>
      <c r="BQ1526" s="1106"/>
      <c r="BR1526" s="1106"/>
      <c r="BS1526" s="1106"/>
      <c r="BT1526" s="1106"/>
      <c r="BU1526" s="1106"/>
      <c r="BV1526" s="1106"/>
      <c r="BW1526" s="1106"/>
      <c r="BX1526" s="1106"/>
      <c r="BY1526" s="1106"/>
      <c r="BZ1526" s="1106"/>
      <c r="CA1526" s="1106"/>
    </row>
    <row r="1527" spans="3:79" ht="9" customHeight="1" x14ac:dyDescent="0.2">
      <c r="C1527" s="1106"/>
      <c r="D1527" s="1106"/>
      <c r="E1527" s="1106"/>
      <c r="F1527" s="1106"/>
      <c r="G1527" s="1106"/>
      <c r="H1527" s="1106"/>
      <c r="I1527" s="1106"/>
      <c r="J1527" s="1106"/>
      <c r="K1527" s="1106"/>
      <c r="L1527" s="1106"/>
      <c r="M1527" s="1106"/>
      <c r="N1527" s="1106"/>
      <c r="O1527" s="1106"/>
      <c r="AB1527" s="1106"/>
      <c r="AC1527" s="1106"/>
      <c r="AD1527" s="1106"/>
      <c r="AE1527" s="1106"/>
      <c r="AF1527" s="1106"/>
      <c r="AG1527" s="1106"/>
      <c r="AH1527" s="1106"/>
      <c r="AL1527" s="1106"/>
      <c r="AZ1527" s="1106"/>
      <c r="BA1527" s="1106"/>
      <c r="BB1527" s="1106"/>
      <c r="BC1527" s="1106"/>
      <c r="BD1527" s="1106"/>
      <c r="BE1527" s="1106"/>
      <c r="BF1527" s="1106"/>
      <c r="BG1527" s="1106"/>
      <c r="BH1527" s="1106"/>
      <c r="BI1527" s="1106"/>
      <c r="BJ1527" s="1106"/>
      <c r="BK1527" s="1106"/>
      <c r="BL1527" s="1106"/>
      <c r="BM1527" s="1106"/>
      <c r="BN1527" s="1106"/>
      <c r="BO1527" s="1106"/>
      <c r="BP1527" s="1106"/>
      <c r="BQ1527" s="1106"/>
      <c r="BR1527" s="1106"/>
      <c r="BS1527" s="1106"/>
      <c r="BT1527" s="1106"/>
      <c r="BU1527" s="1106"/>
      <c r="BV1527" s="1106"/>
      <c r="BW1527" s="1106"/>
      <c r="BX1527" s="1106"/>
      <c r="BY1527" s="1106"/>
      <c r="BZ1527" s="1106"/>
      <c r="CA1527" s="1106"/>
    </row>
    <row r="1528" spans="3:79" ht="9" customHeight="1" x14ac:dyDescent="0.2">
      <c r="C1528" s="1106"/>
      <c r="D1528" s="1106"/>
      <c r="E1528" s="1106"/>
      <c r="F1528" s="1106"/>
      <c r="G1528" s="1106"/>
      <c r="H1528" s="1106"/>
      <c r="I1528" s="1106"/>
      <c r="J1528" s="1106"/>
      <c r="K1528" s="1106"/>
      <c r="L1528" s="1106"/>
      <c r="M1528" s="1106"/>
      <c r="N1528" s="1106"/>
      <c r="O1528" s="1106"/>
      <c r="U1528" s="1106"/>
      <c r="AB1528" s="1106"/>
      <c r="AC1528" s="1106"/>
      <c r="AD1528" s="1106"/>
      <c r="AE1528" s="1106"/>
      <c r="AF1528" s="1106"/>
      <c r="AG1528" s="1106"/>
      <c r="AH1528" s="1106"/>
      <c r="AL1528" s="1106"/>
      <c r="AT1528" s="1106"/>
      <c r="AU1528" s="1106"/>
      <c r="AV1528" s="1106"/>
      <c r="AW1528" s="1106"/>
      <c r="AX1528" s="1106"/>
      <c r="AY1528" s="1106"/>
      <c r="AZ1528" s="1106"/>
      <c r="BA1528" s="1106"/>
      <c r="BB1528" s="1106"/>
      <c r="BC1528" s="1106"/>
      <c r="BD1528" s="1106"/>
      <c r="BE1528" s="1106"/>
      <c r="BF1528" s="1106"/>
      <c r="BG1528" s="1106"/>
      <c r="BH1528" s="1106"/>
      <c r="BI1528" s="1106"/>
      <c r="BJ1528" s="1106"/>
      <c r="BK1528" s="1106"/>
      <c r="BL1528" s="1106"/>
      <c r="BM1528" s="1106"/>
      <c r="BN1528" s="1106"/>
      <c r="BO1528" s="1106"/>
      <c r="BP1528" s="1106"/>
      <c r="BQ1528" s="1106"/>
      <c r="BR1528" s="1106"/>
      <c r="BS1528" s="1106"/>
      <c r="BT1528" s="1106"/>
      <c r="BU1528" s="1106"/>
      <c r="BV1528" s="1106"/>
      <c r="BW1528" s="1106"/>
      <c r="BX1528" s="1106"/>
      <c r="BY1528" s="1106"/>
      <c r="BZ1528" s="1106"/>
      <c r="CA1528" s="1106"/>
    </row>
    <row r="1529" spans="3:79" ht="9" customHeight="1" x14ac:dyDescent="0.2">
      <c r="C1529" s="1106"/>
      <c r="D1529" s="1106"/>
      <c r="E1529" s="1106"/>
      <c r="F1529" s="1106"/>
      <c r="G1529" s="1106"/>
      <c r="H1529" s="1106"/>
      <c r="I1529" s="1106"/>
      <c r="J1529" s="1106"/>
      <c r="K1529" s="1106"/>
      <c r="L1529" s="1106"/>
      <c r="M1529" s="1106"/>
      <c r="N1529" s="1106"/>
      <c r="O1529" s="1106"/>
      <c r="U1529" s="1106"/>
      <c r="AB1529" s="1106"/>
      <c r="AC1529" s="1106"/>
      <c r="AD1529" s="1106"/>
      <c r="AE1529" s="1106"/>
      <c r="AF1529" s="1106"/>
      <c r="AG1529" s="1106"/>
      <c r="AH1529" s="1106"/>
      <c r="AL1529" s="1106"/>
      <c r="AO1529" s="1106"/>
      <c r="AP1529" s="1106"/>
      <c r="AT1529" s="1106"/>
      <c r="AU1529" s="1106"/>
      <c r="AV1529" s="1106"/>
      <c r="AW1529" s="1106"/>
      <c r="AX1529" s="1106"/>
      <c r="AY1529" s="1106"/>
      <c r="AZ1529" s="1106"/>
      <c r="BA1529" s="1106"/>
      <c r="BB1529" s="1106"/>
      <c r="BC1529" s="1106"/>
      <c r="BD1529" s="1106"/>
      <c r="BE1529" s="1106"/>
      <c r="BF1529" s="1106"/>
      <c r="BG1529" s="1106"/>
      <c r="BH1529" s="1106"/>
      <c r="BI1529" s="1106"/>
      <c r="BJ1529" s="1106"/>
      <c r="BK1529" s="1106"/>
      <c r="BL1529" s="1106"/>
      <c r="BM1529" s="1106"/>
      <c r="BN1529" s="1106"/>
      <c r="BO1529" s="1106"/>
      <c r="BP1529" s="1106"/>
      <c r="BQ1529" s="1106"/>
      <c r="BR1529" s="1106"/>
      <c r="BS1529" s="1106"/>
      <c r="BT1529" s="1106"/>
      <c r="BU1529" s="1106"/>
      <c r="BV1529" s="1106"/>
      <c r="BW1529" s="1106"/>
      <c r="BX1529" s="1106"/>
      <c r="BY1529" s="1106"/>
      <c r="BZ1529" s="1106"/>
      <c r="CA1529" s="1106"/>
    </row>
    <row r="1530" spans="3:79" ht="9" customHeight="1" x14ac:dyDescent="0.2">
      <c r="C1530" s="1106"/>
      <c r="D1530" s="1106"/>
      <c r="E1530" s="1106"/>
      <c r="F1530" s="1106"/>
      <c r="G1530" s="1106"/>
      <c r="H1530" s="1106"/>
      <c r="I1530" s="1106"/>
      <c r="J1530" s="1106"/>
      <c r="K1530" s="1106"/>
      <c r="L1530" s="1106"/>
      <c r="M1530" s="1106"/>
      <c r="N1530" s="1106"/>
      <c r="O1530" s="1106"/>
      <c r="U1530" s="1106"/>
      <c r="AB1530" s="1106"/>
      <c r="AC1530" s="1106"/>
      <c r="AD1530" s="1106"/>
      <c r="AE1530" s="1106"/>
      <c r="AF1530" s="1106"/>
      <c r="AG1530" s="1106"/>
      <c r="AH1530" s="1106"/>
      <c r="AL1530" s="1106"/>
      <c r="AT1530" s="1106"/>
      <c r="AU1530" s="1106"/>
      <c r="AV1530" s="1106"/>
      <c r="AW1530" s="1106"/>
      <c r="AX1530" s="1106"/>
      <c r="AY1530" s="1106"/>
      <c r="AZ1530" s="1106"/>
      <c r="BA1530" s="1106"/>
      <c r="BB1530" s="1106"/>
      <c r="BC1530" s="1106"/>
      <c r="BD1530" s="1106"/>
      <c r="BE1530" s="1106"/>
      <c r="BF1530" s="1106"/>
      <c r="BG1530" s="1106"/>
      <c r="BH1530" s="1106"/>
      <c r="BI1530" s="1106"/>
      <c r="BJ1530" s="1106"/>
      <c r="BK1530" s="1106"/>
      <c r="BL1530" s="1106"/>
      <c r="BM1530" s="1106"/>
      <c r="BN1530" s="1106"/>
      <c r="BO1530" s="1106"/>
      <c r="BP1530" s="1106"/>
      <c r="BQ1530" s="1106"/>
      <c r="BR1530" s="1106"/>
      <c r="BS1530" s="1106"/>
      <c r="BT1530" s="1106"/>
      <c r="BU1530" s="1106"/>
      <c r="BV1530" s="1106"/>
      <c r="BW1530" s="1106"/>
      <c r="BX1530" s="1106"/>
      <c r="BY1530" s="1106"/>
      <c r="BZ1530" s="1106"/>
      <c r="CA1530" s="1106"/>
    </row>
    <row r="1531" spans="3:79" ht="9" customHeight="1" x14ac:dyDescent="0.2">
      <c r="C1531" s="1106"/>
      <c r="D1531" s="1106"/>
      <c r="E1531" s="1106"/>
      <c r="F1531" s="1106"/>
      <c r="G1531" s="1106"/>
      <c r="H1531" s="1106"/>
      <c r="I1531" s="1106"/>
      <c r="J1531" s="1106"/>
      <c r="K1531" s="1106"/>
      <c r="L1531" s="1106"/>
      <c r="M1531" s="1106"/>
      <c r="N1531" s="1106"/>
      <c r="O1531" s="1106"/>
      <c r="AB1531" s="1106"/>
      <c r="AC1531" s="1106"/>
      <c r="AD1531" s="1106"/>
      <c r="AE1531" s="1106"/>
      <c r="AF1531" s="1106"/>
      <c r="AG1531" s="1106"/>
      <c r="AH1531" s="1106"/>
      <c r="AL1531" s="1106"/>
      <c r="AZ1531" s="1106"/>
      <c r="BA1531" s="1106"/>
      <c r="BB1531" s="1106"/>
      <c r="BC1531" s="1106"/>
      <c r="BD1531" s="1106"/>
      <c r="BE1531" s="1106"/>
      <c r="BF1531" s="1106"/>
      <c r="BG1531" s="1106"/>
      <c r="BH1531" s="1106"/>
      <c r="BI1531" s="1106"/>
      <c r="BJ1531" s="1106"/>
      <c r="BK1531" s="1106"/>
      <c r="BL1531" s="1106"/>
      <c r="BM1531" s="1106"/>
      <c r="BN1531" s="1106"/>
      <c r="BO1531" s="1106"/>
      <c r="BP1531" s="1106"/>
      <c r="BQ1531" s="1106"/>
      <c r="BR1531" s="1106"/>
      <c r="BS1531" s="1106"/>
      <c r="BT1531" s="1106"/>
      <c r="BU1531" s="1106"/>
      <c r="BV1531" s="1106"/>
      <c r="BW1531" s="1106"/>
      <c r="BX1531" s="1106"/>
      <c r="BY1531" s="1106"/>
      <c r="BZ1531" s="1106"/>
      <c r="CA1531" s="1106"/>
    </row>
    <row r="1532" spans="3:79" ht="9" customHeight="1" x14ac:dyDescent="0.2">
      <c r="C1532" s="1106"/>
      <c r="D1532" s="1106"/>
      <c r="E1532" s="1106"/>
      <c r="F1532" s="1106"/>
      <c r="G1532" s="1106"/>
      <c r="H1532" s="1106"/>
      <c r="I1532" s="1106"/>
      <c r="J1532" s="1106"/>
      <c r="K1532" s="1106"/>
      <c r="L1532" s="1106"/>
      <c r="M1532" s="1106"/>
      <c r="N1532" s="1106"/>
      <c r="O1532" s="1106"/>
      <c r="AB1532" s="1106"/>
      <c r="AC1532" s="1106"/>
      <c r="AD1532" s="1106"/>
      <c r="AE1532" s="1106"/>
      <c r="AF1532" s="1106"/>
      <c r="AG1532" s="1106"/>
      <c r="AH1532" s="1106"/>
      <c r="AL1532" s="1106"/>
      <c r="AZ1532" s="1106"/>
      <c r="BA1532" s="1106"/>
      <c r="BB1532" s="1106"/>
      <c r="BC1532" s="1106"/>
      <c r="BD1532" s="1106"/>
      <c r="BE1532" s="1106"/>
      <c r="BF1532" s="1106"/>
      <c r="BG1532" s="1106"/>
      <c r="BH1532" s="1106"/>
      <c r="BI1532" s="1106"/>
      <c r="BJ1532" s="1106"/>
      <c r="BK1532" s="1106"/>
      <c r="BL1532" s="1106"/>
      <c r="BM1532" s="1106"/>
      <c r="BN1532" s="1106"/>
      <c r="BO1532" s="1106"/>
      <c r="BP1532" s="1106"/>
      <c r="BQ1532" s="1106"/>
      <c r="BR1532" s="1106"/>
      <c r="BS1532" s="1106"/>
      <c r="BT1532" s="1106"/>
      <c r="BU1532" s="1106"/>
      <c r="BV1532" s="1106"/>
      <c r="BW1532" s="1106"/>
      <c r="BX1532" s="1106"/>
      <c r="BY1532" s="1106"/>
      <c r="BZ1532" s="1106"/>
      <c r="CA1532" s="1106"/>
    </row>
    <row r="1533" spans="3:79" ht="9" customHeight="1" x14ac:dyDescent="0.2">
      <c r="C1533" s="1106"/>
      <c r="D1533" s="1106"/>
      <c r="E1533" s="1106"/>
      <c r="F1533" s="1106"/>
      <c r="G1533" s="1106"/>
      <c r="H1533" s="1106"/>
      <c r="I1533" s="1106"/>
      <c r="J1533" s="1106"/>
      <c r="K1533" s="1106"/>
      <c r="L1533" s="1106"/>
      <c r="M1533" s="1106"/>
      <c r="N1533" s="1106"/>
      <c r="O1533" s="1106"/>
      <c r="AB1533" s="1106"/>
      <c r="AC1533" s="1106"/>
      <c r="AD1533" s="1106"/>
      <c r="AE1533" s="1106"/>
      <c r="AF1533" s="1106"/>
      <c r="AG1533" s="1106"/>
      <c r="AH1533" s="1106"/>
      <c r="AL1533" s="1106"/>
      <c r="AZ1533" s="1106"/>
      <c r="BA1533" s="1106"/>
      <c r="BB1533" s="1106"/>
      <c r="BC1533" s="1106"/>
      <c r="BD1533" s="1106"/>
      <c r="BE1533" s="1106"/>
      <c r="BF1533" s="1106"/>
      <c r="BG1533" s="1106"/>
      <c r="BH1533" s="1106"/>
      <c r="BI1533" s="1106"/>
      <c r="BJ1533" s="1106"/>
      <c r="BK1533" s="1106"/>
      <c r="BL1533" s="1106"/>
      <c r="BM1533" s="1106"/>
      <c r="BN1533" s="1106"/>
      <c r="BO1533" s="1106"/>
      <c r="BP1533" s="1106"/>
      <c r="BQ1533" s="1106"/>
      <c r="BR1533" s="1106"/>
      <c r="BS1533" s="1106"/>
      <c r="BT1533" s="1106"/>
      <c r="BU1533" s="1106"/>
      <c r="BV1533" s="1106"/>
      <c r="BW1533" s="1106"/>
      <c r="BX1533" s="1106"/>
      <c r="BY1533" s="1106"/>
      <c r="BZ1533" s="1106"/>
      <c r="CA1533" s="1106"/>
    </row>
    <row r="1534" spans="3:79" ht="9" customHeight="1" x14ac:dyDescent="0.2">
      <c r="C1534" s="1106"/>
      <c r="D1534" s="1106"/>
      <c r="E1534" s="1106"/>
      <c r="F1534" s="1106"/>
      <c r="G1534" s="1106"/>
      <c r="H1534" s="1106"/>
      <c r="I1534" s="1106"/>
      <c r="J1534" s="1106"/>
      <c r="K1534" s="1106"/>
      <c r="L1534" s="1106"/>
      <c r="M1534" s="1106"/>
      <c r="N1534" s="1106"/>
      <c r="O1534" s="1106"/>
      <c r="U1534" s="1106"/>
      <c r="AB1534" s="1106"/>
      <c r="AC1534" s="1106"/>
      <c r="AD1534" s="1106"/>
      <c r="AE1534" s="1106"/>
      <c r="AF1534" s="1106"/>
      <c r="AG1534" s="1106"/>
      <c r="AH1534" s="1106"/>
      <c r="AL1534" s="1106"/>
      <c r="AT1534" s="1106"/>
      <c r="AU1534" s="1106"/>
      <c r="AV1534" s="1106"/>
      <c r="AW1534" s="1106"/>
      <c r="AX1534" s="1106"/>
      <c r="AY1534" s="1106"/>
      <c r="AZ1534" s="1106"/>
      <c r="BA1534" s="1106"/>
      <c r="BB1534" s="1106"/>
      <c r="BC1534" s="1106"/>
      <c r="BD1534" s="1106"/>
      <c r="BE1534" s="1106"/>
      <c r="BF1534" s="1106"/>
      <c r="BG1534" s="1106"/>
      <c r="BH1534" s="1106"/>
      <c r="BI1534" s="1106"/>
      <c r="BJ1534" s="1106"/>
      <c r="BK1534" s="1106"/>
      <c r="BL1534" s="1106"/>
      <c r="BM1534" s="1106"/>
      <c r="BN1534" s="1106"/>
      <c r="BO1534" s="1106"/>
      <c r="BP1534" s="1106"/>
      <c r="BQ1534" s="1106"/>
      <c r="BR1534" s="1106"/>
      <c r="BS1534" s="1106"/>
      <c r="BT1534" s="1106"/>
      <c r="BU1534" s="1106"/>
      <c r="BV1534" s="1106"/>
      <c r="BW1534" s="1106"/>
      <c r="BX1534" s="1106"/>
      <c r="BY1534" s="1106"/>
      <c r="BZ1534" s="1106"/>
      <c r="CA1534" s="1106"/>
    </row>
    <row r="1535" spans="3:79" ht="9" customHeight="1" x14ac:dyDescent="0.2">
      <c r="C1535" s="1106"/>
      <c r="D1535" s="1106"/>
      <c r="E1535" s="1106"/>
      <c r="F1535" s="1106"/>
      <c r="G1535" s="1106"/>
      <c r="H1535" s="1106"/>
      <c r="I1535" s="1106"/>
      <c r="J1535" s="1106"/>
      <c r="K1535" s="1106"/>
      <c r="L1535" s="1106"/>
      <c r="M1535" s="1106"/>
      <c r="N1535" s="1106"/>
      <c r="O1535" s="1106"/>
      <c r="U1535" s="1106"/>
      <c r="AB1535" s="1106"/>
      <c r="AC1535" s="1106"/>
      <c r="AD1535" s="1106"/>
      <c r="AE1535" s="1106"/>
      <c r="AF1535" s="1106"/>
      <c r="AG1535" s="1106"/>
      <c r="AH1535" s="1106"/>
      <c r="AL1535" s="1106"/>
      <c r="AO1535" s="1106"/>
      <c r="AP1535" s="1106"/>
      <c r="AT1535" s="1106"/>
      <c r="AU1535" s="1106"/>
      <c r="AV1535" s="1106"/>
      <c r="AW1535" s="1106"/>
      <c r="AX1535" s="1106"/>
      <c r="AY1535" s="1106"/>
      <c r="AZ1535" s="1106"/>
      <c r="BA1535" s="1106"/>
      <c r="BB1535" s="1106"/>
      <c r="BC1535" s="1106"/>
      <c r="BD1535" s="1106"/>
      <c r="BE1535" s="1106"/>
      <c r="BF1535" s="1106"/>
      <c r="BG1535" s="1106"/>
      <c r="BH1535" s="1106"/>
      <c r="BI1535" s="1106"/>
      <c r="BJ1535" s="1106"/>
      <c r="BK1535" s="1106"/>
      <c r="BL1535" s="1106"/>
      <c r="BM1535" s="1106"/>
      <c r="BN1535" s="1106"/>
      <c r="BO1535" s="1106"/>
      <c r="BP1535" s="1106"/>
      <c r="BQ1535" s="1106"/>
      <c r="BR1535" s="1106"/>
      <c r="BS1535" s="1106"/>
      <c r="BT1535" s="1106"/>
      <c r="BU1535" s="1106"/>
      <c r="BV1535" s="1106"/>
      <c r="BW1535" s="1106"/>
      <c r="BX1535" s="1106"/>
      <c r="BY1535" s="1106"/>
      <c r="BZ1535" s="1106"/>
      <c r="CA1535" s="1106"/>
    </row>
    <row r="1536" spans="3:79" ht="9" customHeight="1" x14ac:dyDescent="0.2">
      <c r="C1536" s="1106"/>
      <c r="D1536" s="1106"/>
      <c r="E1536" s="1106"/>
      <c r="F1536" s="1106"/>
      <c r="G1536" s="1106"/>
      <c r="H1536" s="1106"/>
      <c r="I1536" s="1106"/>
      <c r="J1536" s="1106"/>
      <c r="K1536" s="1106"/>
      <c r="L1536" s="1106"/>
      <c r="M1536" s="1106"/>
      <c r="N1536" s="1106"/>
      <c r="O1536" s="1106"/>
      <c r="U1536" s="1106"/>
      <c r="AB1536" s="1106"/>
      <c r="AC1536" s="1106"/>
      <c r="AD1536" s="1106"/>
      <c r="AE1536" s="1106"/>
      <c r="AF1536" s="1106"/>
      <c r="AG1536" s="1106"/>
      <c r="AH1536" s="1106"/>
      <c r="AL1536" s="1106"/>
      <c r="AT1536" s="1106"/>
      <c r="AU1536" s="1106"/>
      <c r="AV1536" s="1106"/>
      <c r="AW1536" s="1106"/>
      <c r="AX1536" s="1106"/>
      <c r="AY1536" s="1106"/>
      <c r="AZ1536" s="1106"/>
      <c r="BA1536" s="1106"/>
      <c r="BB1536" s="1106"/>
      <c r="BC1536" s="1106"/>
      <c r="BD1536" s="1106"/>
      <c r="BE1536" s="1106"/>
      <c r="BF1536" s="1106"/>
      <c r="BG1536" s="1106"/>
      <c r="BH1536" s="1106"/>
      <c r="BI1536" s="1106"/>
      <c r="BJ1536" s="1106"/>
      <c r="BK1536" s="1106"/>
      <c r="BL1536" s="1106"/>
      <c r="BM1536" s="1106"/>
      <c r="BN1536" s="1106"/>
      <c r="BO1536" s="1106"/>
      <c r="BP1536" s="1106"/>
      <c r="BQ1536" s="1106"/>
      <c r="BR1536" s="1106"/>
      <c r="BS1536" s="1106"/>
      <c r="BT1536" s="1106"/>
      <c r="BU1536" s="1106"/>
      <c r="BV1536" s="1106"/>
      <c r="BW1536" s="1106"/>
      <c r="BX1536" s="1106"/>
      <c r="BY1536" s="1106"/>
      <c r="BZ1536" s="1106"/>
      <c r="CA1536" s="1106"/>
    </row>
    <row r="1537" spans="3:79" ht="9" customHeight="1" x14ac:dyDescent="0.2">
      <c r="C1537" s="1106"/>
      <c r="D1537" s="1106"/>
      <c r="E1537" s="1106"/>
      <c r="F1537" s="1106"/>
      <c r="G1537" s="1106"/>
      <c r="H1537" s="1106"/>
      <c r="I1537" s="1106"/>
      <c r="J1537" s="1106"/>
      <c r="K1537" s="1106"/>
      <c r="L1537" s="1106"/>
      <c r="M1537" s="1106"/>
      <c r="N1537" s="1106"/>
      <c r="O1537" s="1106"/>
      <c r="AB1537" s="1106"/>
      <c r="AC1537" s="1106"/>
      <c r="AD1537" s="1106"/>
      <c r="AE1537" s="1106"/>
      <c r="AF1537" s="1106"/>
      <c r="AG1537" s="1106"/>
      <c r="AH1537" s="1106"/>
      <c r="AL1537" s="1106"/>
      <c r="AZ1537" s="1106"/>
      <c r="BA1537" s="1106"/>
      <c r="BB1537" s="1106"/>
      <c r="BC1537" s="1106"/>
      <c r="BD1537" s="1106"/>
      <c r="BE1537" s="1106"/>
      <c r="BF1537" s="1106"/>
      <c r="BG1537" s="1106"/>
      <c r="BH1537" s="1106"/>
      <c r="BI1537" s="1106"/>
      <c r="BJ1537" s="1106"/>
      <c r="BK1537" s="1106"/>
      <c r="BL1537" s="1106"/>
      <c r="BM1537" s="1106"/>
      <c r="BN1537" s="1106"/>
      <c r="BO1537" s="1106"/>
      <c r="BP1537" s="1106"/>
      <c r="BQ1537" s="1106"/>
      <c r="BR1537" s="1106"/>
      <c r="BS1537" s="1106"/>
      <c r="BT1537" s="1106"/>
      <c r="BU1537" s="1106"/>
      <c r="BV1537" s="1106"/>
      <c r="BW1537" s="1106"/>
      <c r="BX1537" s="1106"/>
      <c r="BY1537" s="1106"/>
      <c r="BZ1537" s="1106"/>
      <c r="CA1537" s="1106"/>
    </row>
    <row r="1538" spans="3:79" ht="9" customHeight="1" x14ac:dyDescent="0.2">
      <c r="C1538" s="1106"/>
      <c r="D1538" s="1106"/>
      <c r="E1538" s="1106"/>
      <c r="F1538" s="1106"/>
      <c r="G1538" s="1106"/>
      <c r="H1538" s="1106"/>
      <c r="I1538" s="1106"/>
      <c r="J1538" s="1106"/>
      <c r="K1538" s="1106"/>
      <c r="L1538" s="1106"/>
      <c r="M1538" s="1106"/>
      <c r="N1538" s="1106"/>
      <c r="O1538" s="1106"/>
      <c r="AB1538" s="1106"/>
      <c r="AC1538" s="1106"/>
      <c r="AD1538" s="1106"/>
      <c r="AE1538" s="1106"/>
      <c r="AF1538" s="1106"/>
      <c r="AG1538" s="1106"/>
      <c r="AH1538" s="1106"/>
      <c r="AL1538" s="1106"/>
      <c r="AZ1538" s="1106"/>
      <c r="BA1538" s="1106"/>
      <c r="BB1538" s="1106"/>
      <c r="BC1538" s="1106"/>
      <c r="BD1538" s="1106"/>
      <c r="BE1538" s="1106"/>
      <c r="BF1538" s="1106"/>
      <c r="BG1538" s="1106"/>
      <c r="BH1538" s="1106"/>
      <c r="BI1538" s="1106"/>
      <c r="BJ1538" s="1106"/>
      <c r="BK1538" s="1106"/>
      <c r="BL1538" s="1106"/>
      <c r="BM1538" s="1106"/>
      <c r="BN1538" s="1106"/>
      <c r="BO1538" s="1106"/>
      <c r="BP1538" s="1106"/>
      <c r="BQ1538" s="1106"/>
      <c r="BR1538" s="1106"/>
      <c r="BS1538" s="1106"/>
      <c r="BT1538" s="1106"/>
      <c r="BU1538" s="1106"/>
      <c r="BV1538" s="1106"/>
      <c r="BW1538" s="1106"/>
      <c r="BX1538" s="1106"/>
      <c r="BY1538" s="1106"/>
      <c r="BZ1538" s="1106"/>
      <c r="CA1538" s="1106"/>
    </row>
    <row r="1539" spans="3:79" ht="9" customHeight="1" x14ac:dyDescent="0.2">
      <c r="C1539" s="1106"/>
      <c r="D1539" s="1106"/>
      <c r="E1539" s="1106"/>
      <c r="F1539" s="1106"/>
      <c r="G1539" s="1106"/>
      <c r="H1539" s="1106"/>
      <c r="I1539" s="1106"/>
      <c r="J1539" s="1106"/>
      <c r="K1539" s="1106"/>
      <c r="L1539" s="1106"/>
      <c r="M1539" s="1106"/>
      <c r="N1539" s="1106"/>
      <c r="O1539" s="1106"/>
      <c r="AB1539" s="1106"/>
      <c r="AC1539" s="1106"/>
      <c r="AD1539" s="1106"/>
      <c r="AE1539" s="1106"/>
      <c r="AF1539" s="1106"/>
      <c r="AG1539" s="1106"/>
      <c r="AH1539" s="1106"/>
      <c r="AL1539" s="1106"/>
      <c r="AZ1539" s="1106"/>
      <c r="BA1539" s="1106"/>
      <c r="BB1539" s="1106"/>
      <c r="BC1539" s="1106"/>
      <c r="BD1539" s="1106"/>
      <c r="BE1539" s="1106"/>
      <c r="BF1539" s="1106"/>
      <c r="BG1539" s="1106"/>
      <c r="BH1539" s="1106"/>
      <c r="BI1539" s="1106"/>
      <c r="BJ1539" s="1106"/>
      <c r="BK1539" s="1106"/>
      <c r="BL1539" s="1106"/>
      <c r="BM1539" s="1106"/>
      <c r="BN1539" s="1106"/>
      <c r="BO1539" s="1106"/>
      <c r="BP1539" s="1106"/>
      <c r="BQ1539" s="1106"/>
      <c r="BR1539" s="1106"/>
      <c r="BS1539" s="1106"/>
      <c r="BT1539" s="1106"/>
      <c r="BU1539" s="1106"/>
      <c r="BV1539" s="1106"/>
      <c r="BW1539" s="1106"/>
      <c r="BX1539" s="1106"/>
      <c r="BY1539" s="1106"/>
      <c r="BZ1539" s="1106"/>
      <c r="CA1539" s="1106"/>
    </row>
    <row r="1540" spans="3:79" ht="9" customHeight="1" x14ac:dyDescent="0.2">
      <c r="C1540" s="1106"/>
      <c r="D1540" s="1106"/>
      <c r="E1540" s="1106"/>
      <c r="F1540" s="1106"/>
      <c r="G1540" s="1106"/>
      <c r="H1540" s="1106"/>
      <c r="I1540" s="1106"/>
      <c r="J1540" s="1106"/>
      <c r="K1540" s="1106"/>
      <c r="L1540" s="1106"/>
      <c r="M1540" s="1106"/>
      <c r="N1540" s="1106"/>
      <c r="O1540" s="1106"/>
      <c r="U1540" s="1106"/>
      <c r="AB1540" s="1106"/>
      <c r="AC1540" s="1106"/>
      <c r="AD1540" s="1106"/>
      <c r="AE1540" s="1106"/>
      <c r="AF1540" s="1106"/>
      <c r="AG1540" s="1106"/>
      <c r="AH1540" s="1106"/>
      <c r="AL1540" s="1106"/>
      <c r="AT1540" s="1106"/>
      <c r="AU1540" s="1106"/>
      <c r="AV1540" s="1106"/>
      <c r="AW1540" s="1106"/>
      <c r="AX1540" s="1106"/>
      <c r="AY1540" s="1106"/>
      <c r="AZ1540" s="1106"/>
      <c r="BA1540" s="1106"/>
      <c r="BB1540" s="1106"/>
      <c r="BC1540" s="1106"/>
      <c r="BD1540" s="1106"/>
      <c r="BE1540" s="1106"/>
      <c r="BF1540" s="1106"/>
      <c r="BG1540" s="1106"/>
      <c r="BH1540" s="1106"/>
      <c r="BI1540" s="1106"/>
      <c r="BJ1540" s="1106"/>
      <c r="BK1540" s="1106"/>
      <c r="BL1540" s="1106"/>
      <c r="BM1540" s="1106"/>
      <c r="BN1540" s="1106"/>
      <c r="BO1540" s="1106"/>
      <c r="BP1540" s="1106"/>
      <c r="BQ1540" s="1106"/>
      <c r="BR1540" s="1106"/>
      <c r="BS1540" s="1106"/>
      <c r="BT1540" s="1106"/>
      <c r="BU1540" s="1106"/>
      <c r="BV1540" s="1106"/>
      <c r="BW1540" s="1106"/>
      <c r="BX1540" s="1106"/>
      <c r="BY1540" s="1106"/>
      <c r="BZ1540" s="1106"/>
      <c r="CA1540" s="1106"/>
    </row>
    <row r="1541" spans="3:79" ht="9" customHeight="1" x14ac:dyDescent="0.2">
      <c r="C1541" s="1106"/>
      <c r="D1541" s="1106"/>
      <c r="E1541" s="1106"/>
      <c r="F1541" s="1106"/>
      <c r="G1541" s="1106"/>
      <c r="H1541" s="1106"/>
      <c r="I1541" s="1106"/>
      <c r="J1541" s="1106"/>
      <c r="K1541" s="1106"/>
      <c r="L1541" s="1106"/>
      <c r="M1541" s="1106"/>
      <c r="N1541" s="1106"/>
      <c r="O1541" s="1106"/>
      <c r="U1541" s="1106"/>
      <c r="AB1541" s="1106"/>
      <c r="AC1541" s="1106"/>
      <c r="AD1541" s="1106"/>
      <c r="AE1541" s="1106"/>
      <c r="AF1541" s="1106"/>
      <c r="AG1541" s="1106"/>
      <c r="AH1541" s="1106"/>
      <c r="AL1541" s="1106"/>
      <c r="AO1541" s="1106"/>
      <c r="AP1541" s="1106"/>
      <c r="AT1541" s="1106"/>
      <c r="AU1541" s="1106"/>
      <c r="AV1541" s="1106"/>
      <c r="AW1541" s="1106"/>
      <c r="AX1541" s="1106"/>
      <c r="AY1541" s="1106"/>
      <c r="AZ1541" s="1106"/>
      <c r="BA1541" s="1106"/>
      <c r="BB1541" s="1106"/>
      <c r="BC1541" s="1106"/>
      <c r="BD1541" s="1106"/>
      <c r="BE1541" s="1106"/>
      <c r="BF1541" s="1106"/>
      <c r="BG1541" s="1106"/>
      <c r="BH1541" s="1106"/>
      <c r="BI1541" s="1106"/>
      <c r="BJ1541" s="1106"/>
      <c r="BK1541" s="1106"/>
      <c r="BL1541" s="1106"/>
      <c r="BM1541" s="1106"/>
      <c r="BN1541" s="1106"/>
      <c r="BO1541" s="1106"/>
      <c r="BP1541" s="1106"/>
      <c r="BQ1541" s="1106"/>
      <c r="BR1541" s="1106"/>
      <c r="BS1541" s="1106"/>
      <c r="BT1541" s="1106"/>
      <c r="BU1541" s="1106"/>
      <c r="BV1541" s="1106"/>
      <c r="BW1541" s="1106"/>
      <c r="BX1541" s="1106"/>
      <c r="BY1541" s="1106"/>
      <c r="BZ1541" s="1106"/>
      <c r="CA1541" s="1106"/>
    </row>
    <row r="1542" spans="3:79" ht="9" customHeight="1" x14ac:dyDescent="0.2">
      <c r="C1542" s="1106"/>
      <c r="D1542" s="1106"/>
      <c r="E1542" s="1106"/>
      <c r="F1542" s="1106"/>
      <c r="G1542" s="1106"/>
      <c r="H1542" s="1106"/>
      <c r="I1542" s="1106"/>
      <c r="J1542" s="1106"/>
      <c r="K1542" s="1106"/>
      <c r="L1542" s="1106"/>
      <c r="M1542" s="1106"/>
      <c r="N1542" s="1106"/>
      <c r="O1542" s="1106"/>
      <c r="U1542" s="1106"/>
      <c r="AB1542" s="1106"/>
      <c r="AC1542" s="1106"/>
      <c r="AD1542" s="1106"/>
      <c r="AE1542" s="1106"/>
      <c r="AF1542" s="1106"/>
      <c r="AG1542" s="1106"/>
      <c r="AH1542" s="1106"/>
      <c r="AL1542" s="1106"/>
      <c r="AT1542" s="1106"/>
      <c r="AU1542" s="1106"/>
      <c r="AV1542" s="1106"/>
      <c r="AW1542" s="1106"/>
      <c r="AX1542" s="1106"/>
      <c r="AY1542" s="1106"/>
      <c r="AZ1542" s="1106"/>
      <c r="BA1542" s="1106"/>
      <c r="BB1542" s="1106"/>
      <c r="BC1542" s="1106"/>
      <c r="BD1542" s="1106"/>
      <c r="BE1542" s="1106"/>
      <c r="BF1542" s="1106"/>
      <c r="BG1542" s="1106"/>
      <c r="BH1542" s="1106"/>
      <c r="BI1542" s="1106"/>
      <c r="BJ1542" s="1106"/>
      <c r="BK1542" s="1106"/>
      <c r="BL1542" s="1106"/>
      <c r="BM1542" s="1106"/>
      <c r="BN1542" s="1106"/>
      <c r="BO1542" s="1106"/>
      <c r="BP1542" s="1106"/>
      <c r="BQ1542" s="1106"/>
      <c r="BR1542" s="1106"/>
      <c r="BS1542" s="1106"/>
      <c r="BT1542" s="1106"/>
      <c r="BU1542" s="1106"/>
      <c r="BV1542" s="1106"/>
      <c r="BW1542" s="1106"/>
      <c r="BX1542" s="1106"/>
      <c r="BY1542" s="1106"/>
      <c r="BZ1542" s="1106"/>
      <c r="CA1542" s="1106"/>
    </row>
    <row r="1543" spans="3:79" ht="9" customHeight="1" x14ac:dyDescent="0.2">
      <c r="C1543" s="1106"/>
      <c r="D1543" s="1106"/>
      <c r="E1543" s="1106"/>
      <c r="F1543" s="1106"/>
      <c r="G1543" s="1106"/>
      <c r="H1543" s="1106"/>
      <c r="I1543" s="1106"/>
      <c r="J1543" s="1106"/>
      <c r="K1543" s="1106"/>
      <c r="L1543" s="1106"/>
      <c r="M1543" s="1106"/>
      <c r="N1543" s="1106"/>
      <c r="O1543" s="1106"/>
      <c r="AB1543" s="1106"/>
      <c r="AC1543" s="1106"/>
      <c r="AD1543" s="1106"/>
      <c r="AE1543" s="1106"/>
      <c r="AF1543" s="1106"/>
      <c r="AG1543" s="1106"/>
      <c r="AH1543" s="1106"/>
      <c r="AL1543" s="1106"/>
      <c r="AZ1543" s="1106"/>
      <c r="BA1543" s="1106"/>
      <c r="BB1543" s="1106"/>
      <c r="BC1543" s="1106"/>
      <c r="BD1543" s="1106"/>
      <c r="BE1543" s="1106"/>
      <c r="BF1543" s="1106"/>
      <c r="BG1543" s="1106"/>
      <c r="BH1543" s="1106"/>
      <c r="BI1543" s="1106"/>
      <c r="BJ1543" s="1106"/>
      <c r="BK1543" s="1106"/>
      <c r="BL1543" s="1106"/>
      <c r="BM1543" s="1106"/>
      <c r="BN1543" s="1106"/>
      <c r="BO1543" s="1106"/>
      <c r="BP1543" s="1106"/>
      <c r="BQ1543" s="1106"/>
      <c r="BR1543" s="1106"/>
      <c r="BS1543" s="1106"/>
      <c r="BT1543" s="1106"/>
      <c r="BU1543" s="1106"/>
      <c r="BV1543" s="1106"/>
      <c r="BW1543" s="1106"/>
      <c r="BX1543" s="1106"/>
      <c r="BY1543" s="1106"/>
      <c r="BZ1543" s="1106"/>
      <c r="CA1543" s="1106"/>
    </row>
    <row r="1544" spans="3:79" ht="9" customHeight="1" x14ac:dyDescent="0.2">
      <c r="C1544" s="1106"/>
      <c r="D1544" s="1106"/>
      <c r="E1544" s="1106"/>
      <c r="F1544" s="1106"/>
      <c r="G1544" s="1106"/>
      <c r="H1544" s="1106"/>
      <c r="I1544" s="1106"/>
      <c r="J1544" s="1106"/>
      <c r="K1544" s="1106"/>
      <c r="L1544" s="1106"/>
      <c r="M1544" s="1106"/>
      <c r="N1544" s="1106"/>
      <c r="O1544" s="1106"/>
      <c r="AB1544" s="1106"/>
      <c r="AC1544" s="1106"/>
      <c r="AD1544" s="1106"/>
      <c r="AE1544" s="1106"/>
      <c r="AF1544" s="1106"/>
      <c r="AG1544" s="1106"/>
      <c r="AH1544" s="1106"/>
      <c r="AL1544" s="1106"/>
      <c r="AZ1544" s="1106"/>
      <c r="BA1544" s="1106"/>
      <c r="BB1544" s="1106"/>
      <c r="BC1544" s="1106"/>
      <c r="BD1544" s="1106"/>
      <c r="BE1544" s="1106"/>
      <c r="BF1544" s="1106"/>
      <c r="BG1544" s="1106"/>
      <c r="BH1544" s="1106"/>
      <c r="BI1544" s="1106"/>
      <c r="BJ1544" s="1106"/>
      <c r="BK1544" s="1106"/>
      <c r="BL1544" s="1106"/>
      <c r="BM1544" s="1106"/>
      <c r="BN1544" s="1106"/>
      <c r="BO1544" s="1106"/>
      <c r="BP1544" s="1106"/>
      <c r="BQ1544" s="1106"/>
      <c r="BR1544" s="1106"/>
      <c r="BS1544" s="1106"/>
      <c r="BT1544" s="1106"/>
      <c r="BU1544" s="1106"/>
      <c r="BV1544" s="1106"/>
      <c r="BW1544" s="1106"/>
      <c r="BX1544" s="1106"/>
      <c r="BY1544" s="1106"/>
      <c r="BZ1544" s="1106"/>
      <c r="CA1544" s="1106"/>
    </row>
    <row r="1545" spans="3:79" ht="9" customHeight="1" x14ac:dyDescent="0.2">
      <c r="C1545" s="1106"/>
      <c r="D1545" s="1106"/>
      <c r="E1545" s="1106"/>
      <c r="F1545" s="1106"/>
      <c r="G1545" s="1106"/>
      <c r="H1545" s="1106"/>
      <c r="I1545" s="1106"/>
      <c r="J1545" s="1106"/>
      <c r="K1545" s="1106"/>
      <c r="L1545" s="1106"/>
      <c r="M1545" s="1106"/>
      <c r="N1545" s="1106"/>
      <c r="O1545" s="1106"/>
      <c r="AB1545" s="1106"/>
      <c r="AC1545" s="1106"/>
      <c r="AD1545" s="1106"/>
      <c r="AE1545" s="1106"/>
      <c r="AF1545" s="1106"/>
      <c r="AG1545" s="1106"/>
      <c r="AH1545" s="1106"/>
      <c r="AL1545" s="1106"/>
      <c r="AZ1545" s="1106"/>
      <c r="BA1545" s="1106"/>
      <c r="BB1545" s="1106"/>
      <c r="BC1545" s="1106"/>
      <c r="BD1545" s="1106"/>
      <c r="BE1545" s="1106"/>
      <c r="BF1545" s="1106"/>
      <c r="BG1545" s="1106"/>
      <c r="BH1545" s="1106"/>
      <c r="BI1545" s="1106"/>
      <c r="BJ1545" s="1106"/>
      <c r="BK1545" s="1106"/>
      <c r="BL1545" s="1106"/>
      <c r="BM1545" s="1106"/>
      <c r="BN1545" s="1106"/>
      <c r="BO1545" s="1106"/>
      <c r="BP1545" s="1106"/>
      <c r="BQ1545" s="1106"/>
      <c r="BR1545" s="1106"/>
      <c r="BS1545" s="1106"/>
      <c r="BT1545" s="1106"/>
      <c r="BU1545" s="1106"/>
      <c r="BV1545" s="1106"/>
      <c r="BW1545" s="1106"/>
      <c r="BX1545" s="1106"/>
      <c r="BY1545" s="1106"/>
      <c r="BZ1545" s="1106"/>
      <c r="CA1545" s="1106"/>
    </row>
    <row r="1546" spans="3:79" ht="9" customHeight="1" x14ac:dyDescent="0.2">
      <c r="C1546" s="1106"/>
      <c r="D1546" s="1106"/>
      <c r="E1546" s="1106"/>
      <c r="F1546" s="1106"/>
      <c r="G1546" s="1106"/>
      <c r="H1546" s="1106"/>
      <c r="I1546" s="1106"/>
      <c r="J1546" s="1106"/>
      <c r="K1546" s="1106"/>
      <c r="L1546" s="1106"/>
      <c r="M1546" s="1106"/>
      <c r="N1546" s="1106"/>
      <c r="O1546" s="1106"/>
      <c r="U1546" s="1106"/>
      <c r="AB1546" s="1106"/>
      <c r="AC1546" s="1106"/>
      <c r="AD1546" s="1106"/>
      <c r="AE1546" s="1106"/>
      <c r="AF1546" s="1106"/>
      <c r="AG1546" s="1106"/>
      <c r="AH1546" s="1106"/>
      <c r="AL1546" s="1106"/>
      <c r="AT1546" s="1106"/>
      <c r="AU1546" s="1106"/>
      <c r="AV1546" s="1106"/>
      <c r="AW1546" s="1106"/>
      <c r="AX1546" s="1106"/>
      <c r="AY1546" s="1106"/>
      <c r="AZ1546" s="1106"/>
      <c r="BA1546" s="1106"/>
      <c r="BB1546" s="1106"/>
      <c r="BC1546" s="1106"/>
      <c r="BD1546" s="1106"/>
      <c r="BE1546" s="1106"/>
      <c r="BF1546" s="1106"/>
      <c r="BG1546" s="1106"/>
      <c r="BH1546" s="1106"/>
      <c r="BI1546" s="1106"/>
      <c r="BJ1546" s="1106"/>
      <c r="BK1546" s="1106"/>
      <c r="BL1546" s="1106"/>
      <c r="BM1546" s="1106"/>
      <c r="BN1546" s="1106"/>
      <c r="BO1546" s="1106"/>
      <c r="BP1546" s="1106"/>
      <c r="BQ1546" s="1106"/>
      <c r="BR1546" s="1106"/>
      <c r="BS1546" s="1106"/>
      <c r="BT1546" s="1106"/>
      <c r="BU1546" s="1106"/>
      <c r="BV1546" s="1106"/>
      <c r="BW1546" s="1106"/>
      <c r="BX1546" s="1106"/>
      <c r="BY1546" s="1106"/>
      <c r="BZ1546" s="1106"/>
      <c r="CA1546" s="1106"/>
    </row>
    <row r="1547" spans="3:79" ht="9" customHeight="1" x14ac:dyDescent="0.2">
      <c r="C1547" s="1106"/>
      <c r="D1547" s="1106"/>
      <c r="E1547" s="1106"/>
      <c r="F1547" s="1106"/>
      <c r="G1547" s="1106"/>
      <c r="H1547" s="1106"/>
      <c r="I1547" s="1106"/>
      <c r="J1547" s="1106"/>
      <c r="K1547" s="1106"/>
      <c r="L1547" s="1106"/>
      <c r="M1547" s="1106"/>
      <c r="N1547" s="1106"/>
      <c r="O1547" s="1106"/>
      <c r="U1547" s="1106"/>
      <c r="AB1547" s="1106"/>
      <c r="AC1547" s="1106"/>
      <c r="AD1547" s="1106"/>
      <c r="AE1547" s="1106"/>
      <c r="AF1547" s="1106"/>
      <c r="AG1547" s="1106"/>
      <c r="AH1547" s="1106"/>
      <c r="AL1547" s="1106"/>
      <c r="AO1547" s="1106"/>
      <c r="AP1547" s="1106"/>
      <c r="AT1547" s="1106"/>
      <c r="AU1547" s="1106"/>
      <c r="AV1547" s="1106"/>
      <c r="AW1547" s="1106"/>
      <c r="AX1547" s="1106"/>
      <c r="AY1547" s="1106"/>
      <c r="AZ1547" s="1106"/>
      <c r="BA1547" s="1106"/>
      <c r="BB1547" s="1106"/>
      <c r="BC1547" s="1106"/>
      <c r="BD1547" s="1106"/>
      <c r="BE1547" s="1106"/>
      <c r="BF1547" s="1106"/>
      <c r="BG1547" s="1106"/>
      <c r="BH1547" s="1106"/>
      <c r="BI1547" s="1106"/>
      <c r="BJ1547" s="1106"/>
      <c r="BK1547" s="1106"/>
      <c r="BL1547" s="1106"/>
      <c r="BM1547" s="1106"/>
      <c r="BN1547" s="1106"/>
      <c r="BO1547" s="1106"/>
      <c r="BP1547" s="1106"/>
      <c r="BQ1547" s="1106"/>
      <c r="BR1547" s="1106"/>
      <c r="BS1547" s="1106"/>
      <c r="BT1547" s="1106"/>
      <c r="BU1547" s="1106"/>
      <c r="BV1547" s="1106"/>
      <c r="BW1547" s="1106"/>
      <c r="BX1547" s="1106"/>
      <c r="BY1547" s="1106"/>
      <c r="BZ1547" s="1106"/>
      <c r="CA1547" s="1106"/>
    </row>
    <row r="1548" spans="3:79" ht="9" customHeight="1" x14ac:dyDescent="0.2">
      <c r="C1548" s="1106"/>
      <c r="D1548" s="1106"/>
      <c r="E1548" s="1106"/>
      <c r="F1548" s="1106"/>
      <c r="G1548" s="1106"/>
      <c r="H1548" s="1106"/>
      <c r="I1548" s="1106"/>
      <c r="J1548" s="1106"/>
      <c r="K1548" s="1106"/>
      <c r="L1548" s="1106"/>
      <c r="M1548" s="1106"/>
      <c r="N1548" s="1106"/>
      <c r="O1548" s="1106"/>
      <c r="U1548" s="1106"/>
      <c r="AB1548" s="1106"/>
      <c r="AC1548" s="1106"/>
      <c r="AD1548" s="1106"/>
      <c r="AE1548" s="1106"/>
      <c r="AF1548" s="1106"/>
      <c r="AG1548" s="1106"/>
      <c r="AH1548" s="1106"/>
      <c r="AL1548" s="1106"/>
      <c r="AT1548" s="1106"/>
      <c r="AU1548" s="1106"/>
      <c r="AV1548" s="1106"/>
      <c r="AW1548" s="1106"/>
      <c r="AX1548" s="1106"/>
      <c r="AY1548" s="1106"/>
      <c r="AZ1548" s="1106"/>
      <c r="BA1548" s="1106"/>
      <c r="BB1548" s="1106"/>
      <c r="BC1548" s="1106"/>
      <c r="BD1548" s="1106"/>
      <c r="BE1548" s="1106"/>
      <c r="BF1548" s="1106"/>
      <c r="BG1548" s="1106"/>
      <c r="BH1548" s="1106"/>
      <c r="BI1548" s="1106"/>
      <c r="BJ1548" s="1106"/>
      <c r="BK1548" s="1106"/>
      <c r="BL1548" s="1106"/>
      <c r="BM1548" s="1106"/>
      <c r="BN1548" s="1106"/>
      <c r="BO1548" s="1106"/>
      <c r="BP1548" s="1106"/>
      <c r="BQ1548" s="1106"/>
      <c r="BR1548" s="1106"/>
      <c r="BS1548" s="1106"/>
      <c r="BT1548" s="1106"/>
      <c r="BU1548" s="1106"/>
      <c r="BV1548" s="1106"/>
      <c r="BW1548" s="1106"/>
      <c r="BX1548" s="1106"/>
      <c r="BY1548" s="1106"/>
      <c r="BZ1548" s="1106"/>
      <c r="CA1548" s="1106"/>
    </row>
    <row r="1549" spans="3:79" ht="9" customHeight="1" x14ac:dyDescent="0.2">
      <c r="C1549" s="1106"/>
      <c r="D1549" s="1106"/>
      <c r="E1549" s="1106"/>
      <c r="F1549" s="1106"/>
      <c r="G1549" s="1106"/>
      <c r="H1549" s="1106"/>
      <c r="I1549" s="1106"/>
      <c r="J1549" s="1106"/>
      <c r="K1549" s="1106"/>
      <c r="L1549" s="1106"/>
      <c r="M1549" s="1106"/>
      <c r="N1549" s="1106"/>
      <c r="O1549" s="1106"/>
      <c r="AB1549" s="1106"/>
      <c r="AC1549" s="1106"/>
      <c r="AD1549" s="1106"/>
      <c r="AE1549" s="1106"/>
      <c r="AF1549" s="1106"/>
      <c r="AG1549" s="1106"/>
      <c r="AH1549" s="1106"/>
      <c r="AL1549" s="1106"/>
      <c r="AZ1549" s="1106"/>
      <c r="BA1549" s="1106"/>
      <c r="BB1549" s="1106"/>
      <c r="BC1549" s="1106"/>
      <c r="BD1549" s="1106"/>
      <c r="BE1549" s="1106"/>
      <c r="BF1549" s="1106"/>
      <c r="BG1549" s="1106"/>
      <c r="BH1549" s="1106"/>
      <c r="BI1549" s="1106"/>
      <c r="BJ1549" s="1106"/>
      <c r="BK1549" s="1106"/>
      <c r="BL1549" s="1106"/>
      <c r="BM1549" s="1106"/>
      <c r="BN1549" s="1106"/>
      <c r="BO1549" s="1106"/>
      <c r="BP1549" s="1106"/>
      <c r="BQ1549" s="1106"/>
      <c r="BR1549" s="1106"/>
      <c r="BS1549" s="1106"/>
      <c r="BT1549" s="1106"/>
      <c r="BU1549" s="1106"/>
      <c r="BV1549" s="1106"/>
      <c r="BW1549" s="1106"/>
      <c r="BX1549" s="1106"/>
      <c r="BY1549" s="1106"/>
      <c r="BZ1549" s="1106"/>
      <c r="CA1549" s="1106"/>
    </row>
    <row r="1550" spans="3:79" ht="9" customHeight="1" x14ac:dyDescent="0.2">
      <c r="C1550" s="1106"/>
      <c r="D1550" s="1106"/>
      <c r="E1550" s="1106"/>
      <c r="F1550" s="1106"/>
      <c r="G1550" s="1106"/>
      <c r="H1550" s="1106"/>
      <c r="I1550" s="1106"/>
      <c r="J1550" s="1106"/>
      <c r="K1550" s="1106"/>
      <c r="L1550" s="1106"/>
      <c r="M1550" s="1106"/>
      <c r="N1550" s="1106"/>
      <c r="O1550" s="1106"/>
      <c r="AB1550" s="1106"/>
      <c r="AC1550" s="1106"/>
      <c r="AD1550" s="1106"/>
      <c r="AE1550" s="1106"/>
      <c r="AF1550" s="1106"/>
      <c r="AG1550" s="1106"/>
      <c r="AH1550" s="1106"/>
      <c r="AL1550" s="1106"/>
      <c r="AZ1550" s="1106"/>
      <c r="BA1550" s="1106"/>
      <c r="BB1550" s="1106"/>
      <c r="BC1550" s="1106"/>
      <c r="BD1550" s="1106"/>
      <c r="BE1550" s="1106"/>
      <c r="BF1550" s="1106"/>
      <c r="BG1550" s="1106"/>
      <c r="BH1550" s="1106"/>
      <c r="BI1550" s="1106"/>
      <c r="BJ1550" s="1106"/>
      <c r="BK1550" s="1106"/>
      <c r="BL1550" s="1106"/>
      <c r="BM1550" s="1106"/>
      <c r="BN1550" s="1106"/>
      <c r="BO1550" s="1106"/>
      <c r="BP1550" s="1106"/>
      <c r="BQ1550" s="1106"/>
      <c r="BR1550" s="1106"/>
      <c r="BS1550" s="1106"/>
      <c r="BT1550" s="1106"/>
      <c r="BU1550" s="1106"/>
      <c r="BV1550" s="1106"/>
      <c r="BW1550" s="1106"/>
      <c r="BX1550" s="1106"/>
      <c r="BY1550" s="1106"/>
      <c r="BZ1550" s="1106"/>
      <c r="CA1550" s="1106"/>
    </row>
    <row r="1551" spans="3:79" ht="9" customHeight="1" x14ac:dyDescent="0.2">
      <c r="C1551" s="1106"/>
      <c r="D1551" s="1106"/>
      <c r="E1551" s="1106"/>
      <c r="F1551" s="1106"/>
      <c r="G1551" s="1106"/>
      <c r="H1551" s="1106"/>
      <c r="I1551" s="1106"/>
      <c r="J1551" s="1106"/>
      <c r="K1551" s="1106"/>
      <c r="L1551" s="1106"/>
      <c r="M1551" s="1106"/>
      <c r="N1551" s="1106"/>
      <c r="O1551" s="1106"/>
      <c r="AB1551" s="1106"/>
      <c r="AC1551" s="1106"/>
      <c r="AD1551" s="1106"/>
      <c r="AE1551" s="1106"/>
      <c r="AF1551" s="1106"/>
      <c r="AG1551" s="1106"/>
      <c r="AH1551" s="1106"/>
      <c r="AL1551" s="1106"/>
      <c r="AZ1551" s="1106"/>
      <c r="BA1551" s="1106"/>
      <c r="BB1551" s="1106"/>
      <c r="BC1551" s="1106"/>
      <c r="BD1551" s="1106"/>
      <c r="BE1551" s="1106"/>
      <c r="BF1551" s="1106"/>
      <c r="BG1551" s="1106"/>
      <c r="BH1551" s="1106"/>
      <c r="BI1551" s="1106"/>
      <c r="BJ1551" s="1106"/>
      <c r="BK1551" s="1106"/>
      <c r="BL1551" s="1106"/>
      <c r="BM1551" s="1106"/>
      <c r="BN1551" s="1106"/>
      <c r="BO1551" s="1106"/>
      <c r="BP1551" s="1106"/>
      <c r="BQ1551" s="1106"/>
      <c r="BR1551" s="1106"/>
      <c r="BS1551" s="1106"/>
      <c r="BT1551" s="1106"/>
      <c r="BU1551" s="1106"/>
      <c r="BV1551" s="1106"/>
      <c r="BW1551" s="1106"/>
      <c r="BX1551" s="1106"/>
      <c r="BY1551" s="1106"/>
      <c r="BZ1551" s="1106"/>
      <c r="CA1551" s="1106"/>
    </row>
    <row r="1552" spans="3:79" ht="9" customHeight="1" x14ac:dyDescent="0.2">
      <c r="C1552" s="1106"/>
      <c r="D1552" s="1106"/>
      <c r="E1552" s="1106"/>
      <c r="F1552" s="1106"/>
      <c r="G1552" s="1106"/>
      <c r="H1552" s="1106"/>
      <c r="I1552" s="1106"/>
      <c r="J1552" s="1106"/>
      <c r="K1552" s="1106"/>
      <c r="L1552" s="1106"/>
      <c r="M1552" s="1106"/>
      <c r="N1552" s="1106"/>
      <c r="O1552" s="1106"/>
      <c r="U1552" s="1106"/>
      <c r="AB1552" s="1106"/>
      <c r="AC1552" s="1106"/>
      <c r="AD1552" s="1106"/>
      <c r="AE1552" s="1106"/>
      <c r="AF1552" s="1106"/>
      <c r="AG1552" s="1106"/>
      <c r="AH1552" s="1106"/>
      <c r="AL1552" s="1106"/>
      <c r="AT1552" s="1106"/>
      <c r="AU1552" s="1106"/>
      <c r="AV1552" s="1106"/>
      <c r="AW1552" s="1106"/>
      <c r="AX1552" s="1106"/>
      <c r="AY1552" s="1106"/>
      <c r="AZ1552" s="1106"/>
      <c r="BA1552" s="1106"/>
      <c r="BB1552" s="1106"/>
      <c r="BC1552" s="1106"/>
      <c r="BD1552" s="1106"/>
      <c r="BE1552" s="1106"/>
      <c r="BF1552" s="1106"/>
      <c r="BG1552" s="1106"/>
      <c r="BH1552" s="1106"/>
      <c r="BI1552" s="1106"/>
      <c r="BJ1552" s="1106"/>
      <c r="BK1552" s="1106"/>
      <c r="BL1552" s="1106"/>
      <c r="BM1552" s="1106"/>
      <c r="BN1552" s="1106"/>
      <c r="BO1552" s="1106"/>
      <c r="BP1552" s="1106"/>
      <c r="BQ1552" s="1106"/>
      <c r="BR1552" s="1106"/>
      <c r="BS1552" s="1106"/>
      <c r="BT1552" s="1106"/>
      <c r="BU1552" s="1106"/>
      <c r="BV1552" s="1106"/>
      <c r="BW1552" s="1106"/>
      <c r="BX1552" s="1106"/>
      <c r="BY1552" s="1106"/>
      <c r="BZ1552" s="1106"/>
      <c r="CA1552" s="1106"/>
    </row>
    <row r="1553" spans="3:79" ht="9" customHeight="1" x14ac:dyDescent="0.2">
      <c r="C1553" s="1106"/>
      <c r="D1553" s="1106"/>
      <c r="E1553" s="1106"/>
      <c r="F1553" s="1106"/>
      <c r="G1553" s="1106"/>
      <c r="H1553" s="1106"/>
      <c r="I1553" s="1106"/>
      <c r="J1553" s="1106"/>
      <c r="K1553" s="1106"/>
      <c r="L1553" s="1106"/>
      <c r="M1553" s="1106"/>
      <c r="N1553" s="1106"/>
      <c r="O1553" s="1106"/>
      <c r="U1553" s="1106"/>
      <c r="AB1553" s="1106"/>
      <c r="AC1553" s="1106"/>
      <c r="AD1553" s="1106"/>
      <c r="AE1553" s="1106"/>
      <c r="AF1553" s="1106"/>
      <c r="AG1553" s="1106"/>
      <c r="AH1553" s="1106"/>
      <c r="AL1553" s="1106"/>
      <c r="AO1553" s="1106"/>
      <c r="AP1553" s="1106"/>
      <c r="AT1553" s="1106"/>
      <c r="AU1553" s="1106"/>
      <c r="AV1553" s="1106"/>
      <c r="AW1553" s="1106"/>
      <c r="AX1553" s="1106"/>
      <c r="AY1553" s="1106"/>
      <c r="AZ1553" s="1106"/>
      <c r="BA1553" s="1106"/>
      <c r="BB1553" s="1106"/>
      <c r="BC1553" s="1106"/>
      <c r="BD1553" s="1106"/>
      <c r="BE1553" s="1106"/>
      <c r="BF1553" s="1106"/>
      <c r="BG1553" s="1106"/>
      <c r="BH1553" s="1106"/>
      <c r="BI1553" s="1106"/>
      <c r="BJ1553" s="1106"/>
      <c r="BK1553" s="1106"/>
      <c r="BL1553" s="1106"/>
      <c r="BM1553" s="1106"/>
      <c r="BN1553" s="1106"/>
      <c r="BO1553" s="1106"/>
      <c r="BP1553" s="1106"/>
      <c r="BQ1553" s="1106"/>
      <c r="BR1553" s="1106"/>
      <c r="BS1553" s="1106"/>
      <c r="BT1553" s="1106"/>
      <c r="BU1553" s="1106"/>
      <c r="BV1553" s="1106"/>
      <c r="BW1553" s="1106"/>
      <c r="BX1553" s="1106"/>
      <c r="BY1553" s="1106"/>
      <c r="BZ1553" s="1106"/>
      <c r="CA1553" s="1106"/>
    </row>
    <row r="1554" spans="3:79" ht="9" customHeight="1" x14ac:dyDescent="0.2">
      <c r="C1554" s="1106"/>
      <c r="D1554" s="1106"/>
      <c r="E1554" s="1106"/>
      <c r="F1554" s="1106"/>
      <c r="G1554" s="1106"/>
      <c r="H1554" s="1106"/>
      <c r="I1554" s="1106"/>
      <c r="J1554" s="1106"/>
      <c r="K1554" s="1106"/>
      <c r="L1554" s="1106"/>
      <c r="M1554" s="1106"/>
      <c r="N1554" s="1106"/>
      <c r="O1554" s="1106"/>
      <c r="U1554" s="1106"/>
      <c r="AB1554" s="1106"/>
      <c r="AC1554" s="1106"/>
      <c r="AD1554" s="1106"/>
      <c r="AE1554" s="1106"/>
      <c r="AF1554" s="1106"/>
      <c r="AG1554" s="1106"/>
      <c r="AH1554" s="1106"/>
      <c r="AL1554" s="1106"/>
      <c r="AT1554" s="1106"/>
      <c r="AU1554" s="1106"/>
      <c r="AV1554" s="1106"/>
      <c r="AW1554" s="1106"/>
      <c r="AX1554" s="1106"/>
      <c r="AY1554" s="1106"/>
      <c r="AZ1554" s="1106"/>
      <c r="BA1554" s="1106"/>
      <c r="BB1554" s="1106"/>
      <c r="BC1554" s="1106"/>
      <c r="BD1554" s="1106"/>
      <c r="BE1554" s="1106"/>
      <c r="BF1554" s="1106"/>
      <c r="BG1554" s="1106"/>
      <c r="BH1554" s="1106"/>
      <c r="BI1554" s="1106"/>
      <c r="BJ1554" s="1106"/>
      <c r="BK1554" s="1106"/>
      <c r="BL1554" s="1106"/>
      <c r="BM1554" s="1106"/>
      <c r="BN1554" s="1106"/>
      <c r="BO1554" s="1106"/>
      <c r="BP1554" s="1106"/>
      <c r="BQ1554" s="1106"/>
      <c r="BR1554" s="1106"/>
      <c r="BS1554" s="1106"/>
      <c r="BT1554" s="1106"/>
      <c r="BU1554" s="1106"/>
      <c r="BV1554" s="1106"/>
      <c r="BW1554" s="1106"/>
      <c r="BX1554" s="1106"/>
      <c r="BY1554" s="1106"/>
      <c r="BZ1554" s="1106"/>
      <c r="CA1554" s="1106"/>
    </row>
    <row r="1555" spans="3:79" ht="9" customHeight="1" x14ac:dyDescent="0.2">
      <c r="C1555" s="1106"/>
      <c r="D1555" s="1106"/>
      <c r="E1555" s="1106"/>
      <c r="F1555" s="1106"/>
      <c r="G1555" s="1106"/>
      <c r="H1555" s="1106"/>
      <c r="I1555" s="1106"/>
      <c r="J1555" s="1106"/>
      <c r="K1555" s="1106"/>
      <c r="L1555" s="1106"/>
      <c r="M1555" s="1106"/>
      <c r="N1555" s="1106"/>
      <c r="O1555" s="1106"/>
      <c r="AB1555" s="1106"/>
      <c r="AC1555" s="1106"/>
      <c r="AD1555" s="1106"/>
      <c r="AE1555" s="1106"/>
      <c r="AF1555" s="1106"/>
      <c r="AG1555" s="1106"/>
      <c r="AH1555" s="1106"/>
      <c r="AL1555" s="1106"/>
      <c r="AZ1555" s="1106"/>
      <c r="BA1555" s="1106"/>
      <c r="BB1555" s="1106"/>
      <c r="BC1555" s="1106"/>
      <c r="BD1555" s="1106"/>
      <c r="BE1555" s="1106"/>
      <c r="BF1555" s="1106"/>
      <c r="BG1555" s="1106"/>
      <c r="BH1555" s="1106"/>
      <c r="BI1555" s="1106"/>
      <c r="BJ1555" s="1106"/>
      <c r="BK1555" s="1106"/>
      <c r="BL1555" s="1106"/>
      <c r="BM1555" s="1106"/>
      <c r="BN1555" s="1106"/>
      <c r="BO1555" s="1106"/>
      <c r="BP1555" s="1106"/>
      <c r="BQ1555" s="1106"/>
      <c r="BR1555" s="1106"/>
      <c r="BS1555" s="1106"/>
      <c r="BT1555" s="1106"/>
      <c r="BU1555" s="1106"/>
      <c r="BV1555" s="1106"/>
      <c r="BW1555" s="1106"/>
      <c r="BX1555" s="1106"/>
      <c r="BY1555" s="1106"/>
      <c r="BZ1555" s="1106"/>
      <c r="CA1555" s="1106"/>
    </row>
    <row r="1556" spans="3:79" ht="9" customHeight="1" x14ac:dyDescent="0.2">
      <c r="C1556" s="1106"/>
      <c r="D1556" s="1106"/>
      <c r="E1556" s="1106"/>
      <c r="F1556" s="1106"/>
      <c r="G1556" s="1106"/>
      <c r="H1556" s="1106"/>
      <c r="I1556" s="1106"/>
      <c r="J1556" s="1106"/>
      <c r="K1556" s="1106"/>
      <c r="L1556" s="1106"/>
      <c r="M1556" s="1106"/>
      <c r="N1556" s="1106"/>
      <c r="O1556" s="1106"/>
      <c r="AB1556" s="1106"/>
      <c r="AC1556" s="1106"/>
      <c r="AD1556" s="1106"/>
      <c r="AE1556" s="1106"/>
      <c r="AF1556" s="1106"/>
      <c r="AG1556" s="1106"/>
      <c r="AH1556" s="1106"/>
      <c r="AL1556" s="1106"/>
      <c r="AZ1556" s="1106"/>
      <c r="BA1556" s="1106"/>
      <c r="BB1556" s="1106"/>
      <c r="BC1556" s="1106"/>
      <c r="BD1556" s="1106"/>
      <c r="BE1556" s="1106"/>
      <c r="BF1556" s="1106"/>
      <c r="BG1556" s="1106"/>
      <c r="BH1556" s="1106"/>
      <c r="BI1556" s="1106"/>
      <c r="BJ1556" s="1106"/>
      <c r="BK1556" s="1106"/>
      <c r="BL1556" s="1106"/>
      <c r="BM1556" s="1106"/>
      <c r="BN1556" s="1106"/>
      <c r="BO1556" s="1106"/>
      <c r="BP1556" s="1106"/>
      <c r="BQ1556" s="1106"/>
      <c r="BR1556" s="1106"/>
      <c r="BS1556" s="1106"/>
      <c r="BT1556" s="1106"/>
      <c r="BU1556" s="1106"/>
      <c r="BV1556" s="1106"/>
      <c r="BW1556" s="1106"/>
      <c r="BX1556" s="1106"/>
      <c r="BY1556" s="1106"/>
      <c r="BZ1556" s="1106"/>
      <c r="CA1556" s="1106"/>
    </row>
    <row r="1557" spans="3:79" ht="9" customHeight="1" x14ac:dyDescent="0.2">
      <c r="C1557" s="1106"/>
      <c r="D1557" s="1106"/>
      <c r="E1557" s="1106"/>
      <c r="F1557" s="1106"/>
      <c r="G1557" s="1106"/>
      <c r="H1557" s="1106"/>
      <c r="I1557" s="1106"/>
      <c r="J1557" s="1106"/>
      <c r="K1557" s="1106"/>
      <c r="L1557" s="1106"/>
      <c r="M1557" s="1106"/>
      <c r="N1557" s="1106"/>
      <c r="O1557" s="1106"/>
      <c r="AB1557" s="1106"/>
      <c r="AC1557" s="1106"/>
      <c r="AD1557" s="1106"/>
      <c r="AE1557" s="1106"/>
      <c r="AF1557" s="1106"/>
      <c r="AG1557" s="1106"/>
      <c r="AH1557" s="1106"/>
      <c r="AL1557" s="1106"/>
      <c r="AZ1557" s="1106"/>
      <c r="BA1557" s="1106"/>
      <c r="BB1557" s="1106"/>
      <c r="BC1557" s="1106"/>
      <c r="BD1557" s="1106"/>
      <c r="BE1557" s="1106"/>
      <c r="BF1557" s="1106"/>
      <c r="BG1557" s="1106"/>
      <c r="BH1557" s="1106"/>
      <c r="BI1557" s="1106"/>
      <c r="BJ1557" s="1106"/>
      <c r="BK1557" s="1106"/>
      <c r="BL1557" s="1106"/>
      <c r="BM1557" s="1106"/>
      <c r="BN1557" s="1106"/>
      <c r="BO1557" s="1106"/>
      <c r="BP1557" s="1106"/>
      <c r="BQ1557" s="1106"/>
      <c r="BR1557" s="1106"/>
      <c r="BS1557" s="1106"/>
      <c r="BT1557" s="1106"/>
      <c r="BU1557" s="1106"/>
      <c r="BV1557" s="1106"/>
      <c r="BW1557" s="1106"/>
      <c r="BX1557" s="1106"/>
      <c r="BY1557" s="1106"/>
      <c r="BZ1557" s="1106"/>
      <c r="CA1557" s="1106"/>
    </row>
    <row r="1558" spans="3:79" ht="9" customHeight="1" x14ac:dyDescent="0.2">
      <c r="C1558" s="1106"/>
      <c r="D1558" s="1106"/>
      <c r="E1558" s="1106"/>
      <c r="F1558" s="1106"/>
      <c r="G1558" s="1106"/>
      <c r="H1558" s="1106"/>
      <c r="I1558" s="1106"/>
      <c r="J1558" s="1106"/>
      <c r="K1558" s="1106"/>
      <c r="L1558" s="1106"/>
      <c r="M1558" s="1106"/>
      <c r="N1558" s="1106"/>
      <c r="O1558" s="1106"/>
      <c r="U1558" s="1106"/>
      <c r="AB1558" s="1106"/>
      <c r="AC1558" s="1106"/>
      <c r="AD1558" s="1106"/>
      <c r="AE1558" s="1106"/>
      <c r="AF1558" s="1106"/>
      <c r="AG1558" s="1106"/>
      <c r="AH1558" s="1106"/>
      <c r="AL1558" s="1106"/>
      <c r="AT1558" s="1106"/>
      <c r="AU1558" s="1106"/>
      <c r="AV1558" s="1106"/>
      <c r="AW1558" s="1106"/>
      <c r="AX1558" s="1106"/>
      <c r="AY1558" s="1106"/>
      <c r="AZ1558" s="1106"/>
      <c r="BA1558" s="1106"/>
      <c r="BB1558" s="1106"/>
      <c r="BC1558" s="1106"/>
      <c r="BD1558" s="1106"/>
      <c r="BE1558" s="1106"/>
      <c r="BF1558" s="1106"/>
      <c r="BG1558" s="1106"/>
      <c r="BH1558" s="1106"/>
      <c r="BI1558" s="1106"/>
      <c r="BJ1558" s="1106"/>
      <c r="BK1558" s="1106"/>
      <c r="BL1558" s="1106"/>
      <c r="BM1558" s="1106"/>
      <c r="BN1558" s="1106"/>
      <c r="BO1558" s="1106"/>
      <c r="BP1558" s="1106"/>
      <c r="BQ1558" s="1106"/>
      <c r="BR1558" s="1106"/>
      <c r="BS1558" s="1106"/>
      <c r="BT1558" s="1106"/>
      <c r="BU1558" s="1106"/>
      <c r="BV1558" s="1106"/>
      <c r="BW1558" s="1106"/>
      <c r="BX1558" s="1106"/>
      <c r="BY1558" s="1106"/>
      <c r="BZ1558" s="1106"/>
      <c r="CA1558" s="1106"/>
    </row>
    <row r="1559" spans="3:79" ht="9" customHeight="1" x14ac:dyDescent="0.2">
      <c r="C1559" s="1106"/>
      <c r="D1559" s="1106"/>
      <c r="E1559" s="1106"/>
      <c r="F1559" s="1106"/>
      <c r="G1559" s="1106"/>
      <c r="H1559" s="1106"/>
      <c r="I1559" s="1106"/>
      <c r="J1559" s="1106"/>
      <c r="K1559" s="1106"/>
      <c r="L1559" s="1106"/>
      <c r="M1559" s="1106"/>
      <c r="N1559" s="1106"/>
      <c r="O1559" s="1106"/>
      <c r="U1559" s="1106"/>
      <c r="AB1559" s="1106"/>
      <c r="AC1559" s="1106"/>
      <c r="AD1559" s="1106"/>
      <c r="AE1559" s="1106"/>
      <c r="AF1559" s="1106"/>
      <c r="AG1559" s="1106"/>
      <c r="AH1559" s="1106"/>
      <c r="AL1559" s="1106"/>
      <c r="AO1559" s="1106"/>
      <c r="AP1559" s="1106"/>
      <c r="AT1559" s="1106"/>
      <c r="AU1559" s="1106"/>
      <c r="AV1559" s="1106"/>
      <c r="AW1559" s="1106"/>
      <c r="AX1559" s="1106"/>
      <c r="AY1559" s="1106"/>
      <c r="AZ1559" s="1106"/>
      <c r="BA1559" s="1106"/>
      <c r="BB1559" s="1106"/>
      <c r="BC1559" s="1106"/>
      <c r="BD1559" s="1106"/>
      <c r="BE1559" s="1106"/>
      <c r="BF1559" s="1106"/>
      <c r="BG1559" s="1106"/>
      <c r="BH1559" s="1106"/>
      <c r="BI1559" s="1106"/>
      <c r="BJ1559" s="1106"/>
      <c r="BK1559" s="1106"/>
      <c r="BL1559" s="1106"/>
      <c r="BM1559" s="1106"/>
      <c r="BN1559" s="1106"/>
      <c r="BO1559" s="1106"/>
      <c r="BP1559" s="1106"/>
      <c r="BQ1559" s="1106"/>
      <c r="BR1559" s="1106"/>
      <c r="BS1559" s="1106"/>
      <c r="BT1559" s="1106"/>
      <c r="BU1559" s="1106"/>
      <c r="BV1559" s="1106"/>
      <c r="BW1559" s="1106"/>
      <c r="BX1559" s="1106"/>
      <c r="BY1559" s="1106"/>
      <c r="BZ1559" s="1106"/>
      <c r="CA1559" s="1106"/>
    </row>
    <row r="1560" spans="3:79" ht="9" customHeight="1" x14ac:dyDescent="0.2">
      <c r="C1560" s="1106"/>
      <c r="D1560" s="1106"/>
      <c r="E1560" s="1106"/>
      <c r="F1560" s="1106"/>
      <c r="G1560" s="1106"/>
      <c r="H1560" s="1106"/>
      <c r="I1560" s="1106"/>
      <c r="J1560" s="1106"/>
      <c r="K1560" s="1106"/>
      <c r="L1560" s="1106"/>
      <c r="M1560" s="1106"/>
      <c r="N1560" s="1106"/>
      <c r="O1560" s="1106"/>
      <c r="U1560" s="1106"/>
      <c r="AB1560" s="1106"/>
      <c r="AC1560" s="1106"/>
      <c r="AD1560" s="1106"/>
      <c r="AE1560" s="1106"/>
      <c r="AF1560" s="1106"/>
      <c r="AG1560" s="1106"/>
      <c r="AH1560" s="1106"/>
      <c r="AL1560" s="1106"/>
      <c r="AT1560" s="1106"/>
      <c r="AU1560" s="1106"/>
      <c r="AV1560" s="1106"/>
      <c r="AW1560" s="1106"/>
      <c r="AX1560" s="1106"/>
      <c r="AY1560" s="1106"/>
      <c r="AZ1560" s="1106"/>
      <c r="BA1560" s="1106"/>
      <c r="BB1560" s="1106"/>
      <c r="BC1560" s="1106"/>
      <c r="BD1560" s="1106"/>
      <c r="BE1560" s="1106"/>
      <c r="BF1560" s="1106"/>
      <c r="BG1560" s="1106"/>
      <c r="BH1560" s="1106"/>
      <c r="BI1560" s="1106"/>
      <c r="BJ1560" s="1106"/>
      <c r="BK1560" s="1106"/>
      <c r="BL1560" s="1106"/>
      <c r="BM1560" s="1106"/>
      <c r="BN1560" s="1106"/>
      <c r="BO1560" s="1106"/>
      <c r="BP1560" s="1106"/>
      <c r="BQ1560" s="1106"/>
      <c r="BR1560" s="1106"/>
      <c r="BS1560" s="1106"/>
      <c r="BT1560" s="1106"/>
      <c r="BU1560" s="1106"/>
      <c r="BV1560" s="1106"/>
      <c r="BW1560" s="1106"/>
      <c r="BX1560" s="1106"/>
      <c r="BY1560" s="1106"/>
      <c r="BZ1560" s="1106"/>
      <c r="CA1560" s="1106"/>
    </row>
    <row r="1561" spans="3:79" ht="9" customHeight="1" x14ac:dyDescent="0.2">
      <c r="C1561" s="1106"/>
      <c r="D1561" s="1106"/>
      <c r="E1561" s="1106"/>
      <c r="F1561" s="1106"/>
      <c r="G1561" s="1106"/>
      <c r="H1561" s="1106"/>
      <c r="I1561" s="1106"/>
      <c r="J1561" s="1106"/>
      <c r="K1561" s="1106"/>
      <c r="L1561" s="1106"/>
      <c r="M1561" s="1106"/>
      <c r="N1561" s="1106"/>
      <c r="O1561" s="1106"/>
      <c r="AB1561" s="1106"/>
      <c r="AC1561" s="1106"/>
      <c r="AD1561" s="1106"/>
      <c r="AE1561" s="1106"/>
      <c r="AF1561" s="1106"/>
      <c r="AG1561" s="1106"/>
      <c r="AH1561" s="1106"/>
      <c r="AL1561" s="1106"/>
      <c r="AZ1561" s="1106"/>
      <c r="BA1561" s="1106"/>
      <c r="BB1561" s="1106"/>
      <c r="BC1561" s="1106"/>
      <c r="BD1561" s="1106"/>
      <c r="BE1561" s="1106"/>
      <c r="BF1561" s="1106"/>
      <c r="BG1561" s="1106"/>
      <c r="BH1561" s="1106"/>
      <c r="BI1561" s="1106"/>
      <c r="BJ1561" s="1106"/>
      <c r="BK1561" s="1106"/>
      <c r="BL1561" s="1106"/>
      <c r="BM1561" s="1106"/>
      <c r="BN1561" s="1106"/>
      <c r="BO1561" s="1106"/>
      <c r="BP1561" s="1106"/>
      <c r="BQ1561" s="1106"/>
      <c r="BR1561" s="1106"/>
      <c r="BS1561" s="1106"/>
      <c r="BT1561" s="1106"/>
      <c r="BU1561" s="1106"/>
      <c r="BV1561" s="1106"/>
      <c r="BW1561" s="1106"/>
      <c r="BX1561" s="1106"/>
      <c r="BY1561" s="1106"/>
      <c r="BZ1561" s="1106"/>
      <c r="CA1561" s="1106"/>
    </row>
    <row r="1562" spans="3:79" ht="9" customHeight="1" x14ac:dyDescent="0.2">
      <c r="C1562" s="1106"/>
      <c r="D1562" s="1106"/>
      <c r="E1562" s="1106"/>
      <c r="F1562" s="1106"/>
      <c r="G1562" s="1106"/>
      <c r="H1562" s="1106"/>
      <c r="I1562" s="1106"/>
      <c r="J1562" s="1106"/>
      <c r="K1562" s="1106"/>
      <c r="L1562" s="1106"/>
      <c r="M1562" s="1106"/>
      <c r="N1562" s="1106"/>
      <c r="O1562" s="1106"/>
      <c r="AB1562" s="1106"/>
      <c r="AC1562" s="1106"/>
      <c r="AD1562" s="1106"/>
      <c r="AE1562" s="1106"/>
      <c r="AF1562" s="1106"/>
      <c r="AG1562" s="1106"/>
      <c r="AH1562" s="1106"/>
      <c r="AL1562" s="1106"/>
      <c r="AZ1562" s="1106"/>
      <c r="BA1562" s="1106"/>
      <c r="BB1562" s="1106"/>
      <c r="BC1562" s="1106"/>
      <c r="BD1562" s="1106"/>
      <c r="BE1562" s="1106"/>
      <c r="BF1562" s="1106"/>
      <c r="BG1562" s="1106"/>
      <c r="BH1562" s="1106"/>
      <c r="BI1562" s="1106"/>
      <c r="BJ1562" s="1106"/>
      <c r="BK1562" s="1106"/>
      <c r="BL1562" s="1106"/>
      <c r="BM1562" s="1106"/>
      <c r="BN1562" s="1106"/>
      <c r="BO1562" s="1106"/>
      <c r="BP1562" s="1106"/>
      <c r="BQ1562" s="1106"/>
      <c r="BR1562" s="1106"/>
      <c r="BS1562" s="1106"/>
      <c r="BT1562" s="1106"/>
      <c r="BU1562" s="1106"/>
      <c r="BV1562" s="1106"/>
      <c r="BW1562" s="1106"/>
      <c r="BX1562" s="1106"/>
      <c r="BY1562" s="1106"/>
      <c r="BZ1562" s="1106"/>
      <c r="CA1562" s="1106"/>
    </row>
    <row r="1563" spans="3:79" ht="9" customHeight="1" x14ac:dyDescent="0.2">
      <c r="C1563" s="1106"/>
      <c r="D1563" s="1106"/>
      <c r="E1563" s="1106"/>
      <c r="F1563" s="1106"/>
      <c r="G1563" s="1106"/>
      <c r="H1563" s="1106"/>
      <c r="I1563" s="1106"/>
      <c r="J1563" s="1106"/>
      <c r="K1563" s="1106"/>
      <c r="L1563" s="1106"/>
      <c r="M1563" s="1106"/>
      <c r="N1563" s="1106"/>
      <c r="O1563" s="1106"/>
      <c r="AB1563" s="1106"/>
      <c r="AC1563" s="1106"/>
      <c r="AD1563" s="1106"/>
      <c r="AE1563" s="1106"/>
      <c r="AF1563" s="1106"/>
      <c r="AG1563" s="1106"/>
      <c r="AH1563" s="1106"/>
      <c r="AL1563" s="1106"/>
      <c r="AZ1563" s="1106"/>
      <c r="BA1563" s="1106"/>
      <c r="BB1563" s="1106"/>
      <c r="BC1563" s="1106"/>
      <c r="BD1563" s="1106"/>
      <c r="BE1563" s="1106"/>
      <c r="BF1563" s="1106"/>
      <c r="BG1563" s="1106"/>
      <c r="BH1563" s="1106"/>
      <c r="BI1563" s="1106"/>
      <c r="BJ1563" s="1106"/>
      <c r="BK1563" s="1106"/>
      <c r="BL1563" s="1106"/>
      <c r="BM1563" s="1106"/>
      <c r="BN1563" s="1106"/>
      <c r="BO1563" s="1106"/>
      <c r="BP1563" s="1106"/>
      <c r="BQ1563" s="1106"/>
      <c r="BR1563" s="1106"/>
      <c r="BS1563" s="1106"/>
      <c r="BT1563" s="1106"/>
      <c r="BU1563" s="1106"/>
      <c r="BV1563" s="1106"/>
      <c r="BW1563" s="1106"/>
      <c r="BX1563" s="1106"/>
      <c r="BY1563" s="1106"/>
      <c r="BZ1563" s="1106"/>
      <c r="CA1563" s="1106"/>
    </row>
    <row r="1564" spans="3:79" ht="9" customHeight="1" x14ac:dyDescent="0.2">
      <c r="C1564" s="1106"/>
      <c r="D1564" s="1106"/>
      <c r="E1564" s="1106"/>
      <c r="F1564" s="1106"/>
      <c r="G1564" s="1106"/>
      <c r="H1564" s="1106"/>
      <c r="I1564" s="1106"/>
      <c r="J1564" s="1106"/>
      <c r="K1564" s="1106"/>
      <c r="L1564" s="1106"/>
      <c r="M1564" s="1106"/>
      <c r="N1564" s="1106"/>
      <c r="O1564" s="1106"/>
      <c r="U1564" s="1106"/>
      <c r="AB1564" s="1106"/>
      <c r="AC1564" s="1106"/>
      <c r="AD1564" s="1106"/>
      <c r="AE1564" s="1106"/>
      <c r="AF1564" s="1106"/>
      <c r="AG1564" s="1106"/>
      <c r="AH1564" s="1106"/>
      <c r="AL1564" s="1106"/>
      <c r="AT1564" s="1106"/>
      <c r="AU1564" s="1106"/>
      <c r="AV1564" s="1106"/>
      <c r="AW1564" s="1106"/>
      <c r="AX1564" s="1106"/>
      <c r="AY1564" s="1106"/>
      <c r="AZ1564" s="1106"/>
      <c r="BA1564" s="1106"/>
      <c r="BB1564" s="1106"/>
      <c r="BC1564" s="1106"/>
      <c r="BD1564" s="1106"/>
      <c r="BE1564" s="1106"/>
      <c r="BF1564" s="1106"/>
      <c r="BG1564" s="1106"/>
      <c r="BH1564" s="1106"/>
      <c r="BI1564" s="1106"/>
      <c r="BJ1564" s="1106"/>
      <c r="BK1564" s="1106"/>
      <c r="BL1564" s="1106"/>
      <c r="BM1564" s="1106"/>
      <c r="BN1564" s="1106"/>
      <c r="BO1564" s="1106"/>
      <c r="BP1564" s="1106"/>
      <c r="BQ1564" s="1106"/>
      <c r="BR1564" s="1106"/>
      <c r="BS1564" s="1106"/>
      <c r="BT1564" s="1106"/>
      <c r="BU1564" s="1106"/>
      <c r="BV1564" s="1106"/>
      <c r="BW1564" s="1106"/>
      <c r="BX1564" s="1106"/>
      <c r="BY1564" s="1106"/>
      <c r="BZ1564" s="1106"/>
      <c r="CA1564" s="1106"/>
    </row>
    <row r="1565" spans="3:79" ht="9" customHeight="1" x14ac:dyDescent="0.2">
      <c r="C1565" s="1106"/>
      <c r="D1565" s="1106"/>
      <c r="E1565" s="1106"/>
      <c r="F1565" s="1106"/>
      <c r="G1565" s="1106"/>
      <c r="H1565" s="1106"/>
      <c r="I1565" s="1106"/>
      <c r="J1565" s="1106"/>
      <c r="K1565" s="1106"/>
      <c r="L1565" s="1106"/>
      <c r="M1565" s="1106"/>
      <c r="N1565" s="1106"/>
      <c r="O1565" s="1106"/>
      <c r="U1565" s="1106"/>
      <c r="AB1565" s="1106"/>
      <c r="AC1565" s="1106"/>
      <c r="AD1565" s="1106"/>
      <c r="AE1565" s="1106"/>
      <c r="AF1565" s="1106"/>
      <c r="AG1565" s="1106"/>
      <c r="AH1565" s="1106"/>
      <c r="AL1565" s="1106"/>
      <c r="AO1565" s="1106"/>
      <c r="AP1565" s="1106"/>
      <c r="AT1565" s="1106"/>
      <c r="AU1565" s="1106"/>
      <c r="AV1565" s="1106"/>
      <c r="AW1565" s="1106"/>
      <c r="AX1565" s="1106"/>
      <c r="AY1565" s="1106"/>
      <c r="AZ1565" s="1106"/>
      <c r="BA1565" s="1106"/>
      <c r="BB1565" s="1106"/>
      <c r="BC1565" s="1106"/>
      <c r="BD1565" s="1106"/>
      <c r="BE1565" s="1106"/>
      <c r="BF1565" s="1106"/>
      <c r="BG1565" s="1106"/>
      <c r="BH1565" s="1106"/>
      <c r="BI1565" s="1106"/>
      <c r="BJ1565" s="1106"/>
      <c r="BK1565" s="1106"/>
      <c r="BL1565" s="1106"/>
      <c r="BM1565" s="1106"/>
      <c r="BN1565" s="1106"/>
      <c r="BO1565" s="1106"/>
      <c r="BP1565" s="1106"/>
      <c r="BQ1565" s="1106"/>
      <c r="BR1565" s="1106"/>
      <c r="BS1565" s="1106"/>
      <c r="BT1565" s="1106"/>
      <c r="BU1565" s="1106"/>
      <c r="BV1565" s="1106"/>
      <c r="BW1565" s="1106"/>
      <c r="BX1565" s="1106"/>
      <c r="BY1565" s="1106"/>
      <c r="BZ1565" s="1106"/>
      <c r="CA1565" s="1106"/>
    </row>
    <row r="1566" spans="3:79" ht="9" customHeight="1" x14ac:dyDescent="0.2">
      <c r="C1566" s="1106"/>
      <c r="D1566" s="1106"/>
      <c r="E1566" s="1106"/>
      <c r="F1566" s="1106"/>
      <c r="G1566" s="1106"/>
      <c r="H1566" s="1106"/>
      <c r="I1566" s="1106"/>
      <c r="J1566" s="1106"/>
      <c r="K1566" s="1106"/>
      <c r="L1566" s="1106"/>
      <c r="M1566" s="1106"/>
      <c r="N1566" s="1106"/>
      <c r="O1566" s="1106"/>
      <c r="U1566" s="1106"/>
      <c r="AB1566" s="1106"/>
      <c r="AC1566" s="1106"/>
      <c r="AD1566" s="1106"/>
      <c r="AE1566" s="1106"/>
      <c r="AF1566" s="1106"/>
      <c r="AG1566" s="1106"/>
      <c r="AH1566" s="1106"/>
      <c r="AL1566" s="1106"/>
      <c r="AT1566" s="1106"/>
      <c r="AU1566" s="1106"/>
      <c r="AV1566" s="1106"/>
      <c r="AW1566" s="1106"/>
      <c r="AX1566" s="1106"/>
      <c r="AY1566" s="1106"/>
      <c r="AZ1566" s="1106"/>
      <c r="BA1566" s="1106"/>
      <c r="BB1566" s="1106"/>
      <c r="BC1566" s="1106"/>
      <c r="BD1566" s="1106"/>
      <c r="BE1566" s="1106"/>
      <c r="BF1566" s="1106"/>
      <c r="BG1566" s="1106"/>
      <c r="BH1566" s="1106"/>
      <c r="BI1566" s="1106"/>
      <c r="BJ1566" s="1106"/>
      <c r="BK1566" s="1106"/>
      <c r="BL1566" s="1106"/>
      <c r="BM1566" s="1106"/>
      <c r="BN1566" s="1106"/>
      <c r="BO1566" s="1106"/>
      <c r="BP1566" s="1106"/>
      <c r="BQ1566" s="1106"/>
      <c r="BR1566" s="1106"/>
      <c r="BS1566" s="1106"/>
      <c r="BT1566" s="1106"/>
      <c r="BU1566" s="1106"/>
      <c r="BV1566" s="1106"/>
      <c r="BW1566" s="1106"/>
      <c r="BX1566" s="1106"/>
      <c r="BY1566" s="1106"/>
      <c r="BZ1566" s="1106"/>
      <c r="CA1566" s="1106"/>
    </row>
    <row r="1567" spans="3:79" ht="9" customHeight="1" x14ac:dyDescent="0.2">
      <c r="C1567" s="1106"/>
      <c r="D1567" s="1106"/>
      <c r="E1567" s="1106"/>
      <c r="F1567" s="1106"/>
      <c r="G1567" s="1106"/>
      <c r="H1567" s="1106"/>
      <c r="I1567" s="1106"/>
      <c r="J1567" s="1106"/>
      <c r="K1567" s="1106"/>
      <c r="L1567" s="1106"/>
      <c r="M1567" s="1106"/>
      <c r="N1567" s="1106"/>
      <c r="O1567" s="1106"/>
      <c r="AB1567" s="1106"/>
      <c r="AC1567" s="1106"/>
      <c r="AD1567" s="1106"/>
      <c r="AE1567" s="1106"/>
      <c r="AF1567" s="1106"/>
      <c r="AG1567" s="1106"/>
      <c r="AH1567" s="1106"/>
      <c r="AL1567" s="1106"/>
      <c r="AZ1567" s="1106"/>
      <c r="BA1567" s="1106"/>
      <c r="BB1567" s="1106"/>
      <c r="BC1567" s="1106"/>
      <c r="BD1567" s="1106"/>
      <c r="BE1567" s="1106"/>
      <c r="BF1567" s="1106"/>
      <c r="BG1567" s="1106"/>
      <c r="BH1567" s="1106"/>
      <c r="BI1567" s="1106"/>
      <c r="BJ1567" s="1106"/>
      <c r="BK1567" s="1106"/>
      <c r="BL1567" s="1106"/>
      <c r="BM1567" s="1106"/>
      <c r="BN1567" s="1106"/>
      <c r="BO1567" s="1106"/>
      <c r="BP1567" s="1106"/>
      <c r="BQ1567" s="1106"/>
      <c r="BR1567" s="1106"/>
      <c r="BS1567" s="1106"/>
      <c r="BT1567" s="1106"/>
      <c r="BU1567" s="1106"/>
      <c r="BV1567" s="1106"/>
      <c r="BW1567" s="1106"/>
      <c r="BX1567" s="1106"/>
      <c r="BY1567" s="1106"/>
      <c r="BZ1567" s="1106"/>
      <c r="CA1567" s="1106"/>
    </row>
    <row r="1568" spans="3:79" ht="9" customHeight="1" x14ac:dyDescent="0.2">
      <c r="C1568" s="1106"/>
      <c r="D1568" s="1106"/>
      <c r="E1568" s="1106"/>
      <c r="F1568" s="1106"/>
      <c r="G1568" s="1106"/>
      <c r="H1568" s="1106"/>
      <c r="I1568" s="1106"/>
      <c r="J1568" s="1106"/>
      <c r="K1568" s="1106"/>
      <c r="L1568" s="1106"/>
      <c r="M1568" s="1106"/>
      <c r="N1568" s="1106"/>
      <c r="O1568" s="1106"/>
      <c r="AB1568" s="1106"/>
      <c r="AC1568" s="1106"/>
      <c r="AD1568" s="1106"/>
      <c r="AE1568" s="1106"/>
      <c r="AF1568" s="1106"/>
      <c r="AG1568" s="1106"/>
      <c r="AH1568" s="1106"/>
      <c r="AL1568" s="1106"/>
      <c r="AZ1568" s="1106"/>
      <c r="BA1568" s="1106"/>
      <c r="BB1568" s="1106"/>
      <c r="BC1568" s="1106"/>
      <c r="BD1568" s="1106"/>
      <c r="BE1568" s="1106"/>
      <c r="BF1568" s="1106"/>
      <c r="BG1568" s="1106"/>
      <c r="BH1568" s="1106"/>
      <c r="BI1568" s="1106"/>
      <c r="BJ1568" s="1106"/>
      <c r="BK1568" s="1106"/>
      <c r="BL1568" s="1106"/>
      <c r="BM1568" s="1106"/>
      <c r="BN1568" s="1106"/>
      <c r="BO1568" s="1106"/>
      <c r="BP1568" s="1106"/>
      <c r="BQ1568" s="1106"/>
      <c r="BR1568" s="1106"/>
      <c r="BS1568" s="1106"/>
      <c r="BT1568" s="1106"/>
      <c r="BU1568" s="1106"/>
      <c r="BV1568" s="1106"/>
      <c r="BW1568" s="1106"/>
      <c r="BX1568" s="1106"/>
      <c r="BY1568" s="1106"/>
      <c r="BZ1568" s="1106"/>
      <c r="CA1568" s="1106"/>
    </row>
    <row r="1569" spans="3:79" ht="9" customHeight="1" x14ac:dyDescent="0.2">
      <c r="C1569" s="1106"/>
      <c r="D1569" s="1106"/>
      <c r="E1569" s="1106"/>
      <c r="F1569" s="1106"/>
      <c r="G1569" s="1106"/>
      <c r="H1569" s="1106"/>
      <c r="I1569" s="1106"/>
      <c r="J1569" s="1106"/>
      <c r="K1569" s="1106"/>
      <c r="L1569" s="1106"/>
      <c r="M1569" s="1106"/>
      <c r="N1569" s="1106"/>
      <c r="O1569" s="1106"/>
      <c r="AB1569" s="1106"/>
      <c r="AC1569" s="1106"/>
      <c r="AD1569" s="1106"/>
      <c r="AE1569" s="1106"/>
      <c r="AF1569" s="1106"/>
      <c r="AG1569" s="1106"/>
      <c r="AH1569" s="1106"/>
      <c r="AL1569" s="1106"/>
      <c r="AZ1569" s="1106"/>
      <c r="BA1569" s="1106"/>
      <c r="BB1569" s="1106"/>
      <c r="BC1569" s="1106"/>
      <c r="BD1569" s="1106"/>
      <c r="BE1569" s="1106"/>
      <c r="BF1569" s="1106"/>
      <c r="BG1569" s="1106"/>
      <c r="BH1569" s="1106"/>
      <c r="BI1569" s="1106"/>
      <c r="BJ1569" s="1106"/>
      <c r="BK1569" s="1106"/>
      <c r="BL1569" s="1106"/>
      <c r="BM1569" s="1106"/>
      <c r="BN1569" s="1106"/>
      <c r="BO1569" s="1106"/>
      <c r="BP1569" s="1106"/>
      <c r="BQ1569" s="1106"/>
      <c r="BR1569" s="1106"/>
      <c r="BS1569" s="1106"/>
      <c r="BT1569" s="1106"/>
      <c r="BU1569" s="1106"/>
      <c r="BV1569" s="1106"/>
      <c r="BW1569" s="1106"/>
      <c r="BX1569" s="1106"/>
      <c r="BY1569" s="1106"/>
      <c r="BZ1569" s="1106"/>
      <c r="CA1569" s="1106"/>
    </row>
    <row r="1570" spans="3:79" ht="9" customHeight="1" x14ac:dyDescent="0.2">
      <c r="C1570" s="1106"/>
      <c r="D1570" s="1106"/>
      <c r="E1570" s="1106"/>
      <c r="F1570" s="1106"/>
      <c r="G1570" s="1106"/>
      <c r="H1570" s="1106"/>
      <c r="I1570" s="1106"/>
      <c r="J1570" s="1106"/>
      <c r="K1570" s="1106"/>
      <c r="L1570" s="1106"/>
      <c r="M1570" s="1106"/>
      <c r="N1570" s="1106"/>
      <c r="O1570" s="1106"/>
      <c r="U1570" s="1106"/>
      <c r="AB1570" s="1106"/>
      <c r="AC1570" s="1106"/>
      <c r="AD1570" s="1106"/>
      <c r="AE1570" s="1106"/>
      <c r="AF1570" s="1106"/>
      <c r="AG1570" s="1106"/>
      <c r="AH1570" s="1106"/>
      <c r="AL1570" s="1106"/>
      <c r="AT1570" s="1106"/>
      <c r="AU1570" s="1106"/>
      <c r="AV1570" s="1106"/>
      <c r="AW1570" s="1106"/>
      <c r="AX1570" s="1106"/>
      <c r="AY1570" s="1106"/>
      <c r="AZ1570" s="1106"/>
      <c r="BA1570" s="1106"/>
      <c r="BB1570" s="1106"/>
      <c r="BC1570" s="1106"/>
      <c r="BD1570" s="1106"/>
      <c r="BE1570" s="1106"/>
      <c r="BF1570" s="1106"/>
      <c r="BG1570" s="1106"/>
      <c r="BH1570" s="1106"/>
      <c r="BI1570" s="1106"/>
      <c r="BJ1570" s="1106"/>
      <c r="BK1570" s="1106"/>
      <c r="BL1570" s="1106"/>
      <c r="BM1570" s="1106"/>
      <c r="BN1570" s="1106"/>
      <c r="BO1570" s="1106"/>
      <c r="BP1570" s="1106"/>
      <c r="BQ1570" s="1106"/>
      <c r="BR1570" s="1106"/>
      <c r="BS1570" s="1106"/>
      <c r="BT1570" s="1106"/>
      <c r="BU1570" s="1106"/>
      <c r="BV1570" s="1106"/>
      <c r="BW1570" s="1106"/>
      <c r="BX1570" s="1106"/>
      <c r="BY1570" s="1106"/>
      <c r="BZ1570" s="1106"/>
      <c r="CA1570" s="1106"/>
    </row>
    <row r="1571" spans="3:79" ht="9" customHeight="1" x14ac:dyDescent="0.2">
      <c r="C1571" s="1106"/>
      <c r="D1571" s="1106"/>
      <c r="E1571" s="1106"/>
      <c r="F1571" s="1106"/>
      <c r="G1571" s="1106"/>
      <c r="H1571" s="1106"/>
      <c r="I1571" s="1106"/>
      <c r="J1571" s="1106"/>
      <c r="K1571" s="1106"/>
      <c r="L1571" s="1106"/>
      <c r="M1571" s="1106"/>
      <c r="N1571" s="1106"/>
      <c r="O1571" s="1106"/>
      <c r="U1571" s="1106"/>
      <c r="AB1571" s="1106"/>
      <c r="AC1571" s="1106"/>
      <c r="AD1571" s="1106"/>
      <c r="AE1571" s="1106"/>
      <c r="AF1571" s="1106"/>
      <c r="AG1571" s="1106"/>
      <c r="AH1571" s="1106"/>
      <c r="AL1571" s="1106"/>
      <c r="AO1571" s="1106"/>
      <c r="AP1571" s="1106"/>
      <c r="AT1571" s="1106"/>
      <c r="AU1571" s="1106"/>
      <c r="AV1571" s="1106"/>
      <c r="AW1571" s="1106"/>
      <c r="AX1571" s="1106"/>
      <c r="AY1571" s="1106"/>
      <c r="AZ1571" s="1106"/>
      <c r="BA1571" s="1106"/>
      <c r="BB1571" s="1106"/>
      <c r="BC1571" s="1106"/>
      <c r="BD1571" s="1106"/>
      <c r="BE1571" s="1106"/>
      <c r="BF1571" s="1106"/>
      <c r="BG1571" s="1106"/>
      <c r="BH1571" s="1106"/>
      <c r="BI1571" s="1106"/>
      <c r="BJ1571" s="1106"/>
      <c r="BK1571" s="1106"/>
      <c r="BL1571" s="1106"/>
      <c r="BM1571" s="1106"/>
      <c r="BN1571" s="1106"/>
      <c r="BO1571" s="1106"/>
      <c r="BP1571" s="1106"/>
      <c r="BQ1571" s="1106"/>
      <c r="BR1571" s="1106"/>
      <c r="BS1571" s="1106"/>
      <c r="BT1571" s="1106"/>
      <c r="BU1571" s="1106"/>
      <c r="BV1571" s="1106"/>
      <c r="BW1571" s="1106"/>
      <c r="BX1571" s="1106"/>
      <c r="BY1571" s="1106"/>
      <c r="BZ1571" s="1106"/>
      <c r="CA1571" s="1106"/>
    </row>
    <row r="1572" spans="3:79" ht="9" customHeight="1" x14ac:dyDescent="0.2">
      <c r="C1572" s="1106"/>
      <c r="D1572" s="1106"/>
      <c r="E1572" s="1106"/>
      <c r="F1572" s="1106"/>
      <c r="G1572" s="1106"/>
      <c r="H1572" s="1106"/>
      <c r="I1572" s="1106"/>
      <c r="J1572" s="1106"/>
      <c r="K1572" s="1106"/>
      <c r="L1572" s="1106"/>
      <c r="M1572" s="1106"/>
      <c r="N1572" s="1106"/>
      <c r="O1572" s="1106"/>
      <c r="U1572" s="1106"/>
      <c r="AB1572" s="1106"/>
      <c r="AC1572" s="1106"/>
      <c r="AD1572" s="1106"/>
      <c r="AE1572" s="1106"/>
      <c r="AF1572" s="1106"/>
      <c r="AG1572" s="1106"/>
      <c r="AH1572" s="1106"/>
      <c r="AL1572" s="1106"/>
      <c r="AT1572" s="1106"/>
      <c r="AU1572" s="1106"/>
      <c r="AV1572" s="1106"/>
      <c r="AW1572" s="1106"/>
      <c r="AX1572" s="1106"/>
      <c r="AY1572" s="1106"/>
      <c r="AZ1572" s="1106"/>
      <c r="BA1572" s="1106"/>
      <c r="BB1572" s="1106"/>
      <c r="BC1572" s="1106"/>
      <c r="BD1572" s="1106"/>
      <c r="BE1572" s="1106"/>
      <c r="BF1572" s="1106"/>
      <c r="BG1572" s="1106"/>
      <c r="BH1572" s="1106"/>
      <c r="BI1572" s="1106"/>
      <c r="BJ1572" s="1106"/>
      <c r="BK1572" s="1106"/>
      <c r="BL1572" s="1106"/>
      <c r="BM1572" s="1106"/>
      <c r="BN1572" s="1106"/>
      <c r="BO1572" s="1106"/>
      <c r="BP1572" s="1106"/>
      <c r="BQ1572" s="1106"/>
      <c r="BR1572" s="1106"/>
      <c r="BS1572" s="1106"/>
      <c r="BT1572" s="1106"/>
      <c r="BU1572" s="1106"/>
      <c r="BV1572" s="1106"/>
      <c r="BW1572" s="1106"/>
      <c r="BX1572" s="1106"/>
      <c r="BY1572" s="1106"/>
      <c r="BZ1572" s="1106"/>
      <c r="CA1572" s="1106"/>
    </row>
    <row r="1573" spans="3:79" ht="9" customHeight="1" x14ac:dyDescent="0.2">
      <c r="C1573" s="1106"/>
      <c r="D1573" s="1106"/>
      <c r="E1573" s="1106"/>
      <c r="F1573" s="1106"/>
      <c r="G1573" s="1106"/>
      <c r="H1573" s="1106"/>
      <c r="I1573" s="1106"/>
      <c r="J1573" s="1106"/>
      <c r="K1573" s="1106"/>
      <c r="L1573" s="1106"/>
      <c r="M1573" s="1106"/>
      <c r="N1573" s="1106"/>
      <c r="O1573" s="1106"/>
      <c r="AB1573" s="1106"/>
      <c r="AC1573" s="1106"/>
      <c r="AD1573" s="1106"/>
      <c r="AE1573" s="1106"/>
      <c r="AF1573" s="1106"/>
      <c r="AG1573" s="1106"/>
      <c r="AH1573" s="1106"/>
      <c r="AL1573" s="1106"/>
      <c r="AZ1573" s="1106"/>
      <c r="BA1573" s="1106"/>
      <c r="BB1573" s="1106"/>
      <c r="BC1573" s="1106"/>
      <c r="BD1573" s="1106"/>
      <c r="BE1573" s="1106"/>
      <c r="BF1573" s="1106"/>
      <c r="BG1573" s="1106"/>
      <c r="BH1573" s="1106"/>
      <c r="BI1573" s="1106"/>
      <c r="BJ1573" s="1106"/>
      <c r="BK1573" s="1106"/>
      <c r="BL1573" s="1106"/>
      <c r="BM1573" s="1106"/>
      <c r="BN1573" s="1106"/>
      <c r="BO1573" s="1106"/>
      <c r="BP1573" s="1106"/>
      <c r="BQ1573" s="1106"/>
      <c r="BR1573" s="1106"/>
      <c r="BS1573" s="1106"/>
      <c r="BT1573" s="1106"/>
      <c r="BU1573" s="1106"/>
      <c r="BV1573" s="1106"/>
      <c r="BW1573" s="1106"/>
      <c r="BX1573" s="1106"/>
      <c r="BY1573" s="1106"/>
      <c r="BZ1573" s="1106"/>
      <c r="CA1573" s="1106"/>
    </row>
    <row r="1574" spans="3:79" ht="9" customHeight="1" x14ac:dyDescent="0.2">
      <c r="C1574" s="1106"/>
      <c r="D1574" s="1106"/>
      <c r="E1574" s="1106"/>
      <c r="F1574" s="1106"/>
      <c r="G1574" s="1106"/>
      <c r="H1574" s="1106"/>
      <c r="I1574" s="1106"/>
      <c r="J1574" s="1106"/>
      <c r="K1574" s="1106"/>
      <c r="L1574" s="1106"/>
      <c r="M1574" s="1106"/>
      <c r="N1574" s="1106"/>
      <c r="O1574" s="1106"/>
      <c r="AB1574" s="1106"/>
      <c r="AC1574" s="1106"/>
      <c r="AD1574" s="1106"/>
      <c r="AE1574" s="1106"/>
      <c r="AF1574" s="1106"/>
      <c r="AG1574" s="1106"/>
      <c r="AH1574" s="1106"/>
      <c r="AL1574" s="1106"/>
      <c r="AZ1574" s="1106"/>
      <c r="BA1574" s="1106"/>
      <c r="BB1574" s="1106"/>
      <c r="BC1574" s="1106"/>
      <c r="BD1574" s="1106"/>
      <c r="BE1574" s="1106"/>
      <c r="BF1574" s="1106"/>
      <c r="BG1574" s="1106"/>
      <c r="BH1574" s="1106"/>
      <c r="BI1574" s="1106"/>
      <c r="BJ1574" s="1106"/>
      <c r="BK1574" s="1106"/>
      <c r="BL1574" s="1106"/>
      <c r="BM1574" s="1106"/>
      <c r="BN1574" s="1106"/>
      <c r="BO1574" s="1106"/>
      <c r="BP1574" s="1106"/>
      <c r="BQ1574" s="1106"/>
      <c r="BR1574" s="1106"/>
      <c r="BS1574" s="1106"/>
      <c r="BT1574" s="1106"/>
      <c r="BU1574" s="1106"/>
      <c r="BV1574" s="1106"/>
      <c r="BW1574" s="1106"/>
      <c r="BX1574" s="1106"/>
      <c r="BY1574" s="1106"/>
      <c r="BZ1574" s="1106"/>
      <c r="CA1574" s="1106"/>
    </row>
    <row r="1575" spans="3:79" ht="9" customHeight="1" x14ac:dyDescent="0.2">
      <c r="C1575" s="1106"/>
      <c r="D1575" s="1106"/>
      <c r="E1575" s="1106"/>
      <c r="F1575" s="1106"/>
      <c r="G1575" s="1106"/>
      <c r="H1575" s="1106"/>
      <c r="I1575" s="1106"/>
      <c r="J1575" s="1106"/>
      <c r="K1575" s="1106"/>
      <c r="L1575" s="1106"/>
      <c r="M1575" s="1106"/>
      <c r="N1575" s="1106"/>
      <c r="O1575" s="1106"/>
      <c r="AB1575" s="1106"/>
      <c r="AC1575" s="1106"/>
      <c r="AD1575" s="1106"/>
      <c r="AE1575" s="1106"/>
      <c r="AF1575" s="1106"/>
      <c r="AG1575" s="1106"/>
      <c r="AH1575" s="1106"/>
      <c r="AL1575" s="1106"/>
      <c r="AZ1575" s="1106"/>
      <c r="BA1575" s="1106"/>
      <c r="BB1575" s="1106"/>
      <c r="BC1575" s="1106"/>
      <c r="BD1575" s="1106"/>
      <c r="BE1575" s="1106"/>
      <c r="BF1575" s="1106"/>
      <c r="BG1575" s="1106"/>
      <c r="BH1575" s="1106"/>
      <c r="BI1575" s="1106"/>
      <c r="BJ1575" s="1106"/>
      <c r="BK1575" s="1106"/>
      <c r="BL1575" s="1106"/>
      <c r="BM1575" s="1106"/>
      <c r="BN1575" s="1106"/>
      <c r="BO1575" s="1106"/>
      <c r="BP1575" s="1106"/>
      <c r="BQ1575" s="1106"/>
      <c r="BR1575" s="1106"/>
      <c r="BS1575" s="1106"/>
      <c r="BT1575" s="1106"/>
      <c r="BU1575" s="1106"/>
      <c r="BV1575" s="1106"/>
      <c r="BW1575" s="1106"/>
      <c r="BX1575" s="1106"/>
      <c r="BY1575" s="1106"/>
      <c r="BZ1575" s="1106"/>
      <c r="CA1575" s="1106"/>
    </row>
    <row r="1576" spans="3:79" ht="9" customHeight="1" x14ac:dyDescent="0.2">
      <c r="C1576" s="1106"/>
      <c r="D1576" s="1106"/>
      <c r="E1576" s="1106"/>
      <c r="F1576" s="1106"/>
      <c r="G1576" s="1106"/>
      <c r="H1576" s="1106"/>
      <c r="I1576" s="1106"/>
      <c r="J1576" s="1106"/>
      <c r="K1576" s="1106"/>
      <c r="L1576" s="1106"/>
      <c r="M1576" s="1106"/>
      <c r="N1576" s="1106"/>
      <c r="O1576" s="1106"/>
      <c r="U1576" s="1106"/>
      <c r="AB1576" s="1106"/>
      <c r="AC1576" s="1106"/>
      <c r="AD1576" s="1106"/>
      <c r="AE1576" s="1106"/>
      <c r="AF1576" s="1106"/>
      <c r="AG1576" s="1106"/>
      <c r="AH1576" s="1106"/>
      <c r="AL1576" s="1106"/>
      <c r="AT1576" s="1106"/>
      <c r="AU1576" s="1106"/>
      <c r="AV1576" s="1106"/>
      <c r="AW1576" s="1106"/>
      <c r="AX1576" s="1106"/>
      <c r="AY1576" s="1106"/>
      <c r="AZ1576" s="1106"/>
      <c r="BA1576" s="1106"/>
      <c r="BB1576" s="1106"/>
      <c r="BC1576" s="1106"/>
      <c r="BD1576" s="1106"/>
      <c r="BE1576" s="1106"/>
      <c r="BF1576" s="1106"/>
      <c r="BG1576" s="1106"/>
      <c r="BH1576" s="1106"/>
      <c r="BI1576" s="1106"/>
      <c r="BJ1576" s="1106"/>
      <c r="BK1576" s="1106"/>
      <c r="BL1576" s="1106"/>
      <c r="BM1576" s="1106"/>
      <c r="BN1576" s="1106"/>
      <c r="BO1576" s="1106"/>
      <c r="BP1576" s="1106"/>
      <c r="BQ1576" s="1106"/>
      <c r="BR1576" s="1106"/>
      <c r="BS1576" s="1106"/>
      <c r="BT1576" s="1106"/>
      <c r="BU1576" s="1106"/>
      <c r="BV1576" s="1106"/>
      <c r="BW1576" s="1106"/>
      <c r="BX1576" s="1106"/>
      <c r="BY1576" s="1106"/>
      <c r="BZ1576" s="1106"/>
      <c r="CA1576" s="1106"/>
    </row>
    <row r="1577" spans="3:79" ht="9" customHeight="1" x14ac:dyDescent="0.2">
      <c r="C1577" s="1106"/>
      <c r="D1577" s="1106"/>
      <c r="E1577" s="1106"/>
      <c r="F1577" s="1106"/>
      <c r="G1577" s="1106"/>
      <c r="H1577" s="1106"/>
      <c r="I1577" s="1106"/>
      <c r="J1577" s="1106"/>
      <c r="K1577" s="1106"/>
      <c r="L1577" s="1106"/>
      <c r="M1577" s="1106"/>
      <c r="N1577" s="1106"/>
      <c r="O1577" s="1106"/>
      <c r="U1577" s="1106"/>
      <c r="AB1577" s="1106"/>
      <c r="AC1577" s="1106"/>
      <c r="AD1577" s="1106"/>
      <c r="AE1577" s="1106"/>
      <c r="AF1577" s="1106"/>
      <c r="AG1577" s="1106"/>
      <c r="AH1577" s="1106"/>
      <c r="AL1577" s="1106"/>
      <c r="AO1577" s="1106"/>
      <c r="AP1577" s="1106"/>
      <c r="AT1577" s="1106"/>
      <c r="AU1577" s="1106"/>
      <c r="AV1577" s="1106"/>
      <c r="AW1577" s="1106"/>
      <c r="AX1577" s="1106"/>
      <c r="AY1577" s="1106"/>
      <c r="AZ1577" s="1106"/>
      <c r="BA1577" s="1106"/>
      <c r="BB1577" s="1106"/>
      <c r="BC1577" s="1106"/>
      <c r="BD1577" s="1106"/>
      <c r="BE1577" s="1106"/>
      <c r="BF1577" s="1106"/>
      <c r="BG1577" s="1106"/>
      <c r="BH1577" s="1106"/>
      <c r="BI1577" s="1106"/>
      <c r="BJ1577" s="1106"/>
      <c r="BK1577" s="1106"/>
      <c r="BL1577" s="1106"/>
      <c r="BM1577" s="1106"/>
      <c r="BN1577" s="1106"/>
      <c r="BO1577" s="1106"/>
      <c r="BP1577" s="1106"/>
      <c r="BQ1577" s="1106"/>
      <c r="BR1577" s="1106"/>
      <c r="BS1577" s="1106"/>
      <c r="BT1577" s="1106"/>
      <c r="BU1577" s="1106"/>
      <c r="BV1577" s="1106"/>
      <c r="BW1577" s="1106"/>
      <c r="BX1577" s="1106"/>
      <c r="BY1577" s="1106"/>
      <c r="BZ1577" s="1106"/>
      <c r="CA1577" s="1106"/>
    </row>
    <row r="1578" spans="3:79" ht="9" customHeight="1" x14ac:dyDescent="0.2">
      <c r="C1578" s="1106"/>
      <c r="D1578" s="1106"/>
      <c r="E1578" s="1106"/>
      <c r="F1578" s="1106"/>
      <c r="G1578" s="1106"/>
      <c r="H1578" s="1106"/>
      <c r="I1578" s="1106"/>
      <c r="J1578" s="1106"/>
      <c r="K1578" s="1106"/>
      <c r="L1578" s="1106"/>
      <c r="M1578" s="1106"/>
      <c r="N1578" s="1106"/>
      <c r="O1578" s="1106"/>
      <c r="U1578" s="1106"/>
      <c r="AB1578" s="1106"/>
      <c r="AC1578" s="1106"/>
      <c r="AD1578" s="1106"/>
      <c r="AE1578" s="1106"/>
      <c r="AF1578" s="1106"/>
      <c r="AG1578" s="1106"/>
      <c r="AH1578" s="1106"/>
      <c r="AL1578" s="1106"/>
      <c r="AT1578" s="1106"/>
      <c r="AU1578" s="1106"/>
      <c r="AV1578" s="1106"/>
      <c r="AW1578" s="1106"/>
      <c r="AX1578" s="1106"/>
      <c r="AY1578" s="1106"/>
      <c r="AZ1578" s="1106"/>
      <c r="BA1578" s="1106"/>
      <c r="BB1578" s="1106"/>
      <c r="BC1578" s="1106"/>
      <c r="BD1578" s="1106"/>
      <c r="BE1578" s="1106"/>
      <c r="BF1578" s="1106"/>
      <c r="BG1578" s="1106"/>
      <c r="BH1578" s="1106"/>
      <c r="BI1578" s="1106"/>
      <c r="BJ1578" s="1106"/>
      <c r="BK1578" s="1106"/>
      <c r="BL1578" s="1106"/>
      <c r="BM1578" s="1106"/>
      <c r="BN1578" s="1106"/>
      <c r="BO1578" s="1106"/>
      <c r="BP1578" s="1106"/>
      <c r="BQ1578" s="1106"/>
      <c r="BR1578" s="1106"/>
      <c r="BS1578" s="1106"/>
      <c r="BT1578" s="1106"/>
      <c r="BU1578" s="1106"/>
      <c r="BV1578" s="1106"/>
      <c r="BW1578" s="1106"/>
      <c r="BX1578" s="1106"/>
      <c r="BY1578" s="1106"/>
      <c r="BZ1578" s="1106"/>
      <c r="CA1578" s="1106"/>
    </row>
    <row r="1579" spans="3:79" ht="9" customHeight="1" x14ac:dyDescent="0.2">
      <c r="C1579" s="1106"/>
      <c r="D1579" s="1106"/>
      <c r="E1579" s="1106"/>
      <c r="F1579" s="1106"/>
      <c r="G1579" s="1106"/>
      <c r="H1579" s="1106"/>
      <c r="I1579" s="1106"/>
      <c r="J1579" s="1106"/>
      <c r="K1579" s="1106"/>
      <c r="L1579" s="1106"/>
      <c r="M1579" s="1106"/>
      <c r="N1579" s="1106"/>
      <c r="O1579" s="1106"/>
      <c r="AB1579" s="1106"/>
      <c r="AC1579" s="1106"/>
      <c r="AD1579" s="1106"/>
      <c r="AE1579" s="1106"/>
      <c r="AF1579" s="1106"/>
      <c r="AG1579" s="1106"/>
      <c r="AH1579" s="1106"/>
      <c r="AL1579" s="1106"/>
      <c r="AZ1579" s="1106"/>
      <c r="BA1579" s="1106"/>
      <c r="BB1579" s="1106"/>
      <c r="BC1579" s="1106"/>
      <c r="BD1579" s="1106"/>
      <c r="BE1579" s="1106"/>
      <c r="BF1579" s="1106"/>
      <c r="BG1579" s="1106"/>
      <c r="BH1579" s="1106"/>
      <c r="BI1579" s="1106"/>
      <c r="BJ1579" s="1106"/>
      <c r="BK1579" s="1106"/>
      <c r="BL1579" s="1106"/>
      <c r="BM1579" s="1106"/>
      <c r="BN1579" s="1106"/>
      <c r="BO1579" s="1106"/>
      <c r="BP1579" s="1106"/>
      <c r="BQ1579" s="1106"/>
      <c r="BR1579" s="1106"/>
      <c r="BS1579" s="1106"/>
      <c r="BT1579" s="1106"/>
      <c r="BU1579" s="1106"/>
      <c r="BV1579" s="1106"/>
      <c r="BW1579" s="1106"/>
      <c r="BX1579" s="1106"/>
      <c r="BY1579" s="1106"/>
      <c r="BZ1579" s="1106"/>
      <c r="CA1579" s="1106"/>
    </row>
    <row r="1580" spans="3:79" ht="9" customHeight="1" x14ac:dyDescent="0.2">
      <c r="C1580" s="1106"/>
      <c r="D1580" s="1106"/>
      <c r="E1580" s="1106"/>
      <c r="F1580" s="1106"/>
      <c r="G1580" s="1106"/>
      <c r="H1580" s="1106"/>
      <c r="I1580" s="1106"/>
      <c r="J1580" s="1106"/>
      <c r="K1580" s="1106"/>
      <c r="L1580" s="1106"/>
      <c r="M1580" s="1106"/>
      <c r="N1580" s="1106"/>
      <c r="O1580" s="1106"/>
      <c r="AB1580" s="1106"/>
      <c r="AC1580" s="1106"/>
      <c r="AD1580" s="1106"/>
      <c r="AE1580" s="1106"/>
      <c r="AF1580" s="1106"/>
      <c r="AG1580" s="1106"/>
      <c r="AH1580" s="1106"/>
      <c r="AL1580" s="1106"/>
      <c r="AZ1580" s="1106"/>
      <c r="BA1580" s="1106"/>
      <c r="BB1580" s="1106"/>
      <c r="BC1580" s="1106"/>
      <c r="BD1580" s="1106"/>
      <c r="BE1580" s="1106"/>
      <c r="BF1580" s="1106"/>
      <c r="BG1580" s="1106"/>
      <c r="BH1580" s="1106"/>
      <c r="BI1580" s="1106"/>
      <c r="BJ1580" s="1106"/>
      <c r="BK1580" s="1106"/>
      <c r="BL1580" s="1106"/>
      <c r="BM1580" s="1106"/>
      <c r="BN1580" s="1106"/>
      <c r="BO1580" s="1106"/>
      <c r="BP1580" s="1106"/>
      <c r="BQ1580" s="1106"/>
      <c r="BR1580" s="1106"/>
      <c r="BS1580" s="1106"/>
      <c r="BT1580" s="1106"/>
      <c r="BU1580" s="1106"/>
      <c r="BV1580" s="1106"/>
      <c r="BW1580" s="1106"/>
      <c r="BX1580" s="1106"/>
      <c r="BY1580" s="1106"/>
      <c r="BZ1580" s="1106"/>
      <c r="CA1580" s="1106"/>
    </row>
    <row r="1581" spans="3:79" ht="9" customHeight="1" x14ac:dyDescent="0.2">
      <c r="C1581" s="1106"/>
      <c r="D1581" s="1106"/>
      <c r="E1581" s="1106"/>
      <c r="F1581" s="1106"/>
      <c r="G1581" s="1106"/>
      <c r="H1581" s="1106"/>
      <c r="I1581" s="1106"/>
      <c r="J1581" s="1106"/>
      <c r="K1581" s="1106"/>
      <c r="L1581" s="1106"/>
      <c r="M1581" s="1106"/>
      <c r="N1581" s="1106"/>
      <c r="O1581" s="1106"/>
      <c r="AB1581" s="1106"/>
      <c r="AC1581" s="1106"/>
      <c r="AD1581" s="1106"/>
      <c r="AE1581" s="1106"/>
      <c r="AF1581" s="1106"/>
      <c r="AG1581" s="1106"/>
      <c r="AH1581" s="1106"/>
      <c r="AL1581" s="1106"/>
      <c r="AZ1581" s="1106"/>
      <c r="BA1581" s="1106"/>
      <c r="BB1581" s="1106"/>
      <c r="BC1581" s="1106"/>
      <c r="BD1581" s="1106"/>
      <c r="BE1581" s="1106"/>
      <c r="BF1581" s="1106"/>
      <c r="BG1581" s="1106"/>
      <c r="BH1581" s="1106"/>
      <c r="BI1581" s="1106"/>
      <c r="BJ1581" s="1106"/>
      <c r="BK1581" s="1106"/>
      <c r="BL1581" s="1106"/>
      <c r="BM1581" s="1106"/>
      <c r="BN1581" s="1106"/>
      <c r="BO1581" s="1106"/>
      <c r="BP1581" s="1106"/>
      <c r="BQ1581" s="1106"/>
      <c r="BR1581" s="1106"/>
      <c r="BS1581" s="1106"/>
      <c r="BT1581" s="1106"/>
      <c r="BU1581" s="1106"/>
      <c r="BV1581" s="1106"/>
      <c r="BW1581" s="1106"/>
      <c r="BX1581" s="1106"/>
      <c r="BY1581" s="1106"/>
      <c r="BZ1581" s="1106"/>
      <c r="CA1581" s="1106"/>
    </row>
    <row r="1582" spans="3:79" ht="9" customHeight="1" x14ac:dyDescent="0.2">
      <c r="C1582" s="1106"/>
      <c r="D1582" s="1106"/>
      <c r="E1582" s="1106"/>
      <c r="F1582" s="1106"/>
      <c r="G1582" s="1106"/>
      <c r="H1582" s="1106"/>
      <c r="I1582" s="1106"/>
      <c r="J1582" s="1106"/>
      <c r="K1582" s="1106"/>
      <c r="L1582" s="1106"/>
      <c r="M1582" s="1106"/>
      <c r="N1582" s="1106"/>
      <c r="O1582" s="1106"/>
      <c r="U1582" s="1106"/>
      <c r="AB1582" s="1106"/>
      <c r="AC1582" s="1106"/>
      <c r="AD1582" s="1106"/>
      <c r="AE1582" s="1106"/>
      <c r="AF1582" s="1106"/>
      <c r="AG1582" s="1106"/>
      <c r="AH1582" s="1106"/>
      <c r="AL1582" s="1106"/>
      <c r="AT1582" s="1106"/>
      <c r="AU1582" s="1106"/>
      <c r="AV1582" s="1106"/>
      <c r="AW1582" s="1106"/>
      <c r="AX1582" s="1106"/>
      <c r="AY1582" s="1106"/>
      <c r="AZ1582" s="1106"/>
      <c r="BA1582" s="1106"/>
      <c r="BB1582" s="1106"/>
      <c r="BC1582" s="1106"/>
      <c r="BD1582" s="1106"/>
      <c r="BE1582" s="1106"/>
      <c r="BF1582" s="1106"/>
      <c r="BG1582" s="1106"/>
      <c r="BH1582" s="1106"/>
      <c r="BI1582" s="1106"/>
      <c r="BJ1582" s="1106"/>
      <c r="BK1582" s="1106"/>
      <c r="BL1582" s="1106"/>
      <c r="BM1582" s="1106"/>
      <c r="BN1582" s="1106"/>
      <c r="BO1582" s="1106"/>
      <c r="BP1582" s="1106"/>
      <c r="BQ1582" s="1106"/>
      <c r="BR1582" s="1106"/>
      <c r="BS1582" s="1106"/>
      <c r="BT1582" s="1106"/>
      <c r="BU1582" s="1106"/>
      <c r="BV1582" s="1106"/>
      <c r="BW1582" s="1106"/>
      <c r="BX1582" s="1106"/>
      <c r="BY1582" s="1106"/>
      <c r="BZ1582" s="1106"/>
      <c r="CA1582" s="1106"/>
    </row>
    <row r="1583" spans="3:79" ht="9" customHeight="1" x14ac:dyDescent="0.2">
      <c r="C1583" s="1106"/>
      <c r="D1583" s="1106"/>
      <c r="E1583" s="1106"/>
      <c r="F1583" s="1106"/>
      <c r="G1583" s="1106"/>
      <c r="H1583" s="1106"/>
      <c r="I1583" s="1106"/>
      <c r="J1583" s="1106"/>
      <c r="K1583" s="1106"/>
      <c r="L1583" s="1106"/>
      <c r="M1583" s="1106"/>
      <c r="N1583" s="1106"/>
      <c r="O1583" s="1106"/>
      <c r="U1583" s="1106"/>
      <c r="AB1583" s="1106"/>
      <c r="AC1583" s="1106"/>
      <c r="AD1583" s="1106"/>
      <c r="AE1583" s="1106"/>
      <c r="AF1583" s="1106"/>
      <c r="AG1583" s="1106"/>
      <c r="AH1583" s="1106"/>
      <c r="AL1583" s="1106"/>
      <c r="AO1583" s="1106"/>
      <c r="AP1583" s="1106"/>
      <c r="AT1583" s="1106"/>
      <c r="AU1583" s="1106"/>
      <c r="AV1583" s="1106"/>
      <c r="AW1583" s="1106"/>
      <c r="AX1583" s="1106"/>
      <c r="AY1583" s="1106"/>
      <c r="AZ1583" s="1106"/>
      <c r="BA1583" s="1106"/>
      <c r="BB1583" s="1106"/>
      <c r="BC1583" s="1106"/>
      <c r="BD1583" s="1106"/>
      <c r="BE1583" s="1106"/>
      <c r="BF1583" s="1106"/>
      <c r="BG1583" s="1106"/>
      <c r="BH1583" s="1106"/>
      <c r="BI1583" s="1106"/>
      <c r="BJ1583" s="1106"/>
      <c r="BK1583" s="1106"/>
      <c r="BL1583" s="1106"/>
      <c r="BM1583" s="1106"/>
      <c r="BN1583" s="1106"/>
      <c r="BO1583" s="1106"/>
      <c r="BP1583" s="1106"/>
      <c r="BQ1583" s="1106"/>
      <c r="BR1583" s="1106"/>
      <c r="BS1583" s="1106"/>
      <c r="BT1583" s="1106"/>
      <c r="BU1583" s="1106"/>
      <c r="BV1583" s="1106"/>
      <c r="BW1583" s="1106"/>
      <c r="BX1583" s="1106"/>
      <c r="BY1583" s="1106"/>
      <c r="BZ1583" s="1106"/>
      <c r="CA1583" s="1106"/>
    </row>
    <row r="1584" spans="3:79" ht="9" customHeight="1" x14ac:dyDescent="0.2">
      <c r="C1584" s="1106"/>
      <c r="D1584" s="1106"/>
      <c r="E1584" s="1106"/>
      <c r="F1584" s="1106"/>
      <c r="G1584" s="1106"/>
      <c r="H1584" s="1106"/>
      <c r="I1584" s="1106"/>
      <c r="J1584" s="1106"/>
      <c r="K1584" s="1106"/>
      <c r="L1584" s="1106"/>
      <c r="M1584" s="1106"/>
      <c r="N1584" s="1106"/>
      <c r="O1584" s="1106"/>
      <c r="U1584" s="1106"/>
      <c r="AB1584" s="1106"/>
      <c r="AC1584" s="1106"/>
      <c r="AD1584" s="1106"/>
      <c r="AE1584" s="1106"/>
      <c r="AF1584" s="1106"/>
      <c r="AG1584" s="1106"/>
      <c r="AH1584" s="1106"/>
      <c r="AL1584" s="1106"/>
      <c r="AT1584" s="1106"/>
      <c r="AU1584" s="1106"/>
      <c r="AV1584" s="1106"/>
      <c r="AW1584" s="1106"/>
      <c r="AX1584" s="1106"/>
      <c r="AY1584" s="1106"/>
      <c r="AZ1584" s="1106"/>
      <c r="BA1584" s="1106"/>
      <c r="BB1584" s="1106"/>
      <c r="BC1584" s="1106"/>
      <c r="BD1584" s="1106"/>
      <c r="BE1584" s="1106"/>
      <c r="BF1584" s="1106"/>
      <c r="BG1584" s="1106"/>
      <c r="BH1584" s="1106"/>
      <c r="BI1584" s="1106"/>
      <c r="BJ1584" s="1106"/>
      <c r="BK1584" s="1106"/>
      <c r="BL1584" s="1106"/>
      <c r="BM1584" s="1106"/>
      <c r="BN1584" s="1106"/>
      <c r="BO1584" s="1106"/>
      <c r="BP1584" s="1106"/>
      <c r="BQ1584" s="1106"/>
      <c r="BR1584" s="1106"/>
      <c r="BS1584" s="1106"/>
      <c r="BT1584" s="1106"/>
      <c r="BU1584" s="1106"/>
      <c r="BV1584" s="1106"/>
      <c r="BW1584" s="1106"/>
      <c r="BX1584" s="1106"/>
      <c r="BY1584" s="1106"/>
      <c r="BZ1584" s="1106"/>
      <c r="CA1584" s="1106"/>
    </row>
    <row r="1585" spans="3:79" ht="9" customHeight="1" x14ac:dyDescent="0.2">
      <c r="C1585" s="1106"/>
      <c r="D1585" s="1106"/>
      <c r="E1585" s="1106"/>
      <c r="F1585" s="1106"/>
      <c r="G1585" s="1106"/>
      <c r="H1585" s="1106"/>
      <c r="I1585" s="1106"/>
      <c r="J1585" s="1106"/>
      <c r="K1585" s="1106"/>
      <c r="L1585" s="1106"/>
      <c r="M1585" s="1106"/>
      <c r="N1585" s="1106"/>
      <c r="O1585" s="1106"/>
      <c r="AB1585" s="1106"/>
      <c r="AC1585" s="1106"/>
      <c r="AD1585" s="1106"/>
      <c r="AE1585" s="1106"/>
      <c r="AF1585" s="1106"/>
      <c r="AG1585" s="1106"/>
      <c r="AH1585" s="1106"/>
      <c r="AL1585" s="1106"/>
      <c r="AZ1585" s="1106"/>
      <c r="BA1585" s="1106"/>
      <c r="BB1585" s="1106"/>
      <c r="BC1585" s="1106"/>
      <c r="BD1585" s="1106"/>
      <c r="BE1585" s="1106"/>
      <c r="BF1585" s="1106"/>
      <c r="BG1585" s="1106"/>
      <c r="BH1585" s="1106"/>
      <c r="BI1585" s="1106"/>
      <c r="BJ1585" s="1106"/>
      <c r="BK1585" s="1106"/>
      <c r="BL1585" s="1106"/>
      <c r="BM1585" s="1106"/>
      <c r="BN1585" s="1106"/>
      <c r="BO1585" s="1106"/>
      <c r="BP1585" s="1106"/>
      <c r="BQ1585" s="1106"/>
      <c r="BR1585" s="1106"/>
      <c r="BS1585" s="1106"/>
      <c r="BT1585" s="1106"/>
      <c r="BU1585" s="1106"/>
      <c r="BV1585" s="1106"/>
      <c r="BW1585" s="1106"/>
      <c r="BX1585" s="1106"/>
      <c r="BY1585" s="1106"/>
      <c r="BZ1585" s="1106"/>
      <c r="CA1585" s="1106"/>
    </row>
    <row r="1586" spans="3:79" ht="9" customHeight="1" x14ac:dyDescent="0.2">
      <c r="C1586" s="1106"/>
      <c r="D1586" s="1106"/>
      <c r="E1586" s="1106"/>
      <c r="F1586" s="1106"/>
      <c r="G1586" s="1106"/>
      <c r="H1586" s="1106"/>
      <c r="I1586" s="1106"/>
      <c r="J1586" s="1106"/>
      <c r="K1586" s="1106"/>
      <c r="L1586" s="1106"/>
      <c r="M1586" s="1106"/>
      <c r="N1586" s="1106"/>
      <c r="O1586" s="1106"/>
      <c r="AB1586" s="1106"/>
      <c r="AC1586" s="1106"/>
      <c r="AD1586" s="1106"/>
      <c r="AE1586" s="1106"/>
      <c r="AF1586" s="1106"/>
      <c r="AG1586" s="1106"/>
      <c r="AH1586" s="1106"/>
      <c r="AL1586" s="1106"/>
      <c r="AZ1586" s="1106"/>
      <c r="BA1586" s="1106"/>
      <c r="BB1586" s="1106"/>
      <c r="BC1586" s="1106"/>
      <c r="BD1586" s="1106"/>
      <c r="BE1586" s="1106"/>
      <c r="BF1586" s="1106"/>
      <c r="BG1586" s="1106"/>
      <c r="BH1586" s="1106"/>
      <c r="BI1586" s="1106"/>
      <c r="BJ1586" s="1106"/>
      <c r="BK1586" s="1106"/>
      <c r="BL1586" s="1106"/>
      <c r="BM1586" s="1106"/>
      <c r="BN1586" s="1106"/>
      <c r="BO1586" s="1106"/>
      <c r="BP1586" s="1106"/>
      <c r="BQ1586" s="1106"/>
      <c r="BR1586" s="1106"/>
      <c r="BS1586" s="1106"/>
      <c r="BT1586" s="1106"/>
      <c r="BU1586" s="1106"/>
      <c r="BV1586" s="1106"/>
      <c r="BW1586" s="1106"/>
      <c r="BX1586" s="1106"/>
      <c r="BY1586" s="1106"/>
      <c r="BZ1586" s="1106"/>
      <c r="CA1586" s="1106"/>
    </row>
    <row r="1587" spans="3:79" ht="9" customHeight="1" x14ac:dyDescent="0.2">
      <c r="C1587" s="1106"/>
      <c r="D1587" s="1106"/>
      <c r="E1587" s="1106"/>
      <c r="F1587" s="1106"/>
      <c r="G1587" s="1106"/>
      <c r="H1587" s="1106"/>
      <c r="I1587" s="1106"/>
      <c r="J1587" s="1106"/>
      <c r="K1587" s="1106"/>
      <c r="L1587" s="1106"/>
      <c r="M1587" s="1106"/>
      <c r="N1587" s="1106"/>
      <c r="O1587" s="1106"/>
      <c r="AB1587" s="1106"/>
      <c r="AC1587" s="1106"/>
      <c r="AD1587" s="1106"/>
      <c r="AE1587" s="1106"/>
      <c r="AF1587" s="1106"/>
      <c r="AG1587" s="1106"/>
      <c r="AH1587" s="1106"/>
      <c r="AL1587" s="1106"/>
      <c r="AZ1587" s="1106"/>
      <c r="BA1587" s="1106"/>
      <c r="BB1587" s="1106"/>
      <c r="BC1587" s="1106"/>
      <c r="BD1587" s="1106"/>
      <c r="BE1587" s="1106"/>
      <c r="BF1587" s="1106"/>
      <c r="BG1587" s="1106"/>
      <c r="BH1587" s="1106"/>
      <c r="BI1587" s="1106"/>
      <c r="BJ1587" s="1106"/>
      <c r="BK1587" s="1106"/>
      <c r="BL1587" s="1106"/>
      <c r="BM1587" s="1106"/>
      <c r="BN1587" s="1106"/>
      <c r="BO1587" s="1106"/>
      <c r="BP1587" s="1106"/>
      <c r="BQ1587" s="1106"/>
      <c r="BR1587" s="1106"/>
      <c r="BS1587" s="1106"/>
      <c r="BT1587" s="1106"/>
      <c r="BU1587" s="1106"/>
      <c r="BV1587" s="1106"/>
      <c r="BW1587" s="1106"/>
      <c r="BX1587" s="1106"/>
      <c r="BY1587" s="1106"/>
      <c r="BZ1587" s="1106"/>
      <c r="CA1587" s="1106"/>
    </row>
    <row r="1588" spans="3:79" ht="9" customHeight="1" x14ac:dyDescent="0.2">
      <c r="C1588" s="1106"/>
      <c r="D1588" s="1106"/>
      <c r="E1588" s="1106"/>
      <c r="F1588" s="1106"/>
      <c r="G1588" s="1106"/>
      <c r="H1588" s="1106"/>
      <c r="I1588" s="1106"/>
      <c r="J1588" s="1106"/>
      <c r="K1588" s="1106"/>
      <c r="L1588" s="1106"/>
      <c r="M1588" s="1106"/>
      <c r="N1588" s="1106"/>
      <c r="O1588" s="1106"/>
      <c r="U1588" s="1106"/>
      <c r="AB1588" s="1106"/>
      <c r="AC1588" s="1106"/>
      <c r="AD1588" s="1106"/>
      <c r="AE1588" s="1106"/>
      <c r="AF1588" s="1106"/>
      <c r="AG1588" s="1106"/>
      <c r="AH1588" s="1106"/>
      <c r="AL1588" s="1106"/>
      <c r="AT1588" s="1106"/>
      <c r="AU1588" s="1106"/>
      <c r="AV1588" s="1106"/>
      <c r="AW1588" s="1106"/>
      <c r="AX1588" s="1106"/>
      <c r="AY1588" s="1106"/>
      <c r="AZ1588" s="1106"/>
      <c r="BA1588" s="1106"/>
      <c r="BB1588" s="1106"/>
      <c r="BC1588" s="1106"/>
      <c r="BD1588" s="1106"/>
      <c r="BE1588" s="1106"/>
      <c r="BF1588" s="1106"/>
      <c r="BG1588" s="1106"/>
      <c r="BH1588" s="1106"/>
      <c r="BI1588" s="1106"/>
      <c r="BJ1588" s="1106"/>
      <c r="BK1588" s="1106"/>
      <c r="BL1588" s="1106"/>
      <c r="BM1588" s="1106"/>
      <c r="BN1588" s="1106"/>
      <c r="BO1588" s="1106"/>
      <c r="BP1588" s="1106"/>
      <c r="BQ1588" s="1106"/>
      <c r="BR1588" s="1106"/>
      <c r="BS1588" s="1106"/>
      <c r="BT1588" s="1106"/>
      <c r="BU1588" s="1106"/>
      <c r="BV1588" s="1106"/>
      <c r="BW1588" s="1106"/>
      <c r="BX1588" s="1106"/>
      <c r="BY1588" s="1106"/>
      <c r="BZ1588" s="1106"/>
      <c r="CA1588" s="1106"/>
    </row>
    <row r="1589" spans="3:79" ht="9" customHeight="1" x14ac:dyDescent="0.2">
      <c r="C1589" s="1106"/>
      <c r="D1589" s="1106"/>
      <c r="E1589" s="1106"/>
      <c r="F1589" s="1106"/>
      <c r="G1589" s="1106"/>
      <c r="H1589" s="1106"/>
      <c r="I1589" s="1106"/>
      <c r="J1589" s="1106"/>
      <c r="K1589" s="1106"/>
      <c r="L1589" s="1106"/>
      <c r="M1589" s="1106"/>
      <c r="N1589" s="1106"/>
      <c r="O1589" s="1106"/>
      <c r="U1589" s="1106"/>
      <c r="AB1589" s="1106"/>
      <c r="AC1589" s="1106"/>
      <c r="AD1589" s="1106"/>
      <c r="AE1589" s="1106"/>
      <c r="AF1589" s="1106"/>
      <c r="AG1589" s="1106"/>
      <c r="AH1589" s="1106"/>
      <c r="AL1589" s="1106"/>
      <c r="AO1589" s="1106"/>
      <c r="AP1589" s="1106"/>
      <c r="AT1589" s="1106"/>
      <c r="AU1589" s="1106"/>
      <c r="AV1589" s="1106"/>
      <c r="AW1589" s="1106"/>
      <c r="AX1589" s="1106"/>
      <c r="AY1589" s="1106"/>
      <c r="AZ1589" s="1106"/>
      <c r="BA1589" s="1106"/>
      <c r="BB1589" s="1106"/>
      <c r="BC1589" s="1106"/>
      <c r="BD1589" s="1106"/>
      <c r="BE1589" s="1106"/>
      <c r="BF1589" s="1106"/>
      <c r="BG1589" s="1106"/>
      <c r="BH1589" s="1106"/>
      <c r="BI1589" s="1106"/>
      <c r="BJ1589" s="1106"/>
      <c r="BK1589" s="1106"/>
      <c r="BL1589" s="1106"/>
      <c r="BM1589" s="1106"/>
      <c r="BN1589" s="1106"/>
      <c r="BO1589" s="1106"/>
      <c r="BP1589" s="1106"/>
      <c r="BQ1589" s="1106"/>
      <c r="BR1589" s="1106"/>
      <c r="BS1589" s="1106"/>
      <c r="BT1589" s="1106"/>
      <c r="BU1589" s="1106"/>
      <c r="BV1589" s="1106"/>
      <c r="BW1589" s="1106"/>
      <c r="BX1589" s="1106"/>
      <c r="BY1589" s="1106"/>
      <c r="BZ1589" s="1106"/>
      <c r="CA1589" s="1106"/>
    </row>
    <row r="1590" spans="3:79" ht="9" customHeight="1" x14ac:dyDescent="0.2">
      <c r="C1590" s="1106"/>
      <c r="D1590" s="1106"/>
      <c r="E1590" s="1106"/>
      <c r="F1590" s="1106"/>
      <c r="G1590" s="1106"/>
      <c r="H1590" s="1106"/>
      <c r="I1590" s="1106"/>
      <c r="J1590" s="1106"/>
      <c r="K1590" s="1106"/>
      <c r="L1590" s="1106"/>
      <c r="M1590" s="1106"/>
      <c r="N1590" s="1106"/>
      <c r="O1590" s="1106"/>
      <c r="U1590" s="1106"/>
      <c r="AB1590" s="1106"/>
      <c r="AC1590" s="1106"/>
      <c r="AD1590" s="1106"/>
      <c r="AE1590" s="1106"/>
      <c r="AF1590" s="1106"/>
      <c r="AG1590" s="1106"/>
      <c r="AH1590" s="1106"/>
      <c r="AL1590" s="1106"/>
      <c r="AT1590" s="1106"/>
      <c r="AU1590" s="1106"/>
      <c r="AV1590" s="1106"/>
      <c r="AW1590" s="1106"/>
      <c r="AX1590" s="1106"/>
      <c r="AY1590" s="1106"/>
      <c r="AZ1590" s="1106"/>
      <c r="BA1590" s="1106"/>
      <c r="BB1590" s="1106"/>
      <c r="BC1590" s="1106"/>
      <c r="BD1590" s="1106"/>
      <c r="BE1590" s="1106"/>
      <c r="BF1590" s="1106"/>
      <c r="BG1590" s="1106"/>
      <c r="BH1590" s="1106"/>
      <c r="BI1590" s="1106"/>
      <c r="BJ1590" s="1106"/>
      <c r="BK1590" s="1106"/>
      <c r="BL1590" s="1106"/>
      <c r="BM1590" s="1106"/>
      <c r="BN1590" s="1106"/>
      <c r="BO1590" s="1106"/>
      <c r="BP1590" s="1106"/>
      <c r="BQ1590" s="1106"/>
      <c r="BR1590" s="1106"/>
      <c r="BS1590" s="1106"/>
      <c r="BT1590" s="1106"/>
      <c r="BU1590" s="1106"/>
      <c r="BV1590" s="1106"/>
      <c r="BW1590" s="1106"/>
      <c r="BX1590" s="1106"/>
      <c r="BY1590" s="1106"/>
      <c r="BZ1590" s="1106"/>
      <c r="CA1590" s="1106"/>
    </row>
    <row r="1591" spans="3:79" ht="9" customHeight="1" x14ac:dyDescent="0.2">
      <c r="C1591" s="1106"/>
      <c r="D1591" s="1106"/>
      <c r="E1591" s="1106"/>
      <c r="F1591" s="1106"/>
      <c r="G1591" s="1106"/>
      <c r="H1591" s="1106"/>
      <c r="I1591" s="1106"/>
      <c r="J1591" s="1106"/>
      <c r="K1591" s="1106"/>
      <c r="L1591" s="1106"/>
      <c r="M1591" s="1106"/>
      <c r="N1591" s="1106"/>
      <c r="O1591" s="1106"/>
      <c r="AB1591" s="1106"/>
      <c r="AC1591" s="1106"/>
      <c r="AD1591" s="1106"/>
      <c r="AE1591" s="1106"/>
      <c r="AF1591" s="1106"/>
      <c r="AG1591" s="1106"/>
      <c r="AH1591" s="1106"/>
      <c r="AL1591" s="1106"/>
      <c r="AZ1591" s="1106"/>
      <c r="BA1591" s="1106"/>
      <c r="BB1591" s="1106"/>
      <c r="BC1591" s="1106"/>
      <c r="BD1591" s="1106"/>
      <c r="BE1591" s="1106"/>
      <c r="BF1591" s="1106"/>
      <c r="BG1591" s="1106"/>
      <c r="BH1591" s="1106"/>
      <c r="BI1591" s="1106"/>
      <c r="BJ1591" s="1106"/>
      <c r="BK1591" s="1106"/>
      <c r="BL1591" s="1106"/>
      <c r="BM1591" s="1106"/>
      <c r="BN1591" s="1106"/>
      <c r="BO1591" s="1106"/>
      <c r="BP1591" s="1106"/>
      <c r="BQ1591" s="1106"/>
      <c r="BR1591" s="1106"/>
      <c r="BS1591" s="1106"/>
      <c r="BT1591" s="1106"/>
      <c r="BU1591" s="1106"/>
      <c r="BV1591" s="1106"/>
      <c r="BW1591" s="1106"/>
      <c r="BX1591" s="1106"/>
      <c r="BY1591" s="1106"/>
      <c r="BZ1591" s="1106"/>
      <c r="CA1591" s="1106"/>
    </row>
    <row r="1592" spans="3:79" ht="9" customHeight="1" x14ac:dyDescent="0.2">
      <c r="C1592" s="1106"/>
      <c r="D1592" s="1106"/>
      <c r="E1592" s="1106"/>
      <c r="F1592" s="1106"/>
      <c r="G1592" s="1106"/>
      <c r="H1592" s="1106"/>
      <c r="I1592" s="1106"/>
      <c r="J1592" s="1106"/>
      <c r="K1592" s="1106"/>
      <c r="L1592" s="1106"/>
      <c r="M1592" s="1106"/>
      <c r="N1592" s="1106"/>
      <c r="O1592" s="1106"/>
      <c r="AB1592" s="1106"/>
      <c r="AC1592" s="1106"/>
      <c r="AD1592" s="1106"/>
      <c r="AE1592" s="1106"/>
      <c r="AF1592" s="1106"/>
      <c r="AG1592" s="1106"/>
      <c r="AH1592" s="1106"/>
      <c r="AL1592" s="1106"/>
      <c r="AZ1592" s="1106"/>
      <c r="BA1592" s="1106"/>
      <c r="BB1592" s="1106"/>
      <c r="BC1592" s="1106"/>
      <c r="BD1592" s="1106"/>
      <c r="BE1592" s="1106"/>
      <c r="BF1592" s="1106"/>
      <c r="BG1592" s="1106"/>
      <c r="BH1592" s="1106"/>
      <c r="BI1592" s="1106"/>
      <c r="BJ1592" s="1106"/>
      <c r="BK1592" s="1106"/>
      <c r="BL1592" s="1106"/>
      <c r="BM1592" s="1106"/>
      <c r="BN1592" s="1106"/>
      <c r="BO1592" s="1106"/>
      <c r="BP1592" s="1106"/>
      <c r="BQ1592" s="1106"/>
      <c r="BR1592" s="1106"/>
      <c r="BS1592" s="1106"/>
      <c r="BT1592" s="1106"/>
      <c r="BU1592" s="1106"/>
      <c r="BV1592" s="1106"/>
      <c r="BW1592" s="1106"/>
      <c r="BX1592" s="1106"/>
      <c r="BY1592" s="1106"/>
      <c r="BZ1592" s="1106"/>
      <c r="CA1592" s="1106"/>
    </row>
    <row r="1593" spans="3:79" ht="9" customHeight="1" x14ac:dyDescent="0.2">
      <c r="C1593" s="1106"/>
      <c r="D1593" s="1106"/>
      <c r="E1593" s="1106"/>
      <c r="F1593" s="1106"/>
      <c r="G1593" s="1106"/>
      <c r="H1593" s="1106"/>
      <c r="I1593" s="1106"/>
      <c r="J1593" s="1106"/>
      <c r="K1593" s="1106"/>
      <c r="L1593" s="1106"/>
      <c r="M1593" s="1106"/>
      <c r="N1593" s="1106"/>
      <c r="O1593" s="1106"/>
      <c r="AB1593" s="1106"/>
      <c r="AC1593" s="1106"/>
      <c r="AD1593" s="1106"/>
      <c r="AE1593" s="1106"/>
      <c r="AF1593" s="1106"/>
      <c r="AG1593" s="1106"/>
      <c r="AH1593" s="1106"/>
      <c r="AL1593" s="1106"/>
      <c r="AZ1593" s="1106"/>
      <c r="BA1593" s="1106"/>
      <c r="BB1593" s="1106"/>
      <c r="BC1593" s="1106"/>
      <c r="BD1593" s="1106"/>
      <c r="BE1593" s="1106"/>
      <c r="BF1593" s="1106"/>
      <c r="BG1593" s="1106"/>
      <c r="BH1593" s="1106"/>
      <c r="BI1593" s="1106"/>
      <c r="BJ1593" s="1106"/>
      <c r="BK1593" s="1106"/>
      <c r="BL1593" s="1106"/>
      <c r="BM1593" s="1106"/>
      <c r="BN1593" s="1106"/>
      <c r="BO1593" s="1106"/>
      <c r="BP1593" s="1106"/>
      <c r="BQ1593" s="1106"/>
      <c r="BR1593" s="1106"/>
      <c r="BS1593" s="1106"/>
      <c r="BT1593" s="1106"/>
      <c r="BU1593" s="1106"/>
      <c r="BV1593" s="1106"/>
      <c r="BW1593" s="1106"/>
      <c r="BX1593" s="1106"/>
      <c r="BY1593" s="1106"/>
      <c r="BZ1593" s="1106"/>
      <c r="CA1593" s="1106"/>
    </row>
    <row r="1594" spans="3:79" ht="9" customHeight="1" x14ac:dyDescent="0.2">
      <c r="C1594" s="1106"/>
      <c r="D1594" s="1106"/>
      <c r="E1594" s="1106"/>
      <c r="F1594" s="1106"/>
      <c r="G1594" s="1106"/>
      <c r="H1594" s="1106"/>
      <c r="I1594" s="1106"/>
      <c r="J1594" s="1106"/>
      <c r="K1594" s="1106"/>
      <c r="L1594" s="1106"/>
      <c r="M1594" s="1106"/>
      <c r="N1594" s="1106"/>
      <c r="O1594" s="1106"/>
      <c r="U1594" s="1106"/>
      <c r="AB1594" s="1106"/>
      <c r="AC1594" s="1106"/>
      <c r="AD1594" s="1106"/>
      <c r="AE1594" s="1106"/>
      <c r="AF1594" s="1106"/>
      <c r="AG1594" s="1106"/>
      <c r="AH1594" s="1106"/>
      <c r="AL1594" s="1106"/>
      <c r="AT1594" s="1106"/>
      <c r="AU1594" s="1106"/>
      <c r="AV1594" s="1106"/>
      <c r="AW1594" s="1106"/>
      <c r="AX1594" s="1106"/>
      <c r="AY1594" s="1106"/>
      <c r="AZ1594" s="1106"/>
      <c r="BA1594" s="1106"/>
      <c r="BB1594" s="1106"/>
      <c r="BC1594" s="1106"/>
      <c r="BD1594" s="1106"/>
      <c r="BE1594" s="1106"/>
      <c r="BF1594" s="1106"/>
      <c r="BG1594" s="1106"/>
      <c r="BH1594" s="1106"/>
      <c r="BI1594" s="1106"/>
      <c r="BJ1594" s="1106"/>
      <c r="BK1594" s="1106"/>
      <c r="BL1594" s="1106"/>
      <c r="BM1594" s="1106"/>
      <c r="BN1594" s="1106"/>
      <c r="BO1594" s="1106"/>
      <c r="BP1594" s="1106"/>
      <c r="BQ1594" s="1106"/>
      <c r="BR1594" s="1106"/>
      <c r="BS1594" s="1106"/>
      <c r="BT1594" s="1106"/>
      <c r="BU1594" s="1106"/>
      <c r="BV1594" s="1106"/>
      <c r="BW1594" s="1106"/>
      <c r="BX1594" s="1106"/>
      <c r="BY1594" s="1106"/>
      <c r="BZ1594" s="1106"/>
      <c r="CA1594" s="1106"/>
    </row>
    <row r="1595" spans="3:79" ht="9" customHeight="1" x14ac:dyDescent="0.2">
      <c r="C1595" s="1106"/>
      <c r="D1595" s="1106"/>
      <c r="E1595" s="1106"/>
      <c r="F1595" s="1106"/>
      <c r="G1595" s="1106"/>
      <c r="H1595" s="1106"/>
      <c r="I1595" s="1106"/>
      <c r="J1595" s="1106"/>
      <c r="K1595" s="1106"/>
      <c r="L1595" s="1106"/>
      <c r="M1595" s="1106"/>
      <c r="N1595" s="1106"/>
      <c r="O1595" s="1106"/>
      <c r="U1595" s="1106"/>
      <c r="AB1595" s="1106"/>
      <c r="AC1595" s="1106"/>
      <c r="AD1595" s="1106"/>
      <c r="AE1595" s="1106"/>
      <c r="AF1595" s="1106"/>
      <c r="AG1595" s="1106"/>
      <c r="AH1595" s="1106"/>
      <c r="AL1595" s="1106"/>
      <c r="AO1595" s="1106"/>
      <c r="AP1595" s="1106"/>
      <c r="AT1595" s="1106"/>
      <c r="AU1595" s="1106"/>
      <c r="AV1595" s="1106"/>
      <c r="AW1595" s="1106"/>
      <c r="AX1595" s="1106"/>
      <c r="AY1595" s="1106"/>
      <c r="AZ1595" s="1106"/>
      <c r="BA1595" s="1106"/>
      <c r="BB1595" s="1106"/>
      <c r="BC1595" s="1106"/>
      <c r="BD1595" s="1106"/>
      <c r="BE1595" s="1106"/>
      <c r="BF1595" s="1106"/>
      <c r="BG1595" s="1106"/>
      <c r="BH1595" s="1106"/>
      <c r="BI1595" s="1106"/>
      <c r="BJ1595" s="1106"/>
      <c r="BK1595" s="1106"/>
      <c r="BL1595" s="1106"/>
      <c r="BM1595" s="1106"/>
      <c r="BN1595" s="1106"/>
      <c r="BO1595" s="1106"/>
      <c r="BP1595" s="1106"/>
      <c r="BQ1595" s="1106"/>
      <c r="BR1595" s="1106"/>
      <c r="BS1595" s="1106"/>
      <c r="BT1595" s="1106"/>
      <c r="BU1595" s="1106"/>
      <c r="BV1595" s="1106"/>
      <c r="BW1595" s="1106"/>
      <c r="BX1595" s="1106"/>
      <c r="BY1595" s="1106"/>
      <c r="BZ1595" s="1106"/>
      <c r="CA1595" s="1106"/>
    </row>
    <row r="1596" spans="3:79" ht="9" customHeight="1" x14ac:dyDescent="0.2">
      <c r="C1596" s="1106"/>
      <c r="D1596" s="1106"/>
      <c r="E1596" s="1106"/>
      <c r="F1596" s="1106"/>
      <c r="G1596" s="1106"/>
      <c r="H1596" s="1106"/>
      <c r="I1596" s="1106"/>
      <c r="J1596" s="1106"/>
      <c r="K1596" s="1106"/>
      <c r="L1596" s="1106"/>
      <c r="M1596" s="1106"/>
      <c r="N1596" s="1106"/>
      <c r="O1596" s="1106"/>
      <c r="U1596" s="1106"/>
      <c r="AB1596" s="1106"/>
      <c r="AC1596" s="1106"/>
      <c r="AD1596" s="1106"/>
      <c r="AE1596" s="1106"/>
      <c r="AF1596" s="1106"/>
      <c r="AG1596" s="1106"/>
      <c r="AH1596" s="1106"/>
      <c r="AL1596" s="1106"/>
      <c r="AT1596" s="1106"/>
      <c r="AU1596" s="1106"/>
      <c r="AV1596" s="1106"/>
      <c r="AW1596" s="1106"/>
      <c r="AX1596" s="1106"/>
      <c r="AY1596" s="1106"/>
      <c r="AZ1596" s="1106"/>
      <c r="BA1596" s="1106"/>
      <c r="BB1596" s="1106"/>
      <c r="BC1596" s="1106"/>
      <c r="BD1596" s="1106"/>
      <c r="BE1596" s="1106"/>
      <c r="BF1596" s="1106"/>
      <c r="BG1596" s="1106"/>
      <c r="BH1596" s="1106"/>
      <c r="BI1596" s="1106"/>
      <c r="BJ1596" s="1106"/>
      <c r="BK1596" s="1106"/>
      <c r="BL1596" s="1106"/>
      <c r="BM1596" s="1106"/>
      <c r="BN1596" s="1106"/>
      <c r="BO1596" s="1106"/>
      <c r="BP1596" s="1106"/>
      <c r="BQ1596" s="1106"/>
      <c r="BR1596" s="1106"/>
      <c r="BS1596" s="1106"/>
      <c r="BT1596" s="1106"/>
      <c r="BU1596" s="1106"/>
      <c r="BV1596" s="1106"/>
      <c r="BW1596" s="1106"/>
      <c r="BX1596" s="1106"/>
      <c r="BY1596" s="1106"/>
      <c r="BZ1596" s="1106"/>
      <c r="CA1596" s="1106"/>
    </row>
    <row r="1597" spans="3:79" ht="9" customHeight="1" x14ac:dyDescent="0.2">
      <c r="C1597" s="1106"/>
      <c r="D1597" s="1106"/>
      <c r="E1597" s="1106"/>
      <c r="F1597" s="1106"/>
      <c r="G1597" s="1106"/>
      <c r="H1597" s="1106"/>
      <c r="I1597" s="1106"/>
      <c r="J1597" s="1106"/>
      <c r="K1597" s="1106"/>
      <c r="L1597" s="1106"/>
      <c r="M1597" s="1106"/>
      <c r="N1597" s="1106"/>
      <c r="O1597" s="1106"/>
      <c r="AB1597" s="1106"/>
      <c r="AC1597" s="1106"/>
      <c r="AD1597" s="1106"/>
      <c r="AE1597" s="1106"/>
      <c r="AF1597" s="1106"/>
      <c r="AG1597" s="1106"/>
      <c r="AH1597" s="1106"/>
      <c r="AL1597" s="1106"/>
      <c r="AZ1597" s="1106"/>
      <c r="BA1597" s="1106"/>
      <c r="BB1597" s="1106"/>
      <c r="BC1597" s="1106"/>
      <c r="BD1597" s="1106"/>
      <c r="BE1597" s="1106"/>
      <c r="BF1597" s="1106"/>
      <c r="BG1597" s="1106"/>
      <c r="BH1597" s="1106"/>
      <c r="BI1597" s="1106"/>
      <c r="BJ1597" s="1106"/>
      <c r="BK1597" s="1106"/>
      <c r="BL1597" s="1106"/>
      <c r="BM1597" s="1106"/>
      <c r="BN1597" s="1106"/>
      <c r="BO1597" s="1106"/>
      <c r="BP1597" s="1106"/>
      <c r="BQ1597" s="1106"/>
      <c r="BR1597" s="1106"/>
      <c r="BS1597" s="1106"/>
      <c r="BT1597" s="1106"/>
      <c r="BU1597" s="1106"/>
      <c r="BV1597" s="1106"/>
      <c r="BW1597" s="1106"/>
      <c r="BX1597" s="1106"/>
      <c r="BY1597" s="1106"/>
      <c r="BZ1597" s="1106"/>
      <c r="CA1597" s="1106"/>
    </row>
    <row r="1598" spans="3:79" ht="9" customHeight="1" x14ac:dyDescent="0.2">
      <c r="C1598" s="1106"/>
      <c r="D1598" s="1106"/>
      <c r="E1598" s="1106"/>
      <c r="F1598" s="1106"/>
      <c r="G1598" s="1106"/>
      <c r="H1598" s="1106"/>
      <c r="I1598" s="1106"/>
      <c r="J1598" s="1106"/>
      <c r="K1598" s="1106"/>
      <c r="L1598" s="1106"/>
      <c r="M1598" s="1106"/>
      <c r="N1598" s="1106"/>
      <c r="O1598" s="1106"/>
      <c r="AB1598" s="1106"/>
      <c r="AC1598" s="1106"/>
      <c r="AD1598" s="1106"/>
      <c r="AE1598" s="1106"/>
      <c r="AF1598" s="1106"/>
      <c r="AG1598" s="1106"/>
      <c r="AH1598" s="1106"/>
      <c r="AL1598" s="1106"/>
      <c r="AZ1598" s="1106"/>
      <c r="BA1598" s="1106"/>
      <c r="BB1598" s="1106"/>
      <c r="BC1598" s="1106"/>
      <c r="BD1598" s="1106"/>
      <c r="BE1598" s="1106"/>
      <c r="BF1598" s="1106"/>
      <c r="BG1598" s="1106"/>
      <c r="BH1598" s="1106"/>
      <c r="BI1598" s="1106"/>
      <c r="BJ1598" s="1106"/>
      <c r="BK1598" s="1106"/>
      <c r="BL1598" s="1106"/>
      <c r="BM1598" s="1106"/>
      <c r="BN1598" s="1106"/>
      <c r="BO1598" s="1106"/>
      <c r="BP1598" s="1106"/>
      <c r="BQ1598" s="1106"/>
      <c r="BR1598" s="1106"/>
      <c r="BS1598" s="1106"/>
      <c r="BT1598" s="1106"/>
      <c r="BU1598" s="1106"/>
      <c r="BV1598" s="1106"/>
      <c r="BW1598" s="1106"/>
      <c r="BX1598" s="1106"/>
      <c r="BY1598" s="1106"/>
      <c r="BZ1598" s="1106"/>
      <c r="CA1598" s="1106"/>
    </row>
    <row r="1599" spans="3:79" ht="9" customHeight="1" x14ac:dyDescent="0.2">
      <c r="C1599" s="1106"/>
      <c r="D1599" s="1106"/>
      <c r="E1599" s="1106"/>
      <c r="F1599" s="1106"/>
      <c r="G1599" s="1106"/>
      <c r="H1599" s="1106"/>
      <c r="I1599" s="1106"/>
      <c r="J1599" s="1106"/>
      <c r="K1599" s="1106"/>
      <c r="L1599" s="1106"/>
      <c r="M1599" s="1106"/>
      <c r="N1599" s="1106"/>
      <c r="O1599" s="1106"/>
      <c r="AB1599" s="1106"/>
      <c r="AC1599" s="1106"/>
      <c r="AD1599" s="1106"/>
      <c r="AE1599" s="1106"/>
      <c r="AF1599" s="1106"/>
      <c r="AG1599" s="1106"/>
      <c r="AH1599" s="1106"/>
      <c r="AL1599" s="1106"/>
      <c r="AZ1599" s="1106"/>
      <c r="BA1599" s="1106"/>
      <c r="BB1599" s="1106"/>
      <c r="BC1599" s="1106"/>
      <c r="BD1599" s="1106"/>
      <c r="BE1599" s="1106"/>
      <c r="BF1599" s="1106"/>
      <c r="BG1599" s="1106"/>
      <c r="BH1599" s="1106"/>
      <c r="BI1599" s="1106"/>
      <c r="BJ1599" s="1106"/>
      <c r="BK1599" s="1106"/>
      <c r="BL1599" s="1106"/>
      <c r="BM1599" s="1106"/>
      <c r="BN1599" s="1106"/>
      <c r="BO1599" s="1106"/>
      <c r="BP1599" s="1106"/>
      <c r="BQ1599" s="1106"/>
      <c r="BR1599" s="1106"/>
      <c r="BS1599" s="1106"/>
      <c r="BT1599" s="1106"/>
      <c r="BU1599" s="1106"/>
      <c r="BV1599" s="1106"/>
      <c r="BW1599" s="1106"/>
      <c r="BX1599" s="1106"/>
      <c r="BY1599" s="1106"/>
      <c r="BZ1599" s="1106"/>
      <c r="CA1599" s="1106"/>
    </row>
    <row r="1600" spans="3:79" ht="9" customHeight="1" x14ac:dyDescent="0.2">
      <c r="C1600" s="1106"/>
      <c r="D1600" s="1106"/>
      <c r="E1600" s="1106"/>
      <c r="F1600" s="1106"/>
      <c r="G1600" s="1106"/>
      <c r="H1600" s="1106"/>
      <c r="I1600" s="1106"/>
      <c r="J1600" s="1106"/>
      <c r="K1600" s="1106"/>
      <c r="L1600" s="1106"/>
      <c r="M1600" s="1106"/>
      <c r="N1600" s="1106"/>
      <c r="O1600" s="1106"/>
      <c r="U1600" s="1106"/>
      <c r="AB1600" s="1106"/>
      <c r="AC1600" s="1106"/>
      <c r="AD1600" s="1106"/>
      <c r="AE1600" s="1106"/>
      <c r="AF1600" s="1106"/>
      <c r="AG1600" s="1106"/>
      <c r="AH1600" s="1106"/>
      <c r="AL1600" s="1106"/>
      <c r="AT1600" s="1106"/>
      <c r="AU1600" s="1106"/>
      <c r="AV1600" s="1106"/>
      <c r="AW1600" s="1106"/>
      <c r="AX1600" s="1106"/>
      <c r="AY1600" s="1106"/>
      <c r="AZ1600" s="1106"/>
      <c r="BA1600" s="1106"/>
      <c r="BB1600" s="1106"/>
      <c r="BC1600" s="1106"/>
      <c r="BD1600" s="1106"/>
      <c r="BE1600" s="1106"/>
      <c r="BF1600" s="1106"/>
      <c r="BG1600" s="1106"/>
      <c r="BH1600" s="1106"/>
      <c r="BI1600" s="1106"/>
      <c r="BJ1600" s="1106"/>
      <c r="BK1600" s="1106"/>
      <c r="BL1600" s="1106"/>
      <c r="BM1600" s="1106"/>
      <c r="BN1600" s="1106"/>
      <c r="BO1600" s="1106"/>
      <c r="BP1600" s="1106"/>
      <c r="BQ1600" s="1106"/>
      <c r="BR1600" s="1106"/>
      <c r="BS1600" s="1106"/>
      <c r="BT1600" s="1106"/>
      <c r="BU1600" s="1106"/>
      <c r="BV1600" s="1106"/>
      <c r="BW1600" s="1106"/>
      <c r="BX1600" s="1106"/>
      <c r="BY1600" s="1106"/>
      <c r="BZ1600" s="1106"/>
      <c r="CA1600" s="1106"/>
    </row>
    <row r="1601" spans="3:79" ht="9" customHeight="1" x14ac:dyDescent="0.2">
      <c r="C1601" s="1106"/>
      <c r="D1601" s="1106"/>
      <c r="E1601" s="1106"/>
      <c r="F1601" s="1106"/>
      <c r="G1601" s="1106"/>
      <c r="H1601" s="1106"/>
      <c r="I1601" s="1106"/>
      <c r="J1601" s="1106"/>
      <c r="K1601" s="1106"/>
      <c r="L1601" s="1106"/>
      <c r="M1601" s="1106"/>
      <c r="N1601" s="1106"/>
      <c r="O1601" s="1106"/>
      <c r="U1601" s="1106"/>
      <c r="AB1601" s="1106"/>
      <c r="AC1601" s="1106"/>
      <c r="AD1601" s="1106"/>
      <c r="AE1601" s="1106"/>
      <c r="AF1601" s="1106"/>
      <c r="AG1601" s="1106"/>
      <c r="AH1601" s="1106"/>
      <c r="AL1601" s="1106"/>
      <c r="AO1601" s="1106"/>
      <c r="AP1601" s="1106"/>
      <c r="AT1601" s="1106"/>
      <c r="AU1601" s="1106"/>
      <c r="AV1601" s="1106"/>
      <c r="AW1601" s="1106"/>
      <c r="AX1601" s="1106"/>
      <c r="AY1601" s="1106"/>
      <c r="AZ1601" s="1106"/>
      <c r="BA1601" s="1106"/>
      <c r="BB1601" s="1106"/>
      <c r="BC1601" s="1106"/>
      <c r="BD1601" s="1106"/>
      <c r="BE1601" s="1106"/>
      <c r="BF1601" s="1106"/>
      <c r="BG1601" s="1106"/>
      <c r="BH1601" s="1106"/>
      <c r="BI1601" s="1106"/>
      <c r="BJ1601" s="1106"/>
      <c r="BK1601" s="1106"/>
      <c r="BL1601" s="1106"/>
      <c r="BM1601" s="1106"/>
      <c r="BN1601" s="1106"/>
      <c r="BO1601" s="1106"/>
      <c r="BP1601" s="1106"/>
      <c r="BQ1601" s="1106"/>
      <c r="BR1601" s="1106"/>
      <c r="BS1601" s="1106"/>
      <c r="BT1601" s="1106"/>
      <c r="BU1601" s="1106"/>
      <c r="BV1601" s="1106"/>
      <c r="BW1601" s="1106"/>
      <c r="BX1601" s="1106"/>
      <c r="BY1601" s="1106"/>
      <c r="BZ1601" s="1106"/>
      <c r="CA1601" s="1106"/>
    </row>
    <row r="1602" spans="3:79" ht="9" customHeight="1" x14ac:dyDescent="0.2">
      <c r="C1602" s="1106"/>
      <c r="D1602" s="1106"/>
      <c r="E1602" s="1106"/>
      <c r="F1602" s="1106"/>
      <c r="G1602" s="1106"/>
      <c r="H1602" s="1106"/>
      <c r="I1602" s="1106"/>
      <c r="J1602" s="1106"/>
      <c r="K1602" s="1106"/>
      <c r="L1602" s="1106"/>
      <c r="M1602" s="1106"/>
      <c r="N1602" s="1106"/>
      <c r="O1602" s="1106"/>
      <c r="U1602" s="1106"/>
      <c r="AB1602" s="1106"/>
      <c r="AC1602" s="1106"/>
      <c r="AD1602" s="1106"/>
      <c r="AE1602" s="1106"/>
      <c r="AF1602" s="1106"/>
      <c r="AG1602" s="1106"/>
      <c r="AH1602" s="1106"/>
      <c r="AL1602" s="1106"/>
      <c r="AT1602" s="1106"/>
      <c r="AU1602" s="1106"/>
      <c r="AV1602" s="1106"/>
      <c r="AW1602" s="1106"/>
      <c r="AX1602" s="1106"/>
      <c r="AY1602" s="1106"/>
      <c r="AZ1602" s="1106"/>
      <c r="BA1602" s="1106"/>
      <c r="BB1602" s="1106"/>
      <c r="BC1602" s="1106"/>
      <c r="BD1602" s="1106"/>
      <c r="BE1602" s="1106"/>
      <c r="BF1602" s="1106"/>
      <c r="BG1602" s="1106"/>
      <c r="BH1602" s="1106"/>
      <c r="BI1602" s="1106"/>
      <c r="BJ1602" s="1106"/>
      <c r="BK1602" s="1106"/>
      <c r="BL1602" s="1106"/>
      <c r="BM1602" s="1106"/>
      <c r="BN1602" s="1106"/>
      <c r="BO1602" s="1106"/>
      <c r="BP1602" s="1106"/>
      <c r="BQ1602" s="1106"/>
      <c r="BR1602" s="1106"/>
      <c r="BS1602" s="1106"/>
      <c r="BT1602" s="1106"/>
      <c r="BU1602" s="1106"/>
      <c r="BV1602" s="1106"/>
      <c r="BW1602" s="1106"/>
      <c r="BX1602" s="1106"/>
      <c r="BY1602" s="1106"/>
      <c r="BZ1602" s="1106"/>
      <c r="CA1602" s="1106"/>
    </row>
    <row r="1603" spans="3:79" ht="9" customHeight="1" x14ac:dyDescent="0.2">
      <c r="C1603" s="1106"/>
      <c r="D1603" s="1106"/>
      <c r="E1603" s="1106"/>
      <c r="F1603" s="1106"/>
      <c r="G1603" s="1106"/>
      <c r="H1603" s="1106"/>
      <c r="I1603" s="1106"/>
      <c r="J1603" s="1106"/>
      <c r="K1603" s="1106"/>
      <c r="L1603" s="1106"/>
      <c r="M1603" s="1106"/>
      <c r="N1603" s="1106"/>
      <c r="O1603" s="1106"/>
      <c r="AB1603" s="1106"/>
      <c r="AC1603" s="1106"/>
      <c r="AD1603" s="1106"/>
      <c r="AE1603" s="1106"/>
      <c r="AF1603" s="1106"/>
      <c r="AG1603" s="1106"/>
      <c r="AH1603" s="1106"/>
      <c r="AL1603" s="1106"/>
      <c r="AZ1603" s="1106"/>
      <c r="BA1603" s="1106"/>
      <c r="BB1603" s="1106"/>
      <c r="BC1603" s="1106"/>
      <c r="BD1603" s="1106"/>
      <c r="BE1603" s="1106"/>
      <c r="BF1603" s="1106"/>
      <c r="BG1603" s="1106"/>
      <c r="BH1603" s="1106"/>
      <c r="BI1603" s="1106"/>
      <c r="BJ1603" s="1106"/>
      <c r="BK1603" s="1106"/>
      <c r="BL1603" s="1106"/>
      <c r="BM1603" s="1106"/>
      <c r="BN1603" s="1106"/>
      <c r="BO1603" s="1106"/>
      <c r="BP1603" s="1106"/>
      <c r="BQ1603" s="1106"/>
      <c r="BR1603" s="1106"/>
      <c r="BS1603" s="1106"/>
      <c r="BT1603" s="1106"/>
      <c r="BU1603" s="1106"/>
      <c r="BV1603" s="1106"/>
      <c r="BW1603" s="1106"/>
      <c r="BX1603" s="1106"/>
      <c r="BY1603" s="1106"/>
      <c r="BZ1603" s="1106"/>
      <c r="CA1603" s="1106"/>
    </row>
    <row r="1604" spans="3:79" ht="9" customHeight="1" x14ac:dyDescent="0.2">
      <c r="C1604" s="1106"/>
      <c r="D1604" s="1106"/>
      <c r="E1604" s="1106"/>
      <c r="F1604" s="1106"/>
      <c r="G1604" s="1106"/>
      <c r="H1604" s="1106"/>
      <c r="I1604" s="1106"/>
      <c r="J1604" s="1106"/>
      <c r="K1604" s="1106"/>
      <c r="L1604" s="1106"/>
      <c r="M1604" s="1106"/>
      <c r="N1604" s="1106"/>
      <c r="O1604" s="1106"/>
      <c r="AB1604" s="1106"/>
      <c r="AC1604" s="1106"/>
      <c r="AD1604" s="1106"/>
      <c r="AE1604" s="1106"/>
      <c r="AF1604" s="1106"/>
      <c r="AG1604" s="1106"/>
      <c r="AH1604" s="1106"/>
      <c r="AL1604" s="1106"/>
      <c r="AZ1604" s="1106"/>
      <c r="BA1604" s="1106"/>
      <c r="BB1604" s="1106"/>
      <c r="BC1604" s="1106"/>
      <c r="BD1604" s="1106"/>
      <c r="BE1604" s="1106"/>
      <c r="BF1604" s="1106"/>
      <c r="BG1604" s="1106"/>
      <c r="BH1604" s="1106"/>
      <c r="BI1604" s="1106"/>
      <c r="BJ1604" s="1106"/>
      <c r="BK1604" s="1106"/>
      <c r="BL1604" s="1106"/>
      <c r="BM1604" s="1106"/>
      <c r="BN1604" s="1106"/>
      <c r="BO1604" s="1106"/>
      <c r="BP1604" s="1106"/>
      <c r="BQ1604" s="1106"/>
      <c r="BR1604" s="1106"/>
      <c r="BS1604" s="1106"/>
      <c r="BT1604" s="1106"/>
      <c r="BU1604" s="1106"/>
      <c r="BV1604" s="1106"/>
      <c r="BW1604" s="1106"/>
      <c r="BX1604" s="1106"/>
      <c r="BY1604" s="1106"/>
      <c r="BZ1604" s="1106"/>
      <c r="CA1604" s="1106"/>
    </row>
    <row r="1605" spans="3:79" ht="9" customHeight="1" x14ac:dyDescent="0.2">
      <c r="C1605" s="1106"/>
      <c r="D1605" s="1106"/>
      <c r="E1605" s="1106"/>
      <c r="F1605" s="1106"/>
      <c r="G1605" s="1106"/>
      <c r="H1605" s="1106"/>
      <c r="I1605" s="1106"/>
      <c r="J1605" s="1106"/>
      <c r="K1605" s="1106"/>
      <c r="L1605" s="1106"/>
      <c r="M1605" s="1106"/>
      <c r="N1605" s="1106"/>
      <c r="O1605" s="1106"/>
      <c r="AB1605" s="1106"/>
      <c r="AC1605" s="1106"/>
      <c r="AD1605" s="1106"/>
      <c r="AE1605" s="1106"/>
      <c r="AF1605" s="1106"/>
      <c r="AG1605" s="1106"/>
      <c r="AH1605" s="1106"/>
      <c r="AL1605" s="1106"/>
      <c r="AZ1605" s="1106"/>
      <c r="BA1605" s="1106"/>
      <c r="BB1605" s="1106"/>
      <c r="BC1605" s="1106"/>
      <c r="BD1605" s="1106"/>
      <c r="BE1605" s="1106"/>
      <c r="BF1605" s="1106"/>
      <c r="BG1605" s="1106"/>
      <c r="BH1605" s="1106"/>
      <c r="BI1605" s="1106"/>
      <c r="BJ1605" s="1106"/>
      <c r="BK1605" s="1106"/>
      <c r="BL1605" s="1106"/>
      <c r="BM1605" s="1106"/>
      <c r="BN1605" s="1106"/>
      <c r="BO1605" s="1106"/>
      <c r="BP1605" s="1106"/>
      <c r="BQ1605" s="1106"/>
      <c r="BR1605" s="1106"/>
      <c r="BS1605" s="1106"/>
      <c r="BT1605" s="1106"/>
      <c r="BU1605" s="1106"/>
      <c r="BV1605" s="1106"/>
      <c r="BW1605" s="1106"/>
      <c r="BX1605" s="1106"/>
      <c r="BY1605" s="1106"/>
      <c r="BZ1605" s="1106"/>
      <c r="CA1605" s="1106"/>
    </row>
    <row r="1606" spans="3:79" ht="9" customHeight="1" x14ac:dyDescent="0.2">
      <c r="C1606" s="1106"/>
      <c r="D1606" s="1106"/>
      <c r="E1606" s="1106"/>
      <c r="F1606" s="1106"/>
      <c r="G1606" s="1106"/>
      <c r="H1606" s="1106"/>
      <c r="I1606" s="1106"/>
      <c r="J1606" s="1106"/>
      <c r="K1606" s="1106"/>
      <c r="L1606" s="1106"/>
      <c r="M1606" s="1106"/>
      <c r="N1606" s="1106"/>
      <c r="O1606" s="1106"/>
      <c r="U1606" s="1106"/>
      <c r="AB1606" s="1106"/>
      <c r="AC1606" s="1106"/>
      <c r="AD1606" s="1106"/>
      <c r="AE1606" s="1106"/>
      <c r="AF1606" s="1106"/>
      <c r="AG1606" s="1106"/>
      <c r="AH1606" s="1106"/>
      <c r="AL1606" s="1106"/>
      <c r="AT1606" s="1106"/>
      <c r="AU1606" s="1106"/>
      <c r="AV1606" s="1106"/>
      <c r="AW1606" s="1106"/>
      <c r="AX1606" s="1106"/>
      <c r="AY1606" s="1106"/>
      <c r="AZ1606" s="1106"/>
      <c r="BA1606" s="1106"/>
      <c r="BB1606" s="1106"/>
      <c r="BC1606" s="1106"/>
      <c r="BD1606" s="1106"/>
      <c r="BE1606" s="1106"/>
      <c r="BF1606" s="1106"/>
      <c r="BG1606" s="1106"/>
      <c r="BH1606" s="1106"/>
      <c r="BI1606" s="1106"/>
      <c r="BJ1606" s="1106"/>
      <c r="BK1606" s="1106"/>
      <c r="BL1606" s="1106"/>
      <c r="BM1606" s="1106"/>
      <c r="BN1606" s="1106"/>
      <c r="BO1606" s="1106"/>
      <c r="BP1606" s="1106"/>
      <c r="BQ1606" s="1106"/>
      <c r="BR1606" s="1106"/>
      <c r="BS1606" s="1106"/>
      <c r="BT1606" s="1106"/>
      <c r="BU1606" s="1106"/>
      <c r="BV1606" s="1106"/>
      <c r="BW1606" s="1106"/>
      <c r="BX1606" s="1106"/>
      <c r="BY1606" s="1106"/>
      <c r="BZ1606" s="1106"/>
      <c r="CA1606" s="1106"/>
    </row>
    <row r="1607" spans="3:79" ht="9" customHeight="1" x14ac:dyDescent="0.2">
      <c r="C1607" s="1106"/>
      <c r="D1607" s="1106"/>
      <c r="E1607" s="1106"/>
      <c r="F1607" s="1106"/>
      <c r="G1607" s="1106"/>
      <c r="H1607" s="1106"/>
      <c r="I1607" s="1106"/>
      <c r="J1607" s="1106"/>
      <c r="K1607" s="1106"/>
      <c r="L1607" s="1106"/>
      <c r="M1607" s="1106"/>
      <c r="N1607" s="1106"/>
      <c r="O1607" s="1106"/>
      <c r="U1607" s="1106"/>
      <c r="AB1607" s="1106"/>
      <c r="AC1607" s="1106"/>
      <c r="AD1607" s="1106"/>
      <c r="AE1607" s="1106"/>
      <c r="AF1607" s="1106"/>
      <c r="AG1607" s="1106"/>
      <c r="AH1607" s="1106"/>
      <c r="AL1607" s="1106"/>
      <c r="AO1607" s="1106"/>
      <c r="AP1607" s="1106"/>
      <c r="AT1607" s="1106"/>
      <c r="AU1607" s="1106"/>
      <c r="AV1607" s="1106"/>
      <c r="AW1607" s="1106"/>
      <c r="AX1607" s="1106"/>
      <c r="AY1607" s="1106"/>
      <c r="AZ1607" s="1106"/>
      <c r="BA1607" s="1106"/>
      <c r="BB1607" s="1106"/>
      <c r="BC1607" s="1106"/>
      <c r="BD1607" s="1106"/>
      <c r="BE1607" s="1106"/>
      <c r="BF1607" s="1106"/>
      <c r="BG1607" s="1106"/>
      <c r="BH1607" s="1106"/>
      <c r="BI1607" s="1106"/>
      <c r="BJ1607" s="1106"/>
      <c r="BK1607" s="1106"/>
      <c r="BL1607" s="1106"/>
      <c r="BM1607" s="1106"/>
      <c r="BN1607" s="1106"/>
      <c r="BO1607" s="1106"/>
      <c r="BP1607" s="1106"/>
      <c r="BQ1607" s="1106"/>
      <c r="BR1607" s="1106"/>
      <c r="BS1607" s="1106"/>
      <c r="BT1607" s="1106"/>
      <c r="BU1607" s="1106"/>
      <c r="BV1607" s="1106"/>
      <c r="BW1607" s="1106"/>
      <c r="BX1607" s="1106"/>
      <c r="BY1607" s="1106"/>
      <c r="BZ1607" s="1106"/>
      <c r="CA1607" s="1106"/>
    </row>
    <row r="1608" spans="3:79" ht="9" customHeight="1" x14ac:dyDescent="0.2">
      <c r="C1608" s="1106"/>
      <c r="D1608" s="1106"/>
      <c r="E1608" s="1106"/>
      <c r="F1608" s="1106"/>
      <c r="G1608" s="1106"/>
      <c r="H1608" s="1106"/>
      <c r="I1608" s="1106"/>
      <c r="J1608" s="1106"/>
      <c r="K1608" s="1106"/>
      <c r="L1608" s="1106"/>
      <c r="M1608" s="1106"/>
      <c r="N1608" s="1106"/>
      <c r="O1608" s="1106"/>
      <c r="U1608" s="1106"/>
      <c r="AB1608" s="1106"/>
      <c r="AC1608" s="1106"/>
      <c r="AD1608" s="1106"/>
      <c r="AE1608" s="1106"/>
      <c r="AF1608" s="1106"/>
      <c r="AG1608" s="1106"/>
      <c r="AH1608" s="1106"/>
      <c r="AL1608" s="1106"/>
      <c r="AT1608" s="1106"/>
      <c r="AU1608" s="1106"/>
      <c r="AV1608" s="1106"/>
      <c r="AW1608" s="1106"/>
      <c r="AX1608" s="1106"/>
      <c r="AY1608" s="1106"/>
      <c r="AZ1608" s="1106"/>
      <c r="BA1608" s="1106"/>
      <c r="BB1608" s="1106"/>
      <c r="BC1608" s="1106"/>
      <c r="BD1608" s="1106"/>
      <c r="BE1608" s="1106"/>
      <c r="BF1608" s="1106"/>
      <c r="BG1608" s="1106"/>
      <c r="BH1608" s="1106"/>
      <c r="BI1608" s="1106"/>
      <c r="BJ1608" s="1106"/>
      <c r="BK1608" s="1106"/>
      <c r="BL1608" s="1106"/>
      <c r="BM1608" s="1106"/>
      <c r="BN1608" s="1106"/>
      <c r="BO1608" s="1106"/>
      <c r="BP1608" s="1106"/>
      <c r="BQ1608" s="1106"/>
      <c r="BR1608" s="1106"/>
      <c r="BS1608" s="1106"/>
      <c r="BT1608" s="1106"/>
      <c r="BU1608" s="1106"/>
      <c r="BV1608" s="1106"/>
      <c r="BW1608" s="1106"/>
      <c r="BX1608" s="1106"/>
      <c r="BY1608" s="1106"/>
      <c r="BZ1608" s="1106"/>
      <c r="CA1608" s="1106"/>
    </row>
    <row r="1609" spans="3:79" ht="9" customHeight="1" x14ac:dyDescent="0.2">
      <c r="C1609" s="1106"/>
      <c r="D1609" s="1106"/>
      <c r="E1609" s="1106"/>
      <c r="F1609" s="1106"/>
      <c r="G1609" s="1106"/>
      <c r="H1609" s="1106"/>
      <c r="I1609" s="1106"/>
      <c r="J1609" s="1106"/>
      <c r="K1609" s="1106"/>
      <c r="L1609" s="1106"/>
      <c r="M1609" s="1106"/>
      <c r="N1609" s="1106"/>
      <c r="O1609" s="1106"/>
      <c r="AB1609" s="1106"/>
      <c r="AC1609" s="1106"/>
      <c r="AD1609" s="1106"/>
      <c r="AE1609" s="1106"/>
      <c r="AF1609" s="1106"/>
      <c r="AG1609" s="1106"/>
      <c r="AH1609" s="1106"/>
      <c r="AL1609" s="1106"/>
      <c r="AZ1609" s="1106"/>
      <c r="BA1609" s="1106"/>
      <c r="BB1609" s="1106"/>
      <c r="BC1609" s="1106"/>
      <c r="BD1609" s="1106"/>
      <c r="BE1609" s="1106"/>
      <c r="BF1609" s="1106"/>
      <c r="BG1609" s="1106"/>
      <c r="BH1609" s="1106"/>
      <c r="BI1609" s="1106"/>
      <c r="BJ1609" s="1106"/>
      <c r="BK1609" s="1106"/>
      <c r="BL1609" s="1106"/>
      <c r="BM1609" s="1106"/>
      <c r="BN1609" s="1106"/>
      <c r="BO1609" s="1106"/>
      <c r="BP1609" s="1106"/>
      <c r="BQ1609" s="1106"/>
      <c r="BR1609" s="1106"/>
      <c r="BS1609" s="1106"/>
      <c r="BT1609" s="1106"/>
      <c r="BU1609" s="1106"/>
      <c r="BV1609" s="1106"/>
      <c r="BW1609" s="1106"/>
      <c r="BX1609" s="1106"/>
      <c r="BY1609" s="1106"/>
      <c r="BZ1609" s="1106"/>
      <c r="CA1609" s="1106"/>
    </row>
    <row r="1610" spans="3:79" ht="9" customHeight="1" x14ac:dyDescent="0.2">
      <c r="C1610" s="1106"/>
      <c r="D1610" s="1106"/>
      <c r="E1610" s="1106"/>
      <c r="F1610" s="1106"/>
      <c r="G1610" s="1106"/>
      <c r="H1610" s="1106"/>
      <c r="I1610" s="1106"/>
      <c r="J1610" s="1106"/>
      <c r="K1610" s="1106"/>
      <c r="L1610" s="1106"/>
      <c r="M1610" s="1106"/>
      <c r="N1610" s="1106"/>
      <c r="O1610" s="1106"/>
      <c r="AB1610" s="1106"/>
      <c r="AC1610" s="1106"/>
      <c r="AD1610" s="1106"/>
      <c r="AE1610" s="1106"/>
      <c r="AF1610" s="1106"/>
      <c r="AG1610" s="1106"/>
      <c r="AH1610" s="1106"/>
      <c r="AL1610" s="1106"/>
      <c r="AZ1610" s="1106"/>
      <c r="BA1610" s="1106"/>
      <c r="BB1610" s="1106"/>
      <c r="BC1610" s="1106"/>
      <c r="BD1610" s="1106"/>
      <c r="BE1610" s="1106"/>
      <c r="BF1610" s="1106"/>
      <c r="BG1610" s="1106"/>
      <c r="BH1610" s="1106"/>
      <c r="BI1610" s="1106"/>
      <c r="BJ1610" s="1106"/>
      <c r="BK1610" s="1106"/>
      <c r="BL1610" s="1106"/>
      <c r="BM1610" s="1106"/>
      <c r="BN1610" s="1106"/>
      <c r="BO1610" s="1106"/>
      <c r="BP1610" s="1106"/>
      <c r="BQ1610" s="1106"/>
      <c r="BR1610" s="1106"/>
      <c r="BS1610" s="1106"/>
      <c r="BT1610" s="1106"/>
      <c r="BU1610" s="1106"/>
      <c r="BV1610" s="1106"/>
      <c r="BW1610" s="1106"/>
      <c r="BX1610" s="1106"/>
      <c r="BY1610" s="1106"/>
      <c r="BZ1610" s="1106"/>
      <c r="CA1610" s="1106"/>
    </row>
    <row r="1611" spans="3:79" ht="9" customHeight="1" x14ac:dyDescent="0.2">
      <c r="C1611" s="1106"/>
      <c r="D1611" s="1106"/>
      <c r="E1611" s="1106"/>
      <c r="F1611" s="1106"/>
      <c r="G1611" s="1106"/>
      <c r="H1611" s="1106"/>
      <c r="I1611" s="1106"/>
      <c r="J1611" s="1106"/>
      <c r="K1611" s="1106"/>
      <c r="L1611" s="1106"/>
      <c r="M1611" s="1106"/>
      <c r="N1611" s="1106"/>
      <c r="O1611" s="1106"/>
      <c r="AB1611" s="1106"/>
      <c r="AC1611" s="1106"/>
      <c r="AD1611" s="1106"/>
      <c r="AE1611" s="1106"/>
      <c r="AF1611" s="1106"/>
      <c r="AG1611" s="1106"/>
      <c r="AH1611" s="1106"/>
      <c r="AL1611" s="1106"/>
      <c r="AZ1611" s="1106"/>
      <c r="BA1611" s="1106"/>
      <c r="BB1611" s="1106"/>
      <c r="BC1611" s="1106"/>
      <c r="BD1611" s="1106"/>
      <c r="BE1611" s="1106"/>
      <c r="BF1611" s="1106"/>
      <c r="BG1611" s="1106"/>
      <c r="BH1611" s="1106"/>
      <c r="BI1611" s="1106"/>
      <c r="BJ1611" s="1106"/>
      <c r="BK1611" s="1106"/>
      <c r="BL1611" s="1106"/>
      <c r="BM1611" s="1106"/>
      <c r="BN1611" s="1106"/>
      <c r="BO1611" s="1106"/>
      <c r="BP1611" s="1106"/>
      <c r="BQ1611" s="1106"/>
      <c r="BR1611" s="1106"/>
      <c r="BS1611" s="1106"/>
      <c r="BT1611" s="1106"/>
      <c r="BU1611" s="1106"/>
      <c r="BV1611" s="1106"/>
      <c r="BW1611" s="1106"/>
      <c r="BX1611" s="1106"/>
      <c r="BY1611" s="1106"/>
      <c r="BZ1611" s="1106"/>
      <c r="CA1611" s="1106"/>
    </row>
    <row r="1612" spans="3:79" ht="9" customHeight="1" x14ac:dyDescent="0.2">
      <c r="C1612" s="1106"/>
      <c r="D1612" s="1106"/>
      <c r="E1612" s="1106"/>
      <c r="F1612" s="1106"/>
      <c r="G1612" s="1106"/>
      <c r="H1612" s="1106"/>
      <c r="I1612" s="1106"/>
      <c r="J1612" s="1106"/>
      <c r="K1612" s="1106"/>
      <c r="L1612" s="1106"/>
      <c r="M1612" s="1106"/>
      <c r="N1612" s="1106"/>
      <c r="O1612" s="1106"/>
      <c r="U1612" s="1106"/>
      <c r="AB1612" s="1106"/>
      <c r="AC1612" s="1106"/>
      <c r="AD1612" s="1106"/>
      <c r="AE1612" s="1106"/>
      <c r="AF1612" s="1106"/>
      <c r="AG1612" s="1106"/>
      <c r="AH1612" s="1106"/>
      <c r="AL1612" s="1106"/>
      <c r="AT1612" s="1106"/>
      <c r="AU1612" s="1106"/>
      <c r="AV1612" s="1106"/>
      <c r="AW1612" s="1106"/>
      <c r="AX1612" s="1106"/>
      <c r="AY1612" s="1106"/>
      <c r="AZ1612" s="1106"/>
      <c r="BA1612" s="1106"/>
      <c r="BB1612" s="1106"/>
      <c r="BC1612" s="1106"/>
      <c r="BD1612" s="1106"/>
      <c r="BE1612" s="1106"/>
      <c r="BF1612" s="1106"/>
      <c r="BG1612" s="1106"/>
      <c r="BH1612" s="1106"/>
      <c r="BI1612" s="1106"/>
      <c r="BJ1612" s="1106"/>
      <c r="BK1612" s="1106"/>
      <c r="BL1612" s="1106"/>
      <c r="BM1612" s="1106"/>
      <c r="BN1612" s="1106"/>
      <c r="BO1612" s="1106"/>
      <c r="BP1612" s="1106"/>
      <c r="BQ1612" s="1106"/>
      <c r="BR1612" s="1106"/>
      <c r="BS1612" s="1106"/>
      <c r="BT1612" s="1106"/>
      <c r="BU1612" s="1106"/>
      <c r="BV1612" s="1106"/>
      <c r="BW1612" s="1106"/>
      <c r="BX1612" s="1106"/>
      <c r="BY1612" s="1106"/>
      <c r="BZ1612" s="1106"/>
      <c r="CA1612" s="1106"/>
    </row>
    <row r="1613" spans="3:79" ht="9" customHeight="1" x14ac:dyDescent="0.2">
      <c r="C1613" s="1106"/>
      <c r="D1613" s="1106"/>
      <c r="E1613" s="1106"/>
      <c r="F1613" s="1106"/>
      <c r="G1613" s="1106"/>
      <c r="H1613" s="1106"/>
      <c r="I1613" s="1106"/>
      <c r="J1613" s="1106"/>
      <c r="K1613" s="1106"/>
      <c r="L1613" s="1106"/>
      <c r="M1613" s="1106"/>
      <c r="N1613" s="1106"/>
      <c r="O1613" s="1106"/>
      <c r="U1613" s="1106"/>
      <c r="AB1613" s="1106"/>
      <c r="AC1613" s="1106"/>
      <c r="AD1613" s="1106"/>
      <c r="AE1613" s="1106"/>
      <c r="AF1613" s="1106"/>
      <c r="AG1613" s="1106"/>
      <c r="AH1613" s="1106"/>
      <c r="AL1613" s="1106"/>
      <c r="AO1613" s="1106"/>
      <c r="AP1613" s="1106"/>
      <c r="AT1613" s="1106"/>
      <c r="AU1613" s="1106"/>
      <c r="AV1613" s="1106"/>
      <c r="AW1613" s="1106"/>
      <c r="AX1613" s="1106"/>
      <c r="AY1613" s="1106"/>
      <c r="AZ1613" s="1106"/>
      <c r="BA1613" s="1106"/>
      <c r="BB1613" s="1106"/>
      <c r="BC1613" s="1106"/>
      <c r="BD1613" s="1106"/>
      <c r="BE1613" s="1106"/>
      <c r="BF1613" s="1106"/>
      <c r="BG1613" s="1106"/>
      <c r="BH1613" s="1106"/>
      <c r="BI1613" s="1106"/>
      <c r="BJ1613" s="1106"/>
      <c r="BK1613" s="1106"/>
      <c r="BL1613" s="1106"/>
      <c r="BM1613" s="1106"/>
      <c r="BN1613" s="1106"/>
      <c r="BO1613" s="1106"/>
      <c r="BP1613" s="1106"/>
      <c r="BQ1613" s="1106"/>
      <c r="BR1613" s="1106"/>
      <c r="BS1613" s="1106"/>
      <c r="BT1613" s="1106"/>
      <c r="BU1613" s="1106"/>
      <c r="BV1613" s="1106"/>
      <c r="BW1613" s="1106"/>
      <c r="BX1613" s="1106"/>
      <c r="BY1613" s="1106"/>
      <c r="BZ1613" s="1106"/>
      <c r="CA1613" s="1106"/>
    </row>
    <row r="1614" spans="3:79" ht="9" customHeight="1" x14ac:dyDescent="0.2">
      <c r="C1614" s="1106"/>
      <c r="D1614" s="1106"/>
      <c r="E1614" s="1106"/>
      <c r="F1614" s="1106"/>
      <c r="G1614" s="1106"/>
      <c r="H1614" s="1106"/>
      <c r="I1614" s="1106"/>
      <c r="J1614" s="1106"/>
      <c r="K1614" s="1106"/>
      <c r="L1614" s="1106"/>
      <c r="M1614" s="1106"/>
      <c r="N1614" s="1106"/>
      <c r="O1614" s="1106"/>
      <c r="U1614" s="1106"/>
      <c r="AB1614" s="1106"/>
      <c r="AC1614" s="1106"/>
      <c r="AD1614" s="1106"/>
      <c r="AE1614" s="1106"/>
      <c r="AF1614" s="1106"/>
      <c r="AG1614" s="1106"/>
      <c r="AH1614" s="1106"/>
      <c r="AL1614" s="1106"/>
      <c r="AT1614" s="1106"/>
      <c r="AU1614" s="1106"/>
      <c r="AV1614" s="1106"/>
      <c r="AW1614" s="1106"/>
      <c r="AX1614" s="1106"/>
      <c r="AY1614" s="1106"/>
      <c r="AZ1614" s="1106"/>
      <c r="BA1614" s="1106"/>
      <c r="BB1614" s="1106"/>
      <c r="BC1614" s="1106"/>
      <c r="BD1614" s="1106"/>
      <c r="BE1614" s="1106"/>
      <c r="BF1614" s="1106"/>
      <c r="BG1614" s="1106"/>
      <c r="BH1614" s="1106"/>
      <c r="BI1614" s="1106"/>
      <c r="BJ1614" s="1106"/>
      <c r="BK1614" s="1106"/>
      <c r="BL1614" s="1106"/>
      <c r="BM1614" s="1106"/>
      <c r="BN1614" s="1106"/>
      <c r="BO1614" s="1106"/>
      <c r="BP1614" s="1106"/>
      <c r="BQ1614" s="1106"/>
      <c r="BR1614" s="1106"/>
      <c r="BS1614" s="1106"/>
      <c r="BT1614" s="1106"/>
      <c r="BU1614" s="1106"/>
      <c r="BV1614" s="1106"/>
      <c r="BW1614" s="1106"/>
      <c r="BX1614" s="1106"/>
      <c r="BY1614" s="1106"/>
      <c r="BZ1614" s="1106"/>
      <c r="CA1614" s="1106"/>
    </row>
    <row r="1615" spans="3:79" ht="9" customHeight="1" x14ac:dyDescent="0.2">
      <c r="C1615" s="1106"/>
      <c r="D1615" s="1106"/>
      <c r="E1615" s="1106"/>
      <c r="F1615" s="1106"/>
      <c r="G1615" s="1106"/>
      <c r="H1615" s="1106"/>
      <c r="I1615" s="1106"/>
      <c r="J1615" s="1106"/>
      <c r="K1615" s="1106"/>
      <c r="L1615" s="1106"/>
      <c r="M1615" s="1106"/>
      <c r="N1615" s="1106"/>
      <c r="O1615" s="1106"/>
      <c r="AB1615" s="1106"/>
      <c r="AC1615" s="1106"/>
      <c r="AD1615" s="1106"/>
      <c r="AE1615" s="1106"/>
      <c r="AF1615" s="1106"/>
      <c r="AG1615" s="1106"/>
      <c r="AH1615" s="1106"/>
      <c r="AL1615" s="1106"/>
      <c r="AZ1615" s="1106"/>
      <c r="BA1615" s="1106"/>
      <c r="BB1615" s="1106"/>
      <c r="BC1615" s="1106"/>
      <c r="BD1615" s="1106"/>
      <c r="BE1615" s="1106"/>
      <c r="BF1615" s="1106"/>
      <c r="BG1615" s="1106"/>
      <c r="BH1615" s="1106"/>
      <c r="BI1615" s="1106"/>
      <c r="BJ1615" s="1106"/>
      <c r="BK1615" s="1106"/>
      <c r="BL1615" s="1106"/>
      <c r="BM1615" s="1106"/>
      <c r="BN1615" s="1106"/>
      <c r="BO1615" s="1106"/>
      <c r="BP1615" s="1106"/>
      <c r="BQ1615" s="1106"/>
      <c r="BR1615" s="1106"/>
      <c r="BS1615" s="1106"/>
      <c r="BT1615" s="1106"/>
      <c r="BU1615" s="1106"/>
      <c r="BV1615" s="1106"/>
      <c r="BW1615" s="1106"/>
      <c r="BX1615" s="1106"/>
      <c r="BY1615" s="1106"/>
      <c r="BZ1615" s="1106"/>
      <c r="CA1615" s="1106"/>
    </row>
    <row r="1616" spans="3:79" ht="9" customHeight="1" x14ac:dyDescent="0.2">
      <c r="C1616" s="1106"/>
      <c r="D1616" s="1106"/>
      <c r="E1616" s="1106"/>
      <c r="F1616" s="1106"/>
      <c r="G1616" s="1106"/>
      <c r="H1616" s="1106"/>
      <c r="I1616" s="1106"/>
      <c r="J1616" s="1106"/>
      <c r="K1616" s="1106"/>
      <c r="L1616" s="1106"/>
      <c r="M1616" s="1106"/>
      <c r="N1616" s="1106"/>
      <c r="O1616" s="1106"/>
      <c r="AB1616" s="1106"/>
      <c r="AC1616" s="1106"/>
      <c r="AD1616" s="1106"/>
      <c r="AE1616" s="1106"/>
      <c r="AF1616" s="1106"/>
      <c r="AG1616" s="1106"/>
      <c r="AH1616" s="1106"/>
      <c r="AL1616" s="1106"/>
      <c r="AZ1616" s="1106"/>
      <c r="BA1616" s="1106"/>
      <c r="BB1616" s="1106"/>
      <c r="BC1616" s="1106"/>
      <c r="BD1616" s="1106"/>
      <c r="BE1616" s="1106"/>
      <c r="BF1616" s="1106"/>
      <c r="BG1616" s="1106"/>
      <c r="BH1616" s="1106"/>
      <c r="BI1616" s="1106"/>
      <c r="BJ1616" s="1106"/>
      <c r="BK1616" s="1106"/>
      <c r="BL1616" s="1106"/>
      <c r="BM1616" s="1106"/>
      <c r="BN1616" s="1106"/>
      <c r="BO1616" s="1106"/>
      <c r="BP1616" s="1106"/>
      <c r="BQ1616" s="1106"/>
      <c r="BR1616" s="1106"/>
      <c r="BS1616" s="1106"/>
      <c r="BT1616" s="1106"/>
      <c r="BU1616" s="1106"/>
      <c r="BV1616" s="1106"/>
      <c r="BW1616" s="1106"/>
      <c r="BX1616" s="1106"/>
      <c r="BY1616" s="1106"/>
      <c r="BZ1616" s="1106"/>
      <c r="CA1616" s="1106"/>
    </row>
    <row r="1617" spans="3:79" ht="9" customHeight="1" x14ac:dyDescent="0.2">
      <c r="C1617" s="1106"/>
      <c r="D1617" s="1106"/>
      <c r="E1617" s="1106"/>
      <c r="F1617" s="1106"/>
      <c r="G1617" s="1106"/>
      <c r="H1617" s="1106"/>
      <c r="I1617" s="1106"/>
      <c r="J1617" s="1106"/>
      <c r="K1617" s="1106"/>
      <c r="L1617" s="1106"/>
      <c r="M1617" s="1106"/>
      <c r="N1617" s="1106"/>
      <c r="O1617" s="1106"/>
      <c r="AB1617" s="1106"/>
      <c r="AC1617" s="1106"/>
      <c r="AD1617" s="1106"/>
      <c r="AE1617" s="1106"/>
      <c r="AF1617" s="1106"/>
      <c r="AG1617" s="1106"/>
      <c r="AH1617" s="1106"/>
      <c r="AL1617" s="1106"/>
      <c r="AZ1617" s="1106"/>
      <c r="BA1617" s="1106"/>
      <c r="BB1617" s="1106"/>
      <c r="BC1617" s="1106"/>
      <c r="BD1617" s="1106"/>
      <c r="BE1617" s="1106"/>
      <c r="BF1617" s="1106"/>
      <c r="BG1617" s="1106"/>
      <c r="BH1617" s="1106"/>
      <c r="BI1617" s="1106"/>
      <c r="BJ1617" s="1106"/>
      <c r="BK1617" s="1106"/>
      <c r="BL1617" s="1106"/>
      <c r="BM1617" s="1106"/>
      <c r="BN1617" s="1106"/>
      <c r="BO1617" s="1106"/>
      <c r="BP1617" s="1106"/>
      <c r="BQ1617" s="1106"/>
      <c r="BR1617" s="1106"/>
      <c r="BS1617" s="1106"/>
      <c r="BT1617" s="1106"/>
      <c r="BU1617" s="1106"/>
      <c r="BV1617" s="1106"/>
      <c r="BW1617" s="1106"/>
      <c r="BX1617" s="1106"/>
      <c r="BY1617" s="1106"/>
      <c r="BZ1617" s="1106"/>
      <c r="CA1617" s="1106"/>
    </row>
    <row r="1618" spans="3:79" ht="9" customHeight="1" x14ac:dyDescent="0.2">
      <c r="C1618" s="1106"/>
      <c r="D1618" s="1106"/>
      <c r="E1618" s="1106"/>
      <c r="F1618" s="1106"/>
      <c r="G1618" s="1106"/>
      <c r="H1618" s="1106"/>
      <c r="I1618" s="1106"/>
      <c r="J1618" s="1106"/>
      <c r="K1618" s="1106"/>
      <c r="L1618" s="1106"/>
      <c r="M1618" s="1106"/>
      <c r="N1618" s="1106"/>
      <c r="O1618" s="1106"/>
      <c r="U1618" s="1106"/>
      <c r="AB1618" s="1106"/>
      <c r="AC1618" s="1106"/>
      <c r="AD1618" s="1106"/>
      <c r="AE1618" s="1106"/>
      <c r="AF1618" s="1106"/>
      <c r="AG1618" s="1106"/>
      <c r="AH1618" s="1106"/>
      <c r="AL1618" s="1106"/>
      <c r="AT1618" s="1106"/>
      <c r="AU1618" s="1106"/>
      <c r="AV1618" s="1106"/>
      <c r="AW1618" s="1106"/>
      <c r="AX1618" s="1106"/>
      <c r="AY1618" s="1106"/>
      <c r="AZ1618" s="1106"/>
      <c r="BA1618" s="1106"/>
      <c r="BB1618" s="1106"/>
      <c r="BC1618" s="1106"/>
      <c r="BD1618" s="1106"/>
      <c r="BE1618" s="1106"/>
      <c r="BF1618" s="1106"/>
      <c r="BG1618" s="1106"/>
      <c r="BH1618" s="1106"/>
      <c r="BI1618" s="1106"/>
      <c r="BJ1618" s="1106"/>
      <c r="BK1618" s="1106"/>
      <c r="BL1618" s="1106"/>
      <c r="BM1618" s="1106"/>
      <c r="BN1618" s="1106"/>
      <c r="BO1618" s="1106"/>
      <c r="BP1618" s="1106"/>
      <c r="BQ1618" s="1106"/>
      <c r="BR1618" s="1106"/>
      <c r="BS1618" s="1106"/>
      <c r="BT1618" s="1106"/>
      <c r="BU1618" s="1106"/>
      <c r="BV1618" s="1106"/>
      <c r="BW1618" s="1106"/>
      <c r="BX1618" s="1106"/>
      <c r="BY1618" s="1106"/>
      <c r="BZ1618" s="1106"/>
      <c r="CA1618" s="1106"/>
    </row>
    <row r="1619" spans="3:79" ht="9" customHeight="1" x14ac:dyDescent="0.2">
      <c r="C1619" s="1106"/>
      <c r="D1619" s="1106"/>
      <c r="E1619" s="1106"/>
      <c r="F1619" s="1106"/>
      <c r="G1619" s="1106"/>
      <c r="H1619" s="1106"/>
      <c r="I1619" s="1106"/>
      <c r="J1619" s="1106"/>
      <c r="K1619" s="1106"/>
      <c r="L1619" s="1106"/>
      <c r="M1619" s="1106"/>
      <c r="N1619" s="1106"/>
      <c r="O1619" s="1106"/>
      <c r="U1619" s="1106"/>
      <c r="AB1619" s="1106"/>
      <c r="AC1619" s="1106"/>
      <c r="AD1619" s="1106"/>
      <c r="AE1619" s="1106"/>
      <c r="AF1619" s="1106"/>
      <c r="AG1619" s="1106"/>
      <c r="AH1619" s="1106"/>
      <c r="AL1619" s="1106"/>
      <c r="AO1619" s="1106"/>
      <c r="AP1619" s="1106"/>
      <c r="AT1619" s="1106"/>
      <c r="AU1619" s="1106"/>
      <c r="AV1619" s="1106"/>
      <c r="AW1619" s="1106"/>
      <c r="AX1619" s="1106"/>
      <c r="AY1619" s="1106"/>
      <c r="AZ1619" s="1106"/>
      <c r="BA1619" s="1106"/>
      <c r="BB1619" s="1106"/>
      <c r="BC1619" s="1106"/>
      <c r="BD1619" s="1106"/>
      <c r="BE1619" s="1106"/>
      <c r="BF1619" s="1106"/>
      <c r="BG1619" s="1106"/>
      <c r="BH1619" s="1106"/>
      <c r="BI1619" s="1106"/>
      <c r="BJ1619" s="1106"/>
      <c r="BK1619" s="1106"/>
      <c r="BL1619" s="1106"/>
      <c r="BM1619" s="1106"/>
      <c r="BN1619" s="1106"/>
      <c r="BO1619" s="1106"/>
      <c r="BP1619" s="1106"/>
      <c r="BQ1619" s="1106"/>
      <c r="BR1619" s="1106"/>
      <c r="BS1619" s="1106"/>
      <c r="BT1619" s="1106"/>
      <c r="BU1619" s="1106"/>
      <c r="BV1619" s="1106"/>
      <c r="BW1619" s="1106"/>
      <c r="BX1619" s="1106"/>
      <c r="BY1619" s="1106"/>
      <c r="BZ1619" s="1106"/>
      <c r="CA1619" s="1106"/>
    </row>
    <row r="1620" spans="3:79" ht="9" customHeight="1" x14ac:dyDescent="0.2">
      <c r="C1620" s="1106"/>
      <c r="D1620" s="1106"/>
      <c r="E1620" s="1106"/>
      <c r="F1620" s="1106"/>
      <c r="G1620" s="1106"/>
      <c r="H1620" s="1106"/>
      <c r="I1620" s="1106"/>
      <c r="J1620" s="1106"/>
      <c r="K1620" s="1106"/>
      <c r="L1620" s="1106"/>
      <c r="M1620" s="1106"/>
      <c r="N1620" s="1106"/>
      <c r="O1620" s="1106"/>
      <c r="U1620" s="1106"/>
      <c r="AB1620" s="1106"/>
      <c r="AC1620" s="1106"/>
      <c r="AD1620" s="1106"/>
      <c r="AE1620" s="1106"/>
      <c r="AF1620" s="1106"/>
      <c r="AG1620" s="1106"/>
      <c r="AH1620" s="1106"/>
      <c r="AL1620" s="1106"/>
      <c r="AT1620" s="1106"/>
      <c r="AU1620" s="1106"/>
      <c r="AV1620" s="1106"/>
      <c r="AW1620" s="1106"/>
      <c r="AX1620" s="1106"/>
      <c r="AY1620" s="1106"/>
      <c r="AZ1620" s="1106"/>
      <c r="BA1620" s="1106"/>
      <c r="BB1620" s="1106"/>
      <c r="BC1620" s="1106"/>
      <c r="BD1620" s="1106"/>
      <c r="BE1620" s="1106"/>
      <c r="BF1620" s="1106"/>
      <c r="BG1620" s="1106"/>
      <c r="BH1620" s="1106"/>
      <c r="BI1620" s="1106"/>
      <c r="BJ1620" s="1106"/>
      <c r="BK1620" s="1106"/>
      <c r="BL1620" s="1106"/>
      <c r="BM1620" s="1106"/>
      <c r="BN1620" s="1106"/>
      <c r="BO1620" s="1106"/>
      <c r="BP1620" s="1106"/>
      <c r="BQ1620" s="1106"/>
      <c r="BR1620" s="1106"/>
      <c r="BS1620" s="1106"/>
      <c r="BT1620" s="1106"/>
      <c r="BU1620" s="1106"/>
      <c r="BV1620" s="1106"/>
      <c r="BW1620" s="1106"/>
      <c r="BX1620" s="1106"/>
      <c r="BY1620" s="1106"/>
      <c r="BZ1620" s="1106"/>
      <c r="CA1620" s="1106"/>
    </row>
    <row r="1621" spans="3:79" ht="9" customHeight="1" x14ac:dyDescent="0.2">
      <c r="C1621" s="1106"/>
      <c r="D1621" s="1106"/>
      <c r="E1621" s="1106"/>
      <c r="F1621" s="1106"/>
      <c r="G1621" s="1106"/>
      <c r="H1621" s="1106"/>
      <c r="I1621" s="1106"/>
      <c r="J1621" s="1106"/>
      <c r="K1621" s="1106"/>
      <c r="L1621" s="1106"/>
      <c r="M1621" s="1106"/>
      <c r="N1621" s="1106"/>
      <c r="O1621" s="1106"/>
      <c r="AB1621" s="1106"/>
      <c r="AC1621" s="1106"/>
      <c r="AD1621" s="1106"/>
      <c r="AE1621" s="1106"/>
      <c r="AF1621" s="1106"/>
      <c r="AG1621" s="1106"/>
      <c r="AH1621" s="1106"/>
      <c r="AL1621" s="1106"/>
      <c r="AZ1621" s="1106"/>
      <c r="BA1621" s="1106"/>
      <c r="BB1621" s="1106"/>
      <c r="BC1621" s="1106"/>
      <c r="BD1621" s="1106"/>
      <c r="BE1621" s="1106"/>
      <c r="BF1621" s="1106"/>
      <c r="BG1621" s="1106"/>
      <c r="BH1621" s="1106"/>
      <c r="BI1621" s="1106"/>
      <c r="BJ1621" s="1106"/>
      <c r="BK1621" s="1106"/>
      <c r="BL1621" s="1106"/>
      <c r="BM1621" s="1106"/>
      <c r="BN1621" s="1106"/>
      <c r="BO1621" s="1106"/>
      <c r="BP1621" s="1106"/>
      <c r="BQ1621" s="1106"/>
      <c r="BR1621" s="1106"/>
      <c r="BS1621" s="1106"/>
      <c r="BT1621" s="1106"/>
      <c r="BU1621" s="1106"/>
      <c r="BV1621" s="1106"/>
      <c r="BW1621" s="1106"/>
      <c r="BX1621" s="1106"/>
      <c r="BY1621" s="1106"/>
      <c r="BZ1621" s="1106"/>
      <c r="CA1621" s="1106"/>
    </row>
    <row r="1622" spans="3:79" ht="9" customHeight="1" x14ac:dyDescent="0.2">
      <c r="C1622" s="1106"/>
      <c r="D1622" s="1106"/>
      <c r="E1622" s="1106"/>
      <c r="F1622" s="1106"/>
      <c r="G1622" s="1106"/>
      <c r="H1622" s="1106"/>
      <c r="I1622" s="1106"/>
      <c r="J1622" s="1106"/>
      <c r="K1622" s="1106"/>
      <c r="L1622" s="1106"/>
      <c r="M1622" s="1106"/>
      <c r="N1622" s="1106"/>
      <c r="O1622" s="1106"/>
      <c r="AB1622" s="1106"/>
      <c r="AC1622" s="1106"/>
      <c r="AD1622" s="1106"/>
      <c r="AE1622" s="1106"/>
      <c r="AF1622" s="1106"/>
      <c r="AG1622" s="1106"/>
      <c r="AH1622" s="1106"/>
      <c r="AL1622" s="1106"/>
      <c r="AZ1622" s="1106"/>
      <c r="BA1622" s="1106"/>
      <c r="BB1622" s="1106"/>
      <c r="BC1622" s="1106"/>
      <c r="BD1622" s="1106"/>
      <c r="BE1622" s="1106"/>
      <c r="BF1622" s="1106"/>
      <c r="BG1622" s="1106"/>
      <c r="BH1622" s="1106"/>
      <c r="BI1622" s="1106"/>
      <c r="BJ1622" s="1106"/>
      <c r="BK1622" s="1106"/>
      <c r="BL1622" s="1106"/>
      <c r="BM1622" s="1106"/>
      <c r="BN1622" s="1106"/>
      <c r="BO1622" s="1106"/>
      <c r="BP1622" s="1106"/>
      <c r="BQ1622" s="1106"/>
      <c r="BR1622" s="1106"/>
      <c r="BS1622" s="1106"/>
      <c r="BT1622" s="1106"/>
      <c r="BU1622" s="1106"/>
      <c r="BV1622" s="1106"/>
      <c r="BW1622" s="1106"/>
      <c r="BX1622" s="1106"/>
      <c r="BY1622" s="1106"/>
      <c r="BZ1622" s="1106"/>
      <c r="CA1622" s="1106"/>
    </row>
    <row r="1623" spans="3:79" ht="9" customHeight="1" x14ac:dyDescent="0.2">
      <c r="C1623" s="1106"/>
      <c r="D1623" s="1106"/>
      <c r="E1623" s="1106"/>
      <c r="F1623" s="1106"/>
      <c r="G1623" s="1106"/>
      <c r="H1623" s="1106"/>
      <c r="I1623" s="1106"/>
      <c r="J1623" s="1106"/>
      <c r="K1623" s="1106"/>
      <c r="L1623" s="1106"/>
      <c r="M1623" s="1106"/>
      <c r="N1623" s="1106"/>
      <c r="O1623" s="1106"/>
      <c r="AB1623" s="1106"/>
      <c r="AC1623" s="1106"/>
      <c r="AD1623" s="1106"/>
      <c r="AE1623" s="1106"/>
      <c r="AF1623" s="1106"/>
      <c r="AG1623" s="1106"/>
      <c r="AH1623" s="1106"/>
      <c r="AL1623" s="1106"/>
      <c r="AZ1623" s="1106"/>
      <c r="BA1623" s="1106"/>
      <c r="BB1623" s="1106"/>
      <c r="BC1623" s="1106"/>
      <c r="BD1623" s="1106"/>
      <c r="BE1623" s="1106"/>
      <c r="BF1623" s="1106"/>
      <c r="BG1623" s="1106"/>
      <c r="BH1623" s="1106"/>
      <c r="BI1623" s="1106"/>
      <c r="BJ1623" s="1106"/>
      <c r="BK1623" s="1106"/>
      <c r="BL1623" s="1106"/>
      <c r="BM1623" s="1106"/>
      <c r="BN1623" s="1106"/>
      <c r="BO1623" s="1106"/>
      <c r="BP1623" s="1106"/>
      <c r="BQ1623" s="1106"/>
      <c r="BR1623" s="1106"/>
      <c r="BS1623" s="1106"/>
      <c r="BT1623" s="1106"/>
      <c r="BU1623" s="1106"/>
      <c r="BV1623" s="1106"/>
      <c r="BW1623" s="1106"/>
      <c r="BX1623" s="1106"/>
      <c r="BY1623" s="1106"/>
      <c r="BZ1623" s="1106"/>
      <c r="CA1623" s="1106"/>
    </row>
    <row r="1624" spans="3:79" ht="9" customHeight="1" x14ac:dyDescent="0.2">
      <c r="C1624" s="1106"/>
      <c r="D1624" s="1106"/>
      <c r="E1624" s="1106"/>
      <c r="F1624" s="1106"/>
      <c r="G1624" s="1106"/>
      <c r="H1624" s="1106"/>
      <c r="I1624" s="1106"/>
      <c r="J1624" s="1106"/>
      <c r="K1624" s="1106"/>
      <c r="L1624" s="1106"/>
      <c r="M1624" s="1106"/>
      <c r="N1624" s="1106"/>
      <c r="O1624" s="1106"/>
      <c r="U1624" s="1106"/>
      <c r="AB1624" s="1106"/>
      <c r="AC1624" s="1106"/>
      <c r="AD1624" s="1106"/>
      <c r="AE1624" s="1106"/>
      <c r="AF1624" s="1106"/>
      <c r="AG1624" s="1106"/>
      <c r="AH1624" s="1106"/>
      <c r="AL1624" s="1106"/>
      <c r="AT1624" s="1106"/>
      <c r="AU1624" s="1106"/>
      <c r="AV1624" s="1106"/>
      <c r="AW1624" s="1106"/>
      <c r="AX1624" s="1106"/>
      <c r="AY1624" s="1106"/>
      <c r="AZ1624" s="1106"/>
      <c r="BA1624" s="1106"/>
      <c r="BB1624" s="1106"/>
      <c r="BC1624" s="1106"/>
      <c r="BD1624" s="1106"/>
      <c r="BE1624" s="1106"/>
      <c r="BF1624" s="1106"/>
      <c r="BG1624" s="1106"/>
      <c r="BH1624" s="1106"/>
      <c r="BI1624" s="1106"/>
      <c r="BJ1624" s="1106"/>
      <c r="BK1624" s="1106"/>
      <c r="BL1624" s="1106"/>
      <c r="BM1624" s="1106"/>
      <c r="BN1624" s="1106"/>
      <c r="BO1624" s="1106"/>
      <c r="BP1624" s="1106"/>
      <c r="BQ1624" s="1106"/>
      <c r="BR1624" s="1106"/>
      <c r="BS1624" s="1106"/>
      <c r="BT1624" s="1106"/>
      <c r="BU1624" s="1106"/>
      <c r="BV1624" s="1106"/>
      <c r="BW1624" s="1106"/>
      <c r="BX1624" s="1106"/>
      <c r="BY1624" s="1106"/>
      <c r="BZ1624" s="1106"/>
      <c r="CA1624" s="1106"/>
    </row>
    <row r="1625" spans="3:79" ht="9" customHeight="1" x14ac:dyDescent="0.2">
      <c r="C1625" s="1106"/>
      <c r="D1625" s="1106"/>
      <c r="E1625" s="1106"/>
      <c r="F1625" s="1106"/>
      <c r="G1625" s="1106"/>
      <c r="H1625" s="1106"/>
      <c r="I1625" s="1106"/>
      <c r="J1625" s="1106"/>
      <c r="K1625" s="1106"/>
      <c r="L1625" s="1106"/>
      <c r="M1625" s="1106"/>
      <c r="N1625" s="1106"/>
      <c r="O1625" s="1106"/>
      <c r="U1625" s="1106"/>
      <c r="AB1625" s="1106"/>
      <c r="AC1625" s="1106"/>
      <c r="AD1625" s="1106"/>
      <c r="AE1625" s="1106"/>
      <c r="AF1625" s="1106"/>
      <c r="AG1625" s="1106"/>
      <c r="AH1625" s="1106"/>
      <c r="AL1625" s="1106"/>
      <c r="AO1625" s="1106"/>
      <c r="AP1625" s="1106"/>
      <c r="AT1625" s="1106"/>
      <c r="AU1625" s="1106"/>
      <c r="AV1625" s="1106"/>
      <c r="AW1625" s="1106"/>
      <c r="AX1625" s="1106"/>
      <c r="AY1625" s="1106"/>
      <c r="AZ1625" s="1106"/>
      <c r="BA1625" s="1106"/>
      <c r="BB1625" s="1106"/>
      <c r="BC1625" s="1106"/>
      <c r="BD1625" s="1106"/>
      <c r="BE1625" s="1106"/>
      <c r="BF1625" s="1106"/>
      <c r="BG1625" s="1106"/>
      <c r="BH1625" s="1106"/>
      <c r="BI1625" s="1106"/>
      <c r="BJ1625" s="1106"/>
      <c r="BK1625" s="1106"/>
      <c r="BL1625" s="1106"/>
      <c r="BM1625" s="1106"/>
      <c r="BN1625" s="1106"/>
      <c r="BO1625" s="1106"/>
      <c r="BP1625" s="1106"/>
      <c r="BQ1625" s="1106"/>
      <c r="BR1625" s="1106"/>
      <c r="BS1625" s="1106"/>
      <c r="BT1625" s="1106"/>
      <c r="BU1625" s="1106"/>
      <c r="BV1625" s="1106"/>
      <c r="BW1625" s="1106"/>
      <c r="BX1625" s="1106"/>
      <c r="BY1625" s="1106"/>
      <c r="BZ1625" s="1106"/>
      <c r="CA1625" s="1106"/>
    </row>
    <row r="1626" spans="3:79" ht="9" customHeight="1" x14ac:dyDescent="0.2">
      <c r="C1626" s="1106"/>
      <c r="D1626" s="1106"/>
      <c r="E1626" s="1106"/>
      <c r="F1626" s="1106"/>
      <c r="G1626" s="1106"/>
      <c r="H1626" s="1106"/>
      <c r="I1626" s="1106"/>
      <c r="J1626" s="1106"/>
      <c r="K1626" s="1106"/>
      <c r="L1626" s="1106"/>
      <c r="M1626" s="1106"/>
      <c r="N1626" s="1106"/>
      <c r="O1626" s="1106"/>
      <c r="U1626" s="1106"/>
      <c r="AB1626" s="1106"/>
      <c r="AC1626" s="1106"/>
      <c r="AD1626" s="1106"/>
      <c r="AE1626" s="1106"/>
      <c r="AF1626" s="1106"/>
      <c r="AG1626" s="1106"/>
      <c r="AH1626" s="1106"/>
      <c r="AL1626" s="1106"/>
      <c r="AT1626" s="1106"/>
      <c r="AU1626" s="1106"/>
      <c r="AV1626" s="1106"/>
      <c r="AW1626" s="1106"/>
      <c r="AX1626" s="1106"/>
      <c r="AY1626" s="1106"/>
      <c r="AZ1626" s="1106"/>
      <c r="BA1626" s="1106"/>
      <c r="BB1626" s="1106"/>
      <c r="BC1626" s="1106"/>
      <c r="BD1626" s="1106"/>
      <c r="BE1626" s="1106"/>
      <c r="BF1626" s="1106"/>
      <c r="BG1626" s="1106"/>
      <c r="BH1626" s="1106"/>
      <c r="BI1626" s="1106"/>
      <c r="BJ1626" s="1106"/>
      <c r="BK1626" s="1106"/>
      <c r="BL1626" s="1106"/>
      <c r="BM1626" s="1106"/>
      <c r="BN1626" s="1106"/>
      <c r="BO1626" s="1106"/>
      <c r="BP1626" s="1106"/>
      <c r="BQ1626" s="1106"/>
      <c r="BR1626" s="1106"/>
      <c r="BS1626" s="1106"/>
      <c r="BT1626" s="1106"/>
      <c r="BU1626" s="1106"/>
      <c r="BV1626" s="1106"/>
      <c r="BW1626" s="1106"/>
      <c r="BX1626" s="1106"/>
      <c r="BY1626" s="1106"/>
      <c r="BZ1626" s="1106"/>
      <c r="CA1626" s="1106"/>
    </row>
    <row r="1627" spans="3:79" ht="9" customHeight="1" x14ac:dyDescent="0.2">
      <c r="C1627" s="1106"/>
      <c r="D1627" s="1106"/>
      <c r="E1627" s="1106"/>
      <c r="F1627" s="1106"/>
      <c r="G1627" s="1106"/>
      <c r="H1627" s="1106"/>
      <c r="I1627" s="1106"/>
      <c r="J1627" s="1106"/>
      <c r="K1627" s="1106"/>
      <c r="L1627" s="1106"/>
      <c r="M1627" s="1106"/>
      <c r="N1627" s="1106"/>
      <c r="O1627" s="1106"/>
      <c r="AB1627" s="1106"/>
      <c r="AC1627" s="1106"/>
      <c r="AD1627" s="1106"/>
      <c r="AE1627" s="1106"/>
      <c r="AF1627" s="1106"/>
      <c r="AG1627" s="1106"/>
      <c r="AH1627" s="1106"/>
      <c r="AL1627" s="1106"/>
      <c r="AZ1627" s="1106"/>
      <c r="BA1627" s="1106"/>
      <c r="BB1627" s="1106"/>
      <c r="BC1627" s="1106"/>
      <c r="BD1627" s="1106"/>
      <c r="BE1627" s="1106"/>
      <c r="BF1627" s="1106"/>
      <c r="BG1627" s="1106"/>
      <c r="BH1627" s="1106"/>
      <c r="BI1627" s="1106"/>
      <c r="BJ1627" s="1106"/>
      <c r="BK1627" s="1106"/>
      <c r="BL1627" s="1106"/>
      <c r="BM1627" s="1106"/>
      <c r="BN1627" s="1106"/>
      <c r="BO1627" s="1106"/>
      <c r="BP1627" s="1106"/>
      <c r="BQ1627" s="1106"/>
      <c r="BR1627" s="1106"/>
      <c r="BS1627" s="1106"/>
      <c r="BT1627" s="1106"/>
      <c r="BU1627" s="1106"/>
      <c r="BV1627" s="1106"/>
      <c r="BW1627" s="1106"/>
      <c r="BX1627" s="1106"/>
      <c r="BY1627" s="1106"/>
      <c r="BZ1627" s="1106"/>
      <c r="CA1627" s="1106"/>
    </row>
    <row r="1628" spans="3:79" ht="9" customHeight="1" x14ac:dyDescent="0.2">
      <c r="C1628" s="1106"/>
      <c r="D1628" s="1106"/>
      <c r="E1628" s="1106"/>
      <c r="F1628" s="1106"/>
      <c r="G1628" s="1106"/>
      <c r="H1628" s="1106"/>
      <c r="I1628" s="1106"/>
      <c r="J1628" s="1106"/>
      <c r="K1628" s="1106"/>
      <c r="L1628" s="1106"/>
      <c r="M1628" s="1106"/>
      <c r="N1628" s="1106"/>
      <c r="O1628" s="1106"/>
      <c r="AB1628" s="1106"/>
      <c r="AC1628" s="1106"/>
      <c r="AD1628" s="1106"/>
      <c r="AE1628" s="1106"/>
      <c r="AF1628" s="1106"/>
      <c r="AG1628" s="1106"/>
      <c r="AH1628" s="1106"/>
      <c r="AL1628" s="1106"/>
      <c r="AZ1628" s="1106"/>
      <c r="BA1628" s="1106"/>
      <c r="BB1628" s="1106"/>
      <c r="BC1628" s="1106"/>
      <c r="BD1628" s="1106"/>
      <c r="BE1628" s="1106"/>
      <c r="BF1628" s="1106"/>
      <c r="BG1628" s="1106"/>
      <c r="BH1628" s="1106"/>
      <c r="BI1628" s="1106"/>
      <c r="BJ1628" s="1106"/>
      <c r="BK1628" s="1106"/>
      <c r="BL1628" s="1106"/>
      <c r="BM1628" s="1106"/>
      <c r="BN1628" s="1106"/>
      <c r="BO1628" s="1106"/>
      <c r="BP1628" s="1106"/>
      <c r="BQ1628" s="1106"/>
      <c r="BR1628" s="1106"/>
      <c r="BS1628" s="1106"/>
      <c r="BT1628" s="1106"/>
      <c r="BU1628" s="1106"/>
      <c r="BV1628" s="1106"/>
      <c r="BW1628" s="1106"/>
      <c r="BX1628" s="1106"/>
      <c r="BY1628" s="1106"/>
      <c r="BZ1628" s="1106"/>
      <c r="CA1628" s="1106"/>
    </row>
    <row r="1629" spans="3:79" ht="9" customHeight="1" x14ac:dyDescent="0.2">
      <c r="C1629" s="1106"/>
      <c r="D1629" s="1106"/>
      <c r="E1629" s="1106"/>
      <c r="F1629" s="1106"/>
      <c r="G1629" s="1106"/>
      <c r="H1629" s="1106"/>
      <c r="I1629" s="1106"/>
      <c r="J1629" s="1106"/>
      <c r="K1629" s="1106"/>
      <c r="L1629" s="1106"/>
      <c r="M1629" s="1106"/>
      <c r="N1629" s="1106"/>
      <c r="O1629" s="1106"/>
      <c r="AB1629" s="1106"/>
      <c r="AC1629" s="1106"/>
      <c r="AD1629" s="1106"/>
      <c r="AE1629" s="1106"/>
      <c r="AF1629" s="1106"/>
      <c r="AG1629" s="1106"/>
      <c r="AH1629" s="1106"/>
      <c r="AL1629" s="1106"/>
      <c r="AZ1629" s="1106"/>
      <c r="BA1629" s="1106"/>
      <c r="BB1629" s="1106"/>
      <c r="BC1629" s="1106"/>
      <c r="BD1629" s="1106"/>
      <c r="BE1629" s="1106"/>
      <c r="BF1629" s="1106"/>
      <c r="BG1629" s="1106"/>
      <c r="BH1629" s="1106"/>
      <c r="BI1629" s="1106"/>
      <c r="BJ1629" s="1106"/>
      <c r="BK1629" s="1106"/>
      <c r="BL1629" s="1106"/>
      <c r="BM1629" s="1106"/>
      <c r="BN1629" s="1106"/>
      <c r="BO1629" s="1106"/>
      <c r="BP1629" s="1106"/>
      <c r="BQ1629" s="1106"/>
      <c r="BR1629" s="1106"/>
      <c r="BS1629" s="1106"/>
      <c r="BT1629" s="1106"/>
      <c r="BU1629" s="1106"/>
      <c r="BV1629" s="1106"/>
      <c r="BW1629" s="1106"/>
      <c r="BX1629" s="1106"/>
      <c r="BY1629" s="1106"/>
      <c r="BZ1629" s="1106"/>
      <c r="CA1629" s="1106"/>
    </row>
    <row r="1630" spans="3:79" ht="9" customHeight="1" x14ac:dyDescent="0.2">
      <c r="C1630" s="1106"/>
      <c r="D1630" s="1106"/>
      <c r="E1630" s="1106"/>
      <c r="F1630" s="1106"/>
      <c r="G1630" s="1106"/>
      <c r="H1630" s="1106"/>
      <c r="I1630" s="1106"/>
      <c r="J1630" s="1106"/>
      <c r="K1630" s="1106"/>
      <c r="L1630" s="1106"/>
      <c r="M1630" s="1106"/>
      <c r="N1630" s="1106"/>
      <c r="O1630" s="1106"/>
      <c r="U1630" s="1106"/>
      <c r="AB1630" s="1106"/>
      <c r="AC1630" s="1106"/>
      <c r="AD1630" s="1106"/>
      <c r="AE1630" s="1106"/>
      <c r="AF1630" s="1106"/>
      <c r="AG1630" s="1106"/>
      <c r="AH1630" s="1106"/>
      <c r="AL1630" s="1106"/>
      <c r="AT1630" s="1106"/>
      <c r="AU1630" s="1106"/>
      <c r="AV1630" s="1106"/>
      <c r="AW1630" s="1106"/>
      <c r="AX1630" s="1106"/>
      <c r="AY1630" s="1106"/>
      <c r="AZ1630" s="1106"/>
      <c r="BA1630" s="1106"/>
      <c r="BB1630" s="1106"/>
      <c r="BC1630" s="1106"/>
      <c r="BD1630" s="1106"/>
      <c r="BE1630" s="1106"/>
      <c r="BF1630" s="1106"/>
      <c r="BG1630" s="1106"/>
      <c r="BH1630" s="1106"/>
      <c r="BI1630" s="1106"/>
      <c r="BJ1630" s="1106"/>
      <c r="BK1630" s="1106"/>
      <c r="BL1630" s="1106"/>
      <c r="BM1630" s="1106"/>
      <c r="BN1630" s="1106"/>
      <c r="BO1630" s="1106"/>
      <c r="BP1630" s="1106"/>
      <c r="BQ1630" s="1106"/>
      <c r="BR1630" s="1106"/>
      <c r="BS1630" s="1106"/>
      <c r="BT1630" s="1106"/>
      <c r="BU1630" s="1106"/>
      <c r="BV1630" s="1106"/>
      <c r="BW1630" s="1106"/>
      <c r="BX1630" s="1106"/>
      <c r="BY1630" s="1106"/>
      <c r="BZ1630" s="1106"/>
      <c r="CA1630" s="1106"/>
    </row>
    <row r="1631" spans="3:79" ht="9" customHeight="1" x14ac:dyDescent="0.2">
      <c r="C1631" s="1106"/>
      <c r="D1631" s="1106"/>
      <c r="E1631" s="1106"/>
      <c r="F1631" s="1106"/>
      <c r="G1631" s="1106"/>
      <c r="H1631" s="1106"/>
      <c r="I1631" s="1106"/>
      <c r="J1631" s="1106"/>
      <c r="K1631" s="1106"/>
      <c r="L1631" s="1106"/>
      <c r="M1631" s="1106"/>
      <c r="N1631" s="1106"/>
      <c r="O1631" s="1106"/>
      <c r="U1631" s="1106"/>
      <c r="AB1631" s="1106"/>
      <c r="AC1631" s="1106"/>
      <c r="AD1631" s="1106"/>
      <c r="AE1631" s="1106"/>
      <c r="AF1631" s="1106"/>
      <c r="AG1631" s="1106"/>
      <c r="AH1631" s="1106"/>
      <c r="AL1631" s="1106"/>
      <c r="AO1631" s="1106"/>
      <c r="AP1631" s="1106"/>
      <c r="AT1631" s="1106"/>
      <c r="AU1631" s="1106"/>
      <c r="AV1631" s="1106"/>
      <c r="AW1631" s="1106"/>
      <c r="AX1631" s="1106"/>
      <c r="AY1631" s="1106"/>
      <c r="AZ1631" s="1106"/>
      <c r="BA1631" s="1106"/>
      <c r="BB1631" s="1106"/>
      <c r="BC1631" s="1106"/>
      <c r="BD1631" s="1106"/>
      <c r="BE1631" s="1106"/>
      <c r="BF1631" s="1106"/>
      <c r="BG1631" s="1106"/>
      <c r="BH1631" s="1106"/>
      <c r="BI1631" s="1106"/>
      <c r="BJ1631" s="1106"/>
      <c r="BK1631" s="1106"/>
      <c r="BL1631" s="1106"/>
      <c r="BM1631" s="1106"/>
      <c r="BN1631" s="1106"/>
      <c r="BO1631" s="1106"/>
      <c r="BP1631" s="1106"/>
      <c r="BQ1631" s="1106"/>
      <c r="BR1631" s="1106"/>
      <c r="BS1631" s="1106"/>
      <c r="BT1631" s="1106"/>
      <c r="BU1631" s="1106"/>
      <c r="BV1631" s="1106"/>
      <c r="BW1631" s="1106"/>
      <c r="BX1631" s="1106"/>
      <c r="BY1631" s="1106"/>
      <c r="BZ1631" s="1106"/>
      <c r="CA1631" s="1106"/>
    </row>
    <row r="1632" spans="3:79" ht="9" customHeight="1" x14ac:dyDescent="0.2">
      <c r="C1632" s="1106"/>
      <c r="D1632" s="1106"/>
      <c r="E1632" s="1106"/>
      <c r="F1632" s="1106"/>
      <c r="G1632" s="1106"/>
      <c r="H1632" s="1106"/>
      <c r="I1632" s="1106"/>
      <c r="J1632" s="1106"/>
      <c r="K1632" s="1106"/>
      <c r="L1632" s="1106"/>
      <c r="M1632" s="1106"/>
      <c r="N1632" s="1106"/>
      <c r="O1632" s="1106"/>
      <c r="U1632" s="1106"/>
      <c r="AB1632" s="1106"/>
      <c r="AC1632" s="1106"/>
      <c r="AD1632" s="1106"/>
      <c r="AE1632" s="1106"/>
      <c r="AF1632" s="1106"/>
      <c r="AG1632" s="1106"/>
      <c r="AH1632" s="1106"/>
      <c r="AL1632" s="1106"/>
      <c r="AT1632" s="1106"/>
      <c r="AU1632" s="1106"/>
      <c r="AV1632" s="1106"/>
      <c r="AW1632" s="1106"/>
      <c r="AX1632" s="1106"/>
      <c r="AY1632" s="1106"/>
      <c r="AZ1632" s="1106"/>
      <c r="BA1632" s="1106"/>
      <c r="BB1632" s="1106"/>
      <c r="BC1632" s="1106"/>
      <c r="BD1632" s="1106"/>
      <c r="BE1632" s="1106"/>
      <c r="BF1632" s="1106"/>
      <c r="BG1632" s="1106"/>
      <c r="BH1632" s="1106"/>
      <c r="BI1632" s="1106"/>
      <c r="BJ1632" s="1106"/>
      <c r="BK1632" s="1106"/>
      <c r="BL1632" s="1106"/>
      <c r="BM1632" s="1106"/>
      <c r="BN1632" s="1106"/>
      <c r="BO1632" s="1106"/>
      <c r="BP1632" s="1106"/>
      <c r="BQ1632" s="1106"/>
      <c r="BR1632" s="1106"/>
      <c r="BS1632" s="1106"/>
      <c r="BT1632" s="1106"/>
      <c r="BU1632" s="1106"/>
      <c r="BV1632" s="1106"/>
      <c r="BW1632" s="1106"/>
      <c r="BX1632" s="1106"/>
      <c r="BY1632" s="1106"/>
      <c r="BZ1632" s="1106"/>
      <c r="CA1632" s="1106"/>
    </row>
    <row r="1633" spans="3:79" ht="9" customHeight="1" x14ac:dyDescent="0.2">
      <c r="C1633" s="1106"/>
      <c r="D1633" s="1106"/>
      <c r="E1633" s="1106"/>
      <c r="F1633" s="1106"/>
      <c r="G1633" s="1106"/>
      <c r="H1633" s="1106"/>
      <c r="I1633" s="1106"/>
      <c r="J1633" s="1106"/>
      <c r="K1633" s="1106"/>
      <c r="L1633" s="1106"/>
      <c r="M1633" s="1106"/>
      <c r="N1633" s="1106"/>
      <c r="O1633" s="1106"/>
      <c r="AB1633" s="1106"/>
      <c r="AC1633" s="1106"/>
      <c r="AD1633" s="1106"/>
      <c r="AE1633" s="1106"/>
      <c r="AF1633" s="1106"/>
      <c r="AG1633" s="1106"/>
      <c r="AH1633" s="1106"/>
      <c r="AL1633" s="1106"/>
      <c r="AZ1633" s="1106"/>
      <c r="BA1633" s="1106"/>
      <c r="BB1633" s="1106"/>
      <c r="BC1633" s="1106"/>
      <c r="BD1633" s="1106"/>
      <c r="BE1633" s="1106"/>
      <c r="BF1633" s="1106"/>
      <c r="BG1633" s="1106"/>
      <c r="BH1633" s="1106"/>
      <c r="BI1633" s="1106"/>
      <c r="BJ1633" s="1106"/>
      <c r="BK1633" s="1106"/>
      <c r="BL1633" s="1106"/>
      <c r="BM1633" s="1106"/>
      <c r="BN1633" s="1106"/>
      <c r="BO1633" s="1106"/>
      <c r="BP1633" s="1106"/>
      <c r="BQ1633" s="1106"/>
      <c r="BR1633" s="1106"/>
      <c r="BS1633" s="1106"/>
      <c r="BT1633" s="1106"/>
      <c r="BU1633" s="1106"/>
      <c r="BV1633" s="1106"/>
      <c r="BW1633" s="1106"/>
      <c r="BX1633" s="1106"/>
      <c r="BY1633" s="1106"/>
      <c r="BZ1633" s="1106"/>
      <c r="CA1633" s="1106"/>
    </row>
    <row r="1634" spans="3:79" ht="9" customHeight="1" x14ac:dyDescent="0.2">
      <c r="C1634" s="1106"/>
      <c r="D1634" s="1106"/>
      <c r="E1634" s="1106"/>
      <c r="F1634" s="1106"/>
      <c r="G1634" s="1106"/>
      <c r="H1634" s="1106"/>
      <c r="I1634" s="1106"/>
      <c r="J1634" s="1106"/>
      <c r="K1634" s="1106"/>
      <c r="L1634" s="1106"/>
      <c r="M1634" s="1106"/>
      <c r="N1634" s="1106"/>
      <c r="O1634" s="1106"/>
      <c r="AB1634" s="1106"/>
      <c r="AC1634" s="1106"/>
      <c r="AD1634" s="1106"/>
      <c r="AE1634" s="1106"/>
      <c r="AF1634" s="1106"/>
      <c r="AG1634" s="1106"/>
      <c r="AH1634" s="1106"/>
      <c r="AL1634" s="1106"/>
      <c r="AZ1634" s="1106"/>
      <c r="BA1634" s="1106"/>
      <c r="BB1634" s="1106"/>
      <c r="BC1634" s="1106"/>
      <c r="BD1634" s="1106"/>
      <c r="BE1634" s="1106"/>
      <c r="BF1634" s="1106"/>
      <c r="BG1634" s="1106"/>
      <c r="BH1634" s="1106"/>
      <c r="BI1634" s="1106"/>
      <c r="BJ1634" s="1106"/>
      <c r="BK1634" s="1106"/>
      <c r="BL1634" s="1106"/>
      <c r="BM1634" s="1106"/>
      <c r="BN1634" s="1106"/>
      <c r="BO1634" s="1106"/>
      <c r="BP1634" s="1106"/>
      <c r="BQ1634" s="1106"/>
      <c r="BR1634" s="1106"/>
      <c r="BS1634" s="1106"/>
      <c r="BT1634" s="1106"/>
      <c r="BU1634" s="1106"/>
      <c r="BV1634" s="1106"/>
      <c r="BW1634" s="1106"/>
      <c r="BX1634" s="1106"/>
      <c r="BY1634" s="1106"/>
      <c r="BZ1634" s="1106"/>
      <c r="CA1634" s="1106"/>
    </row>
    <row r="1635" spans="3:79" ht="9" customHeight="1" x14ac:dyDescent="0.2">
      <c r="C1635" s="1106"/>
      <c r="D1635" s="1106"/>
      <c r="E1635" s="1106"/>
      <c r="F1635" s="1106"/>
      <c r="G1635" s="1106"/>
      <c r="H1635" s="1106"/>
      <c r="I1635" s="1106"/>
      <c r="J1635" s="1106"/>
      <c r="K1635" s="1106"/>
      <c r="L1635" s="1106"/>
      <c r="M1635" s="1106"/>
      <c r="N1635" s="1106"/>
      <c r="O1635" s="1106"/>
      <c r="AB1635" s="1106"/>
      <c r="AC1635" s="1106"/>
      <c r="AD1635" s="1106"/>
      <c r="AE1635" s="1106"/>
      <c r="AF1635" s="1106"/>
      <c r="AG1635" s="1106"/>
      <c r="AH1635" s="1106"/>
      <c r="AL1635" s="1106"/>
      <c r="AZ1635" s="1106"/>
      <c r="BA1635" s="1106"/>
      <c r="BB1635" s="1106"/>
      <c r="BC1635" s="1106"/>
      <c r="BD1635" s="1106"/>
      <c r="BE1635" s="1106"/>
      <c r="BF1635" s="1106"/>
      <c r="BG1635" s="1106"/>
      <c r="BH1635" s="1106"/>
      <c r="BI1635" s="1106"/>
      <c r="BJ1635" s="1106"/>
      <c r="BK1635" s="1106"/>
      <c r="BL1635" s="1106"/>
      <c r="BM1635" s="1106"/>
      <c r="BN1635" s="1106"/>
      <c r="BO1635" s="1106"/>
      <c r="BP1635" s="1106"/>
      <c r="BQ1635" s="1106"/>
      <c r="BR1635" s="1106"/>
      <c r="BS1635" s="1106"/>
      <c r="BT1635" s="1106"/>
      <c r="BU1635" s="1106"/>
      <c r="BV1635" s="1106"/>
      <c r="BW1635" s="1106"/>
      <c r="BX1635" s="1106"/>
      <c r="BY1635" s="1106"/>
      <c r="BZ1635" s="1106"/>
      <c r="CA1635" s="1106"/>
    </row>
    <row r="1636" spans="3:79" ht="9" customHeight="1" x14ac:dyDescent="0.2">
      <c r="C1636" s="1106"/>
      <c r="D1636" s="1106"/>
      <c r="E1636" s="1106"/>
      <c r="F1636" s="1106"/>
      <c r="G1636" s="1106"/>
      <c r="H1636" s="1106"/>
      <c r="I1636" s="1106"/>
      <c r="J1636" s="1106"/>
      <c r="K1636" s="1106"/>
      <c r="L1636" s="1106"/>
      <c r="M1636" s="1106"/>
      <c r="N1636" s="1106"/>
      <c r="O1636" s="1106"/>
      <c r="U1636" s="1106"/>
      <c r="AB1636" s="1106"/>
      <c r="AC1636" s="1106"/>
      <c r="AD1636" s="1106"/>
      <c r="AE1636" s="1106"/>
      <c r="AF1636" s="1106"/>
      <c r="AG1636" s="1106"/>
      <c r="AH1636" s="1106"/>
      <c r="AL1636" s="1106"/>
      <c r="AT1636" s="1106"/>
      <c r="AU1636" s="1106"/>
      <c r="AV1636" s="1106"/>
      <c r="AW1636" s="1106"/>
      <c r="AX1636" s="1106"/>
      <c r="AY1636" s="1106"/>
      <c r="AZ1636" s="1106"/>
      <c r="BA1636" s="1106"/>
      <c r="BB1636" s="1106"/>
      <c r="BC1636" s="1106"/>
      <c r="BD1636" s="1106"/>
      <c r="BE1636" s="1106"/>
      <c r="BF1636" s="1106"/>
      <c r="BG1636" s="1106"/>
      <c r="BH1636" s="1106"/>
      <c r="BI1636" s="1106"/>
      <c r="BJ1636" s="1106"/>
      <c r="BK1636" s="1106"/>
      <c r="BL1636" s="1106"/>
      <c r="BM1636" s="1106"/>
      <c r="BN1636" s="1106"/>
      <c r="BO1636" s="1106"/>
      <c r="BP1636" s="1106"/>
      <c r="BQ1636" s="1106"/>
      <c r="BR1636" s="1106"/>
      <c r="BS1636" s="1106"/>
      <c r="BT1636" s="1106"/>
      <c r="BU1636" s="1106"/>
      <c r="BV1636" s="1106"/>
      <c r="BW1636" s="1106"/>
      <c r="BX1636" s="1106"/>
      <c r="BY1636" s="1106"/>
      <c r="BZ1636" s="1106"/>
      <c r="CA1636" s="1106"/>
    </row>
    <row r="1637" spans="3:79" ht="9" customHeight="1" x14ac:dyDescent="0.2">
      <c r="C1637" s="1106"/>
      <c r="D1637" s="1106"/>
      <c r="E1637" s="1106"/>
      <c r="F1637" s="1106"/>
      <c r="G1637" s="1106"/>
      <c r="H1637" s="1106"/>
      <c r="I1637" s="1106"/>
      <c r="J1637" s="1106"/>
      <c r="K1637" s="1106"/>
      <c r="L1637" s="1106"/>
      <c r="M1637" s="1106"/>
      <c r="N1637" s="1106"/>
      <c r="O1637" s="1106"/>
      <c r="U1637" s="1106"/>
      <c r="AB1637" s="1106"/>
      <c r="AC1637" s="1106"/>
      <c r="AD1637" s="1106"/>
      <c r="AE1637" s="1106"/>
      <c r="AF1637" s="1106"/>
      <c r="AG1637" s="1106"/>
      <c r="AH1637" s="1106"/>
      <c r="AL1637" s="1106"/>
      <c r="AO1637" s="1106"/>
      <c r="AP1637" s="1106"/>
      <c r="AT1637" s="1106"/>
      <c r="AU1637" s="1106"/>
      <c r="AV1637" s="1106"/>
      <c r="AW1637" s="1106"/>
      <c r="AX1637" s="1106"/>
      <c r="AY1637" s="1106"/>
      <c r="AZ1637" s="1106"/>
      <c r="BA1637" s="1106"/>
      <c r="BB1637" s="1106"/>
      <c r="BC1637" s="1106"/>
      <c r="BD1637" s="1106"/>
      <c r="BE1637" s="1106"/>
      <c r="BF1637" s="1106"/>
      <c r="BG1637" s="1106"/>
      <c r="BH1637" s="1106"/>
      <c r="BI1637" s="1106"/>
      <c r="BJ1637" s="1106"/>
      <c r="BK1637" s="1106"/>
      <c r="BL1637" s="1106"/>
      <c r="BM1637" s="1106"/>
      <c r="BN1637" s="1106"/>
      <c r="BO1637" s="1106"/>
      <c r="BP1637" s="1106"/>
      <c r="BQ1637" s="1106"/>
      <c r="BR1637" s="1106"/>
      <c r="BS1637" s="1106"/>
      <c r="BT1637" s="1106"/>
      <c r="BU1637" s="1106"/>
      <c r="BV1637" s="1106"/>
      <c r="BW1637" s="1106"/>
      <c r="BX1637" s="1106"/>
      <c r="BY1637" s="1106"/>
      <c r="BZ1637" s="1106"/>
      <c r="CA1637" s="1106"/>
    </row>
    <row r="1638" spans="3:79" ht="9" customHeight="1" x14ac:dyDescent="0.2">
      <c r="C1638" s="1106"/>
      <c r="D1638" s="1106"/>
      <c r="E1638" s="1106"/>
      <c r="F1638" s="1106"/>
      <c r="G1638" s="1106"/>
      <c r="H1638" s="1106"/>
      <c r="I1638" s="1106"/>
      <c r="J1638" s="1106"/>
      <c r="K1638" s="1106"/>
      <c r="L1638" s="1106"/>
      <c r="M1638" s="1106"/>
      <c r="N1638" s="1106"/>
      <c r="O1638" s="1106"/>
      <c r="U1638" s="1106"/>
      <c r="AB1638" s="1106"/>
      <c r="AC1638" s="1106"/>
      <c r="AD1638" s="1106"/>
      <c r="AE1638" s="1106"/>
      <c r="AF1638" s="1106"/>
      <c r="AG1638" s="1106"/>
      <c r="AH1638" s="1106"/>
      <c r="AL1638" s="1106"/>
      <c r="AT1638" s="1106"/>
      <c r="AU1638" s="1106"/>
      <c r="AV1638" s="1106"/>
      <c r="AW1638" s="1106"/>
      <c r="AX1638" s="1106"/>
      <c r="AY1638" s="1106"/>
      <c r="AZ1638" s="1106"/>
      <c r="BA1638" s="1106"/>
      <c r="BB1638" s="1106"/>
      <c r="BC1638" s="1106"/>
      <c r="BD1638" s="1106"/>
      <c r="BE1638" s="1106"/>
      <c r="BF1638" s="1106"/>
      <c r="BG1638" s="1106"/>
      <c r="BH1638" s="1106"/>
      <c r="BI1638" s="1106"/>
      <c r="BJ1638" s="1106"/>
      <c r="BK1638" s="1106"/>
      <c r="BL1638" s="1106"/>
      <c r="BM1638" s="1106"/>
      <c r="BN1638" s="1106"/>
      <c r="BO1638" s="1106"/>
      <c r="BP1638" s="1106"/>
      <c r="BQ1638" s="1106"/>
      <c r="BR1638" s="1106"/>
      <c r="BS1638" s="1106"/>
      <c r="BT1638" s="1106"/>
      <c r="BU1638" s="1106"/>
      <c r="BV1638" s="1106"/>
      <c r="BW1638" s="1106"/>
      <c r="BX1638" s="1106"/>
      <c r="BY1638" s="1106"/>
      <c r="BZ1638" s="1106"/>
      <c r="CA1638" s="1106"/>
    </row>
    <row r="1639" spans="3:79" ht="9" customHeight="1" x14ac:dyDescent="0.2">
      <c r="C1639" s="1106"/>
      <c r="D1639" s="1106"/>
      <c r="E1639" s="1106"/>
      <c r="F1639" s="1106"/>
      <c r="G1639" s="1106"/>
      <c r="H1639" s="1106"/>
      <c r="I1639" s="1106"/>
      <c r="J1639" s="1106"/>
      <c r="K1639" s="1106"/>
      <c r="L1639" s="1106"/>
      <c r="M1639" s="1106"/>
      <c r="N1639" s="1106"/>
      <c r="O1639" s="1106"/>
      <c r="AB1639" s="1106"/>
      <c r="AC1639" s="1106"/>
      <c r="AD1639" s="1106"/>
      <c r="AE1639" s="1106"/>
      <c r="AF1639" s="1106"/>
      <c r="AG1639" s="1106"/>
      <c r="AH1639" s="1106"/>
      <c r="AL1639" s="1106"/>
      <c r="AZ1639" s="1106"/>
      <c r="BA1639" s="1106"/>
      <c r="BB1639" s="1106"/>
      <c r="BC1639" s="1106"/>
      <c r="BD1639" s="1106"/>
      <c r="BE1639" s="1106"/>
      <c r="BF1639" s="1106"/>
      <c r="BG1639" s="1106"/>
      <c r="BH1639" s="1106"/>
      <c r="BI1639" s="1106"/>
      <c r="BJ1639" s="1106"/>
      <c r="BK1639" s="1106"/>
      <c r="BL1639" s="1106"/>
      <c r="BM1639" s="1106"/>
      <c r="BN1639" s="1106"/>
      <c r="BO1639" s="1106"/>
      <c r="BP1639" s="1106"/>
      <c r="BQ1639" s="1106"/>
      <c r="BR1639" s="1106"/>
      <c r="BS1639" s="1106"/>
      <c r="BT1639" s="1106"/>
      <c r="BU1639" s="1106"/>
      <c r="BV1639" s="1106"/>
      <c r="BW1639" s="1106"/>
      <c r="BX1639" s="1106"/>
      <c r="BY1639" s="1106"/>
      <c r="BZ1639" s="1106"/>
      <c r="CA1639" s="1106"/>
    </row>
    <row r="1640" spans="3:79" ht="9" customHeight="1" x14ac:dyDescent="0.2">
      <c r="C1640" s="1106"/>
      <c r="D1640" s="1106"/>
      <c r="E1640" s="1106"/>
      <c r="F1640" s="1106"/>
      <c r="G1640" s="1106"/>
      <c r="H1640" s="1106"/>
      <c r="I1640" s="1106"/>
      <c r="J1640" s="1106"/>
      <c r="K1640" s="1106"/>
      <c r="L1640" s="1106"/>
      <c r="M1640" s="1106"/>
      <c r="N1640" s="1106"/>
      <c r="O1640" s="1106"/>
      <c r="AB1640" s="1106"/>
      <c r="AC1640" s="1106"/>
      <c r="AD1640" s="1106"/>
      <c r="AE1640" s="1106"/>
      <c r="AF1640" s="1106"/>
      <c r="AG1640" s="1106"/>
      <c r="AH1640" s="1106"/>
      <c r="AL1640" s="1106"/>
      <c r="AZ1640" s="1106"/>
      <c r="BA1640" s="1106"/>
      <c r="BB1640" s="1106"/>
      <c r="BC1640" s="1106"/>
      <c r="BD1640" s="1106"/>
      <c r="BE1640" s="1106"/>
      <c r="BF1640" s="1106"/>
      <c r="BG1640" s="1106"/>
      <c r="BH1640" s="1106"/>
      <c r="BI1640" s="1106"/>
      <c r="BJ1640" s="1106"/>
      <c r="BK1640" s="1106"/>
      <c r="BL1640" s="1106"/>
      <c r="BM1640" s="1106"/>
      <c r="BN1640" s="1106"/>
      <c r="BO1640" s="1106"/>
      <c r="BP1640" s="1106"/>
      <c r="BQ1640" s="1106"/>
      <c r="BR1640" s="1106"/>
      <c r="BS1640" s="1106"/>
      <c r="BT1640" s="1106"/>
      <c r="BU1640" s="1106"/>
      <c r="BV1640" s="1106"/>
      <c r="BW1640" s="1106"/>
      <c r="BX1640" s="1106"/>
      <c r="BY1640" s="1106"/>
      <c r="BZ1640" s="1106"/>
      <c r="CA1640" s="1106"/>
    </row>
    <row r="1641" spans="3:79" ht="9" customHeight="1" x14ac:dyDescent="0.2">
      <c r="C1641" s="1106"/>
      <c r="D1641" s="1106"/>
      <c r="E1641" s="1106"/>
      <c r="F1641" s="1106"/>
      <c r="G1641" s="1106"/>
      <c r="H1641" s="1106"/>
      <c r="I1641" s="1106"/>
      <c r="J1641" s="1106"/>
      <c r="K1641" s="1106"/>
      <c r="L1641" s="1106"/>
      <c r="M1641" s="1106"/>
      <c r="N1641" s="1106"/>
      <c r="O1641" s="1106"/>
      <c r="AB1641" s="1106"/>
      <c r="AC1641" s="1106"/>
      <c r="AD1641" s="1106"/>
      <c r="AE1641" s="1106"/>
      <c r="AF1641" s="1106"/>
      <c r="AG1641" s="1106"/>
      <c r="AH1641" s="1106"/>
      <c r="AL1641" s="1106"/>
      <c r="AZ1641" s="1106"/>
      <c r="BA1641" s="1106"/>
      <c r="BB1641" s="1106"/>
      <c r="BC1641" s="1106"/>
      <c r="BD1641" s="1106"/>
      <c r="BE1641" s="1106"/>
      <c r="BF1641" s="1106"/>
      <c r="BG1641" s="1106"/>
      <c r="BH1641" s="1106"/>
      <c r="BI1641" s="1106"/>
      <c r="BJ1641" s="1106"/>
      <c r="BK1641" s="1106"/>
      <c r="BL1641" s="1106"/>
      <c r="BM1641" s="1106"/>
      <c r="BN1641" s="1106"/>
      <c r="BO1641" s="1106"/>
      <c r="BP1641" s="1106"/>
      <c r="BQ1641" s="1106"/>
      <c r="BR1641" s="1106"/>
      <c r="BS1641" s="1106"/>
      <c r="BT1641" s="1106"/>
      <c r="BU1641" s="1106"/>
      <c r="BV1641" s="1106"/>
      <c r="BW1641" s="1106"/>
      <c r="BX1641" s="1106"/>
      <c r="BY1641" s="1106"/>
      <c r="BZ1641" s="1106"/>
      <c r="CA1641" s="1106"/>
    </row>
    <row r="1642" spans="3:79" ht="9" customHeight="1" x14ac:dyDescent="0.2">
      <c r="C1642" s="1106"/>
      <c r="D1642" s="1106"/>
      <c r="E1642" s="1106"/>
      <c r="F1642" s="1106"/>
      <c r="G1642" s="1106"/>
      <c r="H1642" s="1106"/>
      <c r="I1642" s="1106"/>
      <c r="J1642" s="1106"/>
      <c r="K1642" s="1106"/>
      <c r="L1642" s="1106"/>
      <c r="M1642" s="1106"/>
      <c r="N1642" s="1106"/>
      <c r="O1642" s="1106"/>
      <c r="U1642" s="1106"/>
      <c r="AB1642" s="1106"/>
      <c r="AC1642" s="1106"/>
      <c r="AD1642" s="1106"/>
      <c r="AE1642" s="1106"/>
      <c r="AF1642" s="1106"/>
      <c r="AG1642" s="1106"/>
      <c r="AH1642" s="1106"/>
      <c r="AL1642" s="1106"/>
      <c r="AT1642" s="1106"/>
      <c r="AU1642" s="1106"/>
      <c r="AV1642" s="1106"/>
      <c r="AW1642" s="1106"/>
      <c r="AX1642" s="1106"/>
      <c r="AY1642" s="1106"/>
      <c r="AZ1642" s="1106"/>
      <c r="BA1642" s="1106"/>
      <c r="BB1642" s="1106"/>
      <c r="BC1642" s="1106"/>
      <c r="BD1642" s="1106"/>
      <c r="BE1642" s="1106"/>
      <c r="BF1642" s="1106"/>
      <c r="BG1642" s="1106"/>
      <c r="BH1642" s="1106"/>
      <c r="BI1642" s="1106"/>
      <c r="BJ1642" s="1106"/>
      <c r="BK1642" s="1106"/>
      <c r="BL1642" s="1106"/>
      <c r="BM1642" s="1106"/>
      <c r="BN1642" s="1106"/>
      <c r="BO1642" s="1106"/>
      <c r="BP1642" s="1106"/>
      <c r="BQ1642" s="1106"/>
      <c r="BR1642" s="1106"/>
      <c r="BS1642" s="1106"/>
      <c r="BT1642" s="1106"/>
      <c r="BU1642" s="1106"/>
      <c r="BV1642" s="1106"/>
      <c r="BW1642" s="1106"/>
      <c r="BX1642" s="1106"/>
      <c r="BY1642" s="1106"/>
      <c r="BZ1642" s="1106"/>
      <c r="CA1642" s="1106"/>
    </row>
    <row r="1643" spans="3:79" ht="9" customHeight="1" x14ac:dyDescent="0.2">
      <c r="C1643" s="1106"/>
      <c r="D1643" s="1106"/>
      <c r="E1643" s="1106"/>
      <c r="F1643" s="1106"/>
      <c r="G1643" s="1106"/>
      <c r="H1643" s="1106"/>
      <c r="I1643" s="1106"/>
      <c r="J1643" s="1106"/>
      <c r="K1643" s="1106"/>
      <c r="L1643" s="1106"/>
      <c r="M1643" s="1106"/>
      <c r="N1643" s="1106"/>
      <c r="O1643" s="1106"/>
      <c r="U1643" s="1106"/>
      <c r="AB1643" s="1106"/>
      <c r="AC1643" s="1106"/>
      <c r="AD1643" s="1106"/>
      <c r="AE1643" s="1106"/>
      <c r="AF1643" s="1106"/>
      <c r="AG1643" s="1106"/>
      <c r="AH1643" s="1106"/>
      <c r="AL1643" s="1106"/>
      <c r="AO1643" s="1106"/>
      <c r="AP1643" s="1106"/>
      <c r="AT1643" s="1106"/>
      <c r="AU1643" s="1106"/>
      <c r="AV1643" s="1106"/>
      <c r="AW1643" s="1106"/>
      <c r="AX1643" s="1106"/>
      <c r="AY1643" s="1106"/>
      <c r="AZ1643" s="1106"/>
      <c r="BA1643" s="1106"/>
      <c r="BB1643" s="1106"/>
      <c r="BC1643" s="1106"/>
      <c r="BD1643" s="1106"/>
      <c r="BE1643" s="1106"/>
      <c r="BF1643" s="1106"/>
      <c r="BG1643" s="1106"/>
      <c r="BH1643" s="1106"/>
      <c r="BI1643" s="1106"/>
      <c r="BJ1643" s="1106"/>
      <c r="BK1643" s="1106"/>
      <c r="BL1643" s="1106"/>
      <c r="BM1643" s="1106"/>
      <c r="BN1643" s="1106"/>
      <c r="BO1643" s="1106"/>
      <c r="BP1643" s="1106"/>
      <c r="BQ1643" s="1106"/>
      <c r="BR1643" s="1106"/>
      <c r="BS1643" s="1106"/>
      <c r="BT1643" s="1106"/>
      <c r="BU1643" s="1106"/>
      <c r="BV1643" s="1106"/>
      <c r="BW1643" s="1106"/>
      <c r="BX1643" s="1106"/>
      <c r="BY1643" s="1106"/>
      <c r="BZ1643" s="1106"/>
      <c r="CA1643" s="1106"/>
    </row>
    <row r="1644" spans="3:79" ht="9" customHeight="1" x14ac:dyDescent="0.2">
      <c r="C1644" s="1106"/>
      <c r="D1644" s="1106"/>
      <c r="E1644" s="1106"/>
      <c r="F1644" s="1106"/>
      <c r="G1644" s="1106"/>
      <c r="H1644" s="1106"/>
      <c r="I1644" s="1106"/>
      <c r="J1644" s="1106"/>
      <c r="K1644" s="1106"/>
      <c r="L1644" s="1106"/>
      <c r="M1644" s="1106"/>
      <c r="N1644" s="1106"/>
      <c r="O1644" s="1106"/>
      <c r="U1644" s="1106"/>
      <c r="AB1644" s="1106"/>
      <c r="AC1644" s="1106"/>
      <c r="AD1644" s="1106"/>
      <c r="AE1644" s="1106"/>
      <c r="AF1644" s="1106"/>
      <c r="AG1644" s="1106"/>
      <c r="AH1644" s="1106"/>
      <c r="AL1644" s="1106"/>
      <c r="AT1644" s="1106"/>
      <c r="AU1644" s="1106"/>
      <c r="AV1644" s="1106"/>
      <c r="AW1644" s="1106"/>
      <c r="AX1644" s="1106"/>
      <c r="AY1644" s="1106"/>
      <c r="AZ1644" s="1106"/>
      <c r="BA1644" s="1106"/>
      <c r="BB1644" s="1106"/>
      <c r="BC1644" s="1106"/>
      <c r="BD1644" s="1106"/>
      <c r="BE1644" s="1106"/>
      <c r="BF1644" s="1106"/>
      <c r="BG1644" s="1106"/>
      <c r="BH1644" s="1106"/>
      <c r="BI1644" s="1106"/>
      <c r="BJ1644" s="1106"/>
      <c r="BK1644" s="1106"/>
      <c r="BL1644" s="1106"/>
      <c r="BM1644" s="1106"/>
      <c r="BN1644" s="1106"/>
      <c r="BO1644" s="1106"/>
      <c r="BP1644" s="1106"/>
      <c r="BQ1644" s="1106"/>
      <c r="BR1644" s="1106"/>
      <c r="BS1644" s="1106"/>
      <c r="BT1644" s="1106"/>
      <c r="BU1644" s="1106"/>
      <c r="BV1644" s="1106"/>
      <c r="BW1644" s="1106"/>
      <c r="BX1644" s="1106"/>
      <c r="BY1644" s="1106"/>
      <c r="BZ1644" s="1106"/>
      <c r="CA1644" s="1106"/>
    </row>
    <row r="1645" spans="3:79" ht="9" customHeight="1" x14ac:dyDescent="0.2">
      <c r="C1645" s="1106"/>
      <c r="D1645" s="1106"/>
      <c r="E1645" s="1106"/>
      <c r="F1645" s="1106"/>
      <c r="G1645" s="1106"/>
      <c r="H1645" s="1106"/>
      <c r="I1645" s="1106"/>
      <c r="J1645" s="1106"/>
      <c r="K1645" s="1106"/>
      <c r="L1645" s="1106"/>
      <c r="M1645" s="1106"/>
      <c r="N1645" s="1106"/>
      <c r="O1645" s="1106"/>
      <c r="AB1645" s="1106"/>
      <c r="AC1645" s="1106"/>
      <c r="AD1645" s="1106"/>
      <c r="AE1645" s="1106"/>
      <c r="AF1645" s="1106"/>
      <c r="AG1645" s="1106"/>
      <c r="AH1645" s="1106"/>
      <c r="AL1645" s="1106"/>
      <c r="AZ1645" s="1106"/>
      <c r="BA1645" s="1106"/>
      <c r="BB1645" s="1106"/>
      <c r="BC1645" s="1106"/>
      <c r="BD1645" s="1106"/>
      <c r="BE1645" s="1106"/>
      <c r="BF1645" s="1106"/>
      <c r="BG1645" s="1106"/>
      <c r="BH1645" s="1106"/>
      <c r="BI1645" s="1106"/>
      <c r="BJ1645" s="1106"/>
      <c r="BK1645" s="1106"/>
      <c r="BL1645" s="1106"/>
      <c r="BM1645" s="1106"/>
      <c r="BN1645" s="1106"/>
      <c r="BO1645" s="1106"/>
      <c r="BP1645" s="1106"/>
      <c r="BQ1645" s="1106"/>
      <c r="BR1645" s="1106"/>
      <c r="BS1645" s="1106"/>
      <c r="BT1645" s="1106"/>
      <c r="BU1645" s="1106"/>
      <c r="BV1645" s="1106"/>
      <c r="BW1645" s="1106"/>
      <c r="BX1645" s="1106"/>
      <c r="BY1645" s="1106"/>
      <c r="BZ1645" s="1106"/>
      <c r="CA1645" s="1106"/>
    </row>
    <row r="1646" spans="3:79" ht="9" customHeight="1" x14ac:dyDescent="0.2">
      <c r="C1646" s="1106"/>
      <c r="D1646" s="1106"/>
      <c r="E1646" s="1106"/>
      <c r="F1646" s="1106"/>
      <c r="G1646" s="1106"/>
      <c r="H1646" s="1106"/>
      <c r="I1646" s="1106"/>
      <c r="J1646" s="1106"/>
      <c r="K1646" s="1106"/>
      <c r="L1646" s="1106"/>
      <c r="M1646" s="1106"/>
      <c r="N1646" s="1106"/>
      <c r="O1646" s="1106"/>
      <c r="AB1646" s="1106"/>
      <c r="AC1646" s="1106"/>
      <c r="AD1646" s="1106"/>
      <c r="AE1646" s="1106"/>
      <c r="AF1646" s="1106"/>
      <c r="AG1646" s="1106"/>
      <c r="AH1646" s="1106"/>
      <c r="AL1646" s="1106"/>
      <c r="AZ1646" s="1106"/>
      <c r="BA1646" s="1106"/>
      <c r="BB1646" s="1106"/>
      <c r="BC1646" s="1106"/>
      <c r="BD1646" s="1106"/>
      <c r="BE1646" s="1106"/>
      <c r="BF1646" s="1106"/>
      <c r="BG1646" s="1106"/>
      <c r="BH1646" s="1106"/>
      <c r="BI1646" s="1106"/>
      <c r="BJ1646" s="1106"/>
      <c r="BK1646" s="1106"/>
      <c r="BL1646" s="1106"/>
      <c r="BM1646" s="1106"/>
      <c r="BN1646" s="1106"/>
      <c r="BO1646" s="1106"/>
      <c r="BP1646" s="1106"/>
      <c r="BQ1646" s="1106"/>
      <c r="BR1646" s="1106"/>
      <c r="BS1646" s="1106"/>
      <c r="BT1646" s="1106"/>
      <c r="BU1646" s="1106"/>
      <c r="BV1646" s="1106"/>
      <c r="BW1646" s="1106"/>
      <c r="BX1646" s="1106"/>
      <c r="BY1646" s="1106"/>
      <c r="BZ1646" s="1106"/>
      <c r="CA1646" s="1106"/>
    </row>
    <row r="1647" spans="3:79" ht="9" customHeight="1" x14ac:dyDescent="0.2">
      <c r="C1647" s="1106"/>
      <c r="D1647" s="1106"/>
      <c r="E1647" s="1106"/>
      <c r="F1647" s="1106"/>
      <c r="G1647" s="1106"/>
      <c r="H1647" s="1106"/>
      <c r="I1647" s="1106"/>
      <c r="J1647" s="1106"/>
      <c r="K1647" s="1106"/>
      <c r="L1647" s="1106"/>
      <c r="M1647" s="1106"/>
      <c r="N1647" s="1106"/>
      <c r="O1647" s="1106"/>
      <c r="AB1647" s="1106"/>
      <c r="AC1647" s="1106"/>
      <c r="AD1647" s="1106"/>
      <c r="AE1647" s="1106"/>
      <c r="AF1647" s="1106"/>
      <c r="AG1647" s="1106"/>
      <c r="AH1647" s="1106"/>
      <c r="AL1647" s="1106"/>
      <c r="AZ1647" s="1106"/>
      <c r="BA1647" s="1106"/>
      <c r="BB1647" s="1106"/>
      <c r="BC1647" s="1106"/>
      <c r="BD1647" s="1106"/>
      <c r="BE1647" s="1106"/>
      <c r="BF1647" s="1106"/>
      <c r="BG1647" s="1106"/>
      <c r="BH1647" s="1106"/>
      <c r="BI1647" s="1106"/>
      <c r="BJ1647" s="1106"/>
      <c r="BK1647" s="1106"/>
      <c r="BL1647" s="1106"/>
      <c r="BM1647" s="1106"/>
      <c r="BN1647" s="1106"/>
      <c r="BO1647" s="1106"/>
      <c r="BP1647" s="1106"/>
      <c r="BQ1647" s="1106"/>
      <c r="BR1647" s="1106"/>
      <c r="BS1647" s="1106"/>
      <c r="BT1647" s="1106"/>
      <c r="BU1647" s="1106"/>
      <c r="BV1647" s="1106"/>
      <c r="BW1647" s="1106"/>
      <c r="BX1647" s="1106"/>
      <c r="BY1647" s="1106"/>
      <c r="BZ1647" s="1106"/>
      <c r="CA1647" s="1106"/>
    </row>
    <row r="1648" spans="3:79" ht="9" customHeight="1" x14ac:dyDescent="0.2">
      <c r="C1648" s="1106"/>
      <c r="D1648" s="1106"/>
      <c r="E1648" s="1106"/>
      <c r="F1648" s="1106"/>
      <c r="G1648" s="1106"/>
      <c r="H1648" s="1106"/>
      <c r="I1648" s="1106"/>
      <c r="J1648" s="1106"/>
      <c r="K1648" s="1106"/>
      <c r="L1648" s="1106"/>
      <c r="M1648" s="1106"/>
      <c r="N1648" s="1106"/>
      <c r="O1648" s="1106"/>
      <c r="U1648" s="1106"/>
      <c r="AB1648" s="1106"/>
      <c r="AC1648" s="1106"/>
      <c r="AD1648" s="1106"/>
      <c r="AE1648" s="1106"/>
      <c r="AF1648" s="1106"/>
      <c r="AG1648" s="1106"/>
      <c r="AH1648" s="1106"/>
      <c r="AL1648" s="1106"/>
      <c r="AT1648" s="1106"/>
      <c r="AU1648" s="1106"/>
      <c r="AV1648" s="1106"/>
      <c r="AW1648" s="1106"/>
      <c r="AX1648" s="1106"/>
      <c r="AY1648" s="1106"/>
      <c r="AZ1648" s="1106"/>
      <c r="BA1648" s="1106"/>
      <c r="BB1648" s="1106"/>
      <c r="BC1648" s="1106"/>
      <c r="BD1648" s="1106"/>
      <c r="BE1648" s="1106"/>
      <c r="BF1648" s="1106"/>
      <c r="BG1648" s="1106"/>
      <c r="BH1648" s="1106"/>
      <c r="BI1648" s="1106"/>
      <c r="BJ1648" s="1106"/>
      <c r="BK1648" s="1106"/>
      <c r="BL1648" s="1106"/>
      <c r="BM1648" s="1106"/>
      <c r="BN1648" s="1106"/>
      <c r="BO1648" s="1106"/>
      <c r="BP1648" s="1106"/>
      <c r="BQ1648" s="1106"/>
      <c r="BR1648" s="1106"/>
      <c r="BS1648" s="1106"/>
      <c r="BT1648" s="1106"/>
      <c r="BU1648" s="1106"/>
      <c r="BV1648" s="1106"/>
      <c r="BW1648" s="1106"/>
      <c r="BX1648" s="1106"/>
      <c r="BY1648" s="1106"/>
      <c r="BZ1648" s="1106"/>
      <c r="CA1648" s="1106"/>
    </row>
    <row r="1649" spans="3:79" ht="9" customHeight="1" x14ac:dyDescent="0.2">
      <c r="C1649" s="1106"/>
      <c r="D1649" s="1106"/>
      <c r="E1649" s="1106"/>
      <c r="F1649" s="1106"/>
      <c r="G1649" s="1106"/>
      <c r="H1649" s="1106"/>
      <c r="I1649" s="1106"/>
      <c r="J1649" s="1106"/>
      <c r="K1649" s="1106"/>
      <c r="L1649" s="1106"/>
      <c r="M1649" s="1106"/>
      <c r="N1649" s="1106"/>
      <c r="O1649" s="1106"/>
      <c r="U1649" s="1106"/>
      <c r="AB1649" s="1106"/>
      <c r="AC1649" s="1106"/>
      <c r="AD1649" s="1106"/>
      <c r="AE1649" s="1106"/>
      <c r="AF1649" s="1106"/>
      <c r="AG1649" s="1106"/>
      <c r="AH1649" s="1106"/>
      <c r="AL1649" s="1106"/>
      <c r="AO1649" s="1106"/>
      <c r="AP1649" s="1106"/>
      <c r="AT1649" s="1106"/>
      <c r="AU1649" s="1106"/>
      <c r="AV1649" s="1106"/>
      <c r="AW1649" s="1106"/>
      <c r="AX1649" s="1106"/>
      <c r="AY1649" s="1106"/>
      <c r="AZ1649" s="1106"/>
      <c r="BA1649" s="1106"/>
      <c r="BB1649" s="1106"/>
      <c r="BC1649" s="1106"/>
      <c r="BD1649" s="1106"/>
      <c r="BE1649" s="1106"/>
      <c r="BF1649" s="1106"/>
      <c r="BG1649" s="1106"/>
      <c r="BH1649" s="1106"/>
      <c r="BI1649" s="1106"/>
      <c r="BJ1649" s="1106"/>
      <c r="BK1649" s="1106"/>
      <c r="BL1649" s="1106"/>
      <c r="BM1649" s="1106"/>
      <c r="BN1649" s="1106"/>
      <c r="BO1649" s="1106"/>
      <c r="BP1649" s="1106"/>
      <c r="BQ1649" s="1106"/>
      <c r="BR1649" s="1106"/>
      <c r="BS1649" s="1106"/>
      <c r="BT1649" s="1106"/>
      <c r="BU1649" s="1106"/>
      <c r="BV1649" s="1106"/>
      <c r="BW1649" s="1106"/>
      <c r="BX1649" s="1106"/>
      <c r="BY1649" s="1106"/>
      <c r="BZ1649" s="1106"/>
      <c r="CA1649" s="1106"/>
    </row>
    <row r="1650" spans="3:79" ht="9" customHeight="1" x14ac:dyDescent="0.2">
      <c r="C1650" s="1106"/>
      <c r="D1650" s="1106"/>
      <c r="E1650" s="1106"/>
      <c r="F1650" s="1106"/>
      <c r="G1650" s="1106"/>
      <c r="H1650" s="1106"/>
      <c r="I1650" s="1106"/>
      <c r="J1650" s="1106"/>
      <c r="K1650" s="1106"/>
      <c r="L1650" s="1106"/>
      <c r="M1650" s="1106"/>
      <c r="N1650" s="1106"/>
      <c r="O1650" s="1106"/>
      <c r="U1650" s="1106"/>
      <c r="AB1650" s="1106"/>
      <c r="AC1650" s="1106"/>
      <c r="AD1650" s="1106"/>
      <c r="AE1650" s="1106"/>
      <c r="AF1650" s="1106"/>
      <c r="AG1650" s="1106"/>
      <c r="AH1650" s="1106"/>
      <c r="AL1650" s="1106"/>
      <c r="AT1650" s="1106"/>
      <c r="AU1650" s="1106"/>
      <c r="AV1650" s="1106"/>
      <c r="AW1650" s="1106"/>
      <c r="AX1650" s="1106"/>
      <c r="AY1650" s="1106"/>
      <c r="AZ1650" s="1106"/>
      <c r="BA1650" s="1106"/>
      <c r="BB1650" s="1106"/>
      <c r="BC1650" s="1106"/>
      <c r="BD1650" s="1106"/>
      <c r="BE1650" s="1106"/>
      <c r="BF1650" s="1106"/>
      <c r="BG1650" s="1106"/>
      <c r="BH1650" s="1106"/>
      <c r="BI1650" s="1106"/>
      <c r="BJ1650" s="1106"/>
      <c r="BK1650" s="1106"/>
      <c r="BL1650" s="1106"/>
      <c r="BM1650" s="1106"/>
      <c r="BN1650" s="1106"/>
      <c r="BO1650" s="1106"/>
      <c r="BP1650" s="1106"/>
      <c r="BQ1650" s="1106"/>
      <c r="BR1650" s="1106"/>
      <c r="BS1650" s="1106"/>
      <c r="BT1650" s="1106"/>
      <c r="BU1650" s="1106"/>
      <c r="BV1650" s="1106"/>
      <c r="BW1650" s="1106"/>
      <c r="BX1650" s="1106"/>
      <c r="BY1650" s="1106"/>
      <c r="BZ1650" s="1106"/>
      <c r="CA1650" s="1106"/>
    </row>
    <row r="1651" spans="3:79" ht="9" customHeight="1" x14ac:dyDescent="0.2">
      <c r="C1651" s="1106"/>
      <c r="D1651" s="1106"/>
      <c r="E1651" s="1106"/>
      <c r="F1651" s="1106"/>
      <c r="G1651" s="1106"/>
      <c r="H1651" s="1106"/>
      <c r="I1651" s="1106"/>
      <c r="J1651" s="1106"/>
      <c r="K1651" s="1106"/>
      <c r="L1651" s="1106"/>
      <c r="M1651" s="1106"/>
      <c r="N1651" s="1106"/>
      <c r="O1651" s="1106"/>
      <c r="AB1651" s="1106"/>
      <c r="AC1651" s="1106"/>
      <c r="AD1651" s="1106"/>
      <c r="AE1651" s="1106"/>
      <c r="AF1651" s="1106"/>
      <c r="AG1651" s="1106"/>
      <c r="AH1651" s="1106"/>
      <c r="AL1651" s="1106"/>
      <c r="AZ1651" s="1106"/>
      <c r="BA1651" s="1106"/>
      <c r="BB1651" s="1106"/>
      <c r="BC1651" s="1106"/>
      <c r="BD1651" s="1106"/>
      <c r="BE1651" s="1106"/>
      <c r="BF1651" s="1106"/>
      <c r="BG1651" s="1106"/>
      <c r="BH1651" s="1106"/>
      <c r="BI1651" s="1106"/>
      <c r="BJ1651" s="1106"/>
      <c r="BK1651" s="1106"/>
      <c r="BL1651" s="1106"/>
      <c r="BM1651" s="1106"/>
      <c r="BN1651" s="1106"/>
      <c r="BO1651" s="1106"/>
      <c r="BP1651" s="1106"/>
      <c r="BQ1651" s="1106"/>
      <c r="BR1651" s="1106"/>
      <c r="BS1651" s="1106"/>
      <c r="BT1651" s="1106"/>
      <c r="BU1651" s="1106"/>
      <c r="BV1651" s="1106"/>
      <c r="BW1651" s="1106"/>
      <c r="BX1651" s="1106"/>
      <c r="BY1651" s="1106"/>
      <c r="BZ1651" s="1106"/>
      <c r="CA1651" s="1106"/>
    </row>
    <row r="1652" spans="3:79" ht="9" customHeight="1" x14ac:dyDescent="0.2">
      <c r="C1652" s="1106"/>
      <c r="D1652" s="1106"/>
      <c r="E1652" s="1106"/>
      <c r="F1652" s="1106"/>
      <c r="G1652" s="1106"/>
      <c r="H1652" s="1106"/>
      <c r="I1652" s="1106"/>
      <c r="J1652" s="1106"/>
      <c r="K1652" s="1106"/>
      <c r="L1652" s="1106"/>
      <c r="M1652" s="1106"/>
      <c r="N1652" s="1106"/>
      <c r="O1652" s="1106"/>
      <c r="AB1652" s="1106"/>
      <c r="AC1652" s="1106"/>
      <c r="AD1652" s="1106"/>
      <c r="AE1652" s="1106"/>
      <c r="AF1652" s="1106"/>
      <c r="AG1652" s="1106"/>
      <c r="AH1652" s="1106"/>
      <c r="AL1652" s="1106"/>
      <c r="AZ1652" s="1106"/>
      <c r="BA1652" s="1106"/>
      <c r="BB1652" s="1106"/>
      <c r="BC1652" s="1106"/>
      <c r="BD1652" s="1106"/>
      <c r="BE1652" s="1106"/>
      <c r="BF1652" s="1106"/>
      <c r="BG1652" s="1106"/>
      <c r="BH1652" s="1106"/>
      <c r="BI1652" s="1106"/>
      <c r="BJ1652" s="1106"/>
      <c r="BK1652" s="1106"/>
      <c r="BL1652" s="1106"/>
      <c r="BM1652" s="1106"/>
      <c r="BN1652" s="1106"/>
      <c r="BO1652" s="1106"/>
      <c r="BP1652" s="1106"/>
      <c r="BQ1652" s="1106"/>
      <c r="BR1652" s="1106"/>
      <c r="BS1652" s="1106"/>
      <c r="BT1652" s="1106"/>
      <c r="BU1652" s="1106"/>
      <c r="BV1652" s="1106"/>
      <c r="BW1652" s="1106"/>
      <c r="BX1652" s="1106"/>
      <c r="BY1652" s="1106"/>
      <c r="BZ1652" s="1106"/>
      <c r="CA1652" s="1106"/>
    </row>
    <row r="1653" spans="3:79" ht="9" customHeight="1" x14ac:dyDescent="0.2">
      <c r="C1653" s="1106"/>
      <c r="D1653" s="1106"/>
      <c r="E1653" s="1106"/>
      <c r="F1653" s="1106"/>
      <c r="G1653" s="1106"/>
      <c r="H1653" s="1106"/>
      <c r="I1653" s="1106"/>
      <c r="J1653" s="1106"/>
      <c r="K1653" s="1106"/>
      <c r="L1653" s="1106"/>
      <c r="M1653" s="1106"/>
      <c r="N1653" s="1106"/>
      <c r="O1653" s="1106"/>
      <c r="AB1653" s="1106"/>
      <c r="AC1653" s="1106"/>
      <c r="AD1653" s="1106"/>
      <c r="AE1653" s="1106"/>
      <c r="AF1653" s="1106"/>
      <c r="AG1653" s="1106"/>
      <c r="AH1653" s="1106"/>
      <c r="AL1653" s="1106"/>
      <c r="AZ1653" s="1106"/>
      <c r="BA1653" s="1106"/>
      <c r="BB1653" s="1106"/>
      <c r="BC1653" s="1106"/>
      <c r="BD1653" s="1106"/>
      <c r="BE1653" s="1106"/>
      <c r="BF1653" s="1106"/>
      <c r="BG1653" s="1106"/>
      <c r="BH1653" s="1106"/>
      <c r="BI1653" s="1106"/>
      <c r="BJ1653" s="1106"/>
      <c r="BK1653" s="1106"/>
      <c r="BL1653" s="1106"/>
      <c r="BM1653" s="1106"/>
      <c r="BN1653" s="1106"/>
      <c r="BO1653" s="1106"/>
      <c r="BP1653" s="1106"/>
      <c r="BQ1653" s="1106"/>
      <c r="BR1653" s="1106"/>
      <c r="BS1653" s="1106"/>
      <c r="BT1653" s="1106"/>
      <c r="BU1653" s="1106"/>
      <c r="BV1653" s="1106"/>
      <c r="BW1653" s="1106"/>
      <c r="BX1653" s="1106"/>
      <c r="BY1653" s="1106"/>
      <c r="BZ1653" s="1106"/>
      <c r="CA1653" s="1106"/>
    </row>
    <row r="1654" spans="3:79" ht="9" customHeight="1" x14ac:dyDescent="0.2">
      <c r="C1654" s="1106"/>
      <c r="D1654" s="1106"/>
      <c r="E1654" s="1106"/>
      <c r="F1654" s="1106"/>
      <c r="G1654" s="1106"/>
      <c r="H1654" s="1106"/>
      <c r="I1654" s="1106"/>
      <c r="J1654" s="1106"/>
      <c r="K1654" s="1106"/>
      <c r="L1654" s="1106"/>
      <c r="M1654" s="1106"/>
      <c r="N1654" s="1106"/>
      <c r="O1654" s="1106"/>
      <c r="U1654" s="1106"/>
      <c r="AB1654" s="1106"/>
      <c r="AC1654" s="1106"/>
      <c r="AD1654" s="1106"/>
      <c r="AE1654" s="1106"/>
      <c r="AF1654" s="1106"/>
      <c r="AG1654" s="1106"/>
      <c r="AH1654" s="1106"/>
      <c r="AL1654" s="1106"/>
      <c r="AT1654" s="1106"/>
      <c r="AU1654" s="1106"/>
      <c r="AV1654" s="1106"/>
      <c r="AW1654" s="1106"/>
      <c r="AX1654" s="1106"/>
      <c r="AY1654" s="1106"/>
      <c r="AZ1654" s="1106"/>
      <c r="BA1654" s="1106"/>
      <c r="BB1654" s="1106"/>
      <c r="BC1654" s="1106"/>
      <c r="BD1654" s="1106"/>
      <c r="BE1654" s="1106"/>
      <c r="BF1654" s="1106"/>
      <c r="BG1654" s="1106"/>
      <c r="BH1654" s="1106"/>
      <c r="BI1654" s="1106"/>
      <c r="BJ1654" s="1106"/>
      <c r="BK1654" s="1106"/>
      <c r="BL1654" s="1106"/>
      <c r="BM1654" s="1106"/>
      <c r="BN1654" s="1106"/>
      <c r="BO1654" s="1106"/>
      <c r="BP1654" s="1106"/>
      <c r="BQ1654" s="1106"/>
      <c r="BR1654" s="1106"/>
      <c r="BS1654" s="1106"/>
      <c r="BT1654" s="1106"/>
      <c r="BU1654" s="1106"/>
      <c r="BV1654" s="1106"/>
      <c r="BW1654" s="1106"/>
      <c r="BX1654" s="1106"/>
      <c r="BY1654" s="1106"/>
      <c r="BZ1654" s="1106"/>
      <c r="CA1654" s="1106"/>
    </row>
    <row r="1655" spans="3:79" ht="9" customHeight="1" x14ac:dyDescent="0.2">
      <c r="C1655" s="1106"/>
      <c r="D1655" s="1106"/>
      <c r="E1655" s="1106"/>
      <c r="F1655" s="1106"/>
      <c r="G1655" s="1106"/>
      <c r="H1655" s="1106"/>
      <c r="I1655" s="1106"/>
      <c r="J1655" s="1106"/>
      <c r="K1655" s="1106"/>
      <c r="L1655" s="1106"/>
      <c r="M1655" s="1106"/>
      <c r="N1655" s="1106"/>
      <c r="O1655" s="1106"/>
      <c r="U1655" s="1106"/>
      <c r="AB1655" s="1106"/>
      <c r="AC1655" s="1106"/>
      <c r="AD1655" s="1106"/>
      <c r="AE1655" s="1106"/>
      <c r="AF1655" s="1106"/>
      <c r="AG1655" s="1106"/>
      <c r="AH1655" s="1106"/>
      <c r="AL1655" s="1106"/>
      <c r="AO1655" s="1106"/>
      <c r="AP1655" s="1106"/>
      <c r="AT1655" s="1106"/>
      <c r="AU1655" s="1106"/>
      <c r="AV1655" s="1106"/>
      <c r="AW1655" s="1106"/>
      <c r="AX1655" s="1106"/>
      <c r="AY1655" s="1106"/>
      <c r="AZ1655" s="1106"/>
      <c r="BA1655" s="1106"/>
      <c r="BB1655" s="1106"/>
      <c r="BC1655" s="1106"/>
      <c r="BD1655" s="1106"/>
      <c r="BE1655" s="1106"/>
      <c r="BF1655" s="1106"/>
      <c r="BG1655" s="1106"/>
      <c r="BH1655" s="1106"/>
      <c r="BI1655" s="1106"/>
      <c r="BJ1655" s="1106"/>
      <c r="BK1655" s="1106"/>
      <c r="BL1655" s="1106"/>
      <c r="BM1655" s="1106"/>
      <c r="BN1655" s="1106"/>
      <c r="BO1655" s="1106"/>
      <c r="BP1655" s="1106"/>
      <c r="BQ1655" s="1106"/>
      <c r="BR1655" s="1106"/>
      <c r="BS1655" s="1106"/>
      <c r="BT1655" s="1106"/>
      <c r="BU1655" s="1106"/>
      <c r="BV1655" s="1106"/>
      <c r="BW1655" s="1106"/>
      <c r="BX1655" s="1106"/>
      <c r="BY1655" s="1106"/>
      <c r="BZ1655" s="1106"/>
      <c r="CA1655" s="1106"/>
    </row>
    <row r="1656" spans="3:79" ht="9" customHeight="1" x14ac:dyDescent="0.2">
      <c r="C1656" s="1106"/>
      <c r="D1656" s="1106"/>
      <c r="E1656" s="1106"/>
      <c r="F1656" s="1106"/>
      <c r="G1656" s="1106"/>
      <c r="H1656" s="1106"/>
      <c r="I1656" s="1106"/>
      <c r="J1656" s="1106"/>
      <c r="K1656" s="1106"/>
      <c r="L1656" s="1106"/>
      <c r="M1656" s="1106"/>
      <c r="N1656" s="1106"/>
      <c r="O1656" s="1106"/>
      <c r="U1656" s="1106"/>
      <c r="AB1656" s="1106"/>
      <c r="AC1656" s="1106"/>
      <c r="AD1656" s="1106"/>
      <c r="AE1656" s="1106"/>
      <c r="AF1656" s="1106"/>
      <c r="AG1656" s="1106"/>
      <c r="AH1656" s="1106"/>
      <c r="AL1656" s="1106"/>
      <c r="AT1656" s="1106"/>
      <c r="AU1656" s="1106"/>
      <c r="AV1656" s="1106"/>
      <c r="AW1656" s="1106"/>
      <c r="AX1656" s="1106"/>
      <c r="AY1656" s="1106"/>
      <c r="AZ1656" s="1106"/>
      <c r="BA1656" s="1106"/>
      <c r="BB1656" s="1106"/>
      <c r="BC1656" s="1106"/>
      <c r="BD1656" s="1106"/>
      <c r="BE1656" s="1106"/>
      <c r="BF1656" s="1106"/>
      <c r="BG1656" s="1106"/>
      <c r="BH1656" s="1106"/>
      <c r="BI1656" s="1106"/>
      <c r="BJ1656" s="1106"/>
      <c r="BK1656" s="1106"/>
      <c r="BL1656" s="1106"/>
      <c r="BM1656" s="1106"/>
      <c r="BN1656" s="1106"/>
      <c r="BO1656" s="1106"/>
      <c r="BP1656" s="1106"/>
      <c r="BQ1656" s="1106"/>
      <c r="BR1656" s="1106"/>
      <c r="BS1656" s="1106"/>
      <c r="BT1656" s="1106"/>
      <c r="BU1656" s="1106"/>
      <c r="BV1656" s="1106"/>
      <c r="BW1656" s="1106"/>
      <c r="BX1656" s="1106"/>
      <c r="BY1656" s="1106"/>
      <c r="BZ1656" s="1106"/>
      <c r="CA1656" s="1106"/>
    </row>
    <row r="1657" spans="3:79" ht="9" customHeight="1" x14ac:dyDescent="0.2">
      <c r="C1657" s="1106"/>
      <c r="D1657" s="1106"/>
      <c r="E1657" s="1106"/>
      <c r="F1657" s="1106"/>
      <c r="G1657" s="1106"/>
      <c r="H1657" s="1106"/>
      <c r="I1657" s="1106"/>
      <c r="J1657" s="1106"/>
      <c r="K1657" s="1106"/>
      <c r="L1657" s="1106"/>
      <c r="M1657" s="1106"/>
      <c r="N1657" s="1106"/>
      <c r="O1657" s="1106"/>
      <c r="AB1657" s="1106"/>
      <c r="AC1657" s="1106"/>
      <c r="AD1657" s="1106"/>
      <c r="AE1657" s="1106"/>
      <c r="AF1657" s="1106"/>
      <c r="AG1657" s="1106"/>
      <c r="AH1657" s="1106"/>
      <c r="AL1657" s="1106"/>
      <c r="AZ1657" s="1106"/>
      <c r="BA1657" s="1106"/>
      <c r="BB1657" s="1106"/>
      <c r="BC1657" s="1106"/>
      <c r="BD1657" s="1106"/>
      <c r="BE1657" s="1106"/>
      <c r="BF1657" s="1106"/>
      <c r="BG1657" s="1106"/>
      <c r="BH1657" s="1106"/>
      <c r="BI1657" s="1106"/>
      <c r="BJ1657" s="1106"/>
      <c r="BK1657" s="1106"/>
      <c r="BL1657" s="1106"/>
      <c r="BM1657" s="1106"/>
      <c r="BN1657" s="1106"/>
      <c r="BO1657" s="1106"/>
      <c r="BP1657" s="1106"/>
      <c r="BQ1657" s="1106"/>
      <c r="BR1657" s="1106"/>
      <c r="BS1657" s="1106"/>
      <c r="BT1657" s="1106"/>
      <c r="BU1657" s="1106"/>
      <c r="BV1657" s="1106"/>
      <c r="BW1657" s="1106"/>
      <c r="BX1657" s="1106"/>
      <c r="BY1657" s="1106"/>
      <c r="BZ1657" s="1106"/>
      <c r="CA1657" s="1106"/>
    </row>
    <row r="1658" spans="3:79" ht="9" customHeight="1" x14ac:dyDescent="0.2">
      <c r="C1658" s="1106"/>
      <c r="D1658" s="1106"/>
      <c r="E1658" s="1106"/>
      <c r="F1658" s="1106"/>
      <c r="G1658" s="1106"/>
      <c r="H1658" s="1106"/>
      <c r="I1658" s="1106"/>
      <c r="J1658" s="1106"/>
      <c r="K1658" s="1106"/>
      <c r="L1658" s="1106"/>
      <c r="M1658" s="1106"/>
      <c r="N1658" s="1106"/>
      <c r="O1658" s="1106"/>
      <c r="AB1658" s="1106"/>
      <c r="AC1658" s="1106"/>
      <c r="AD1658" s="1106"/>
      <c r="AE1658" s="1106"/>
      <c r="AF1658" s="1106"/>
      <c r="AG1658" s="1106"/>
      <c r="AH1658" s="1106"/>
      <c r="AL1658" s="1106"/>
      <c r="AZ1658" s="1106"/>
      <c r="BA1658" s="1106"/>
      <c r="BB1658" s="1106"/>
      <c r="BC1658" s="1106"/>
      <c r="BD1658" s="1106"/>
      <c r="BE1658" s="1106"/>
      <c r="BF1658" s="1106"/>
      <c r="BG1658" s="1106"/>
      <c r="BH1658" s="1106"/>
      <c r="BI1658" s="1106"/>
      <c r="BJ1658" s="1106"/>
      <c r="BK1658" s="1106"/>
      <c r="BL1658" s="1106"/>
      <c r="BM1658" s="1106"/>
      <c r="BN1658" s="1106"/>
      <c r="BO1658" s="1106"/>
      <c r="BP1658" s="1106"/>
      <c r="BQ1658" s="1106"/>
      <c r="BR1658" s="1106"/>
      <c r="BS1658" s="1106"/>
      <c r="BT1658" s="1106"/>
      <c r="BU1658" s="1106"/>
      <c r="BV1658" s="1106"/>
      <c r="BW1658" s="1106"/>
      <c r="BX1658" s="1106"/>
      <c r="BY1658" s="1106"/>
      <c r="BZ1658" s="1106"/>
      <c r="CA1658" s="1106"/>
    </row>
    <row r="1659" spans="3:79" ht="9" customHeight="1" x14ac:dyDescent="0.2">
      <c r="C1659" s="1106"/>
      <c r="D1659" s="1106"/>
      <c r="E1659" s="1106"/>
      <c r="F1659" s="1106"/>
      <c r="G1659" s="1106"/>
      <c r="H1659" s="1106"/>
      <c r="I1659" s="1106"/>
      <c r="J1659" s="1106"/>
      <c r="K1659" s="1106"/>
      <c r="L1659" s="1106"/>
      <c r="M1659" s="1106"/>
      <c r="N1659" s="1106"/>
      <c r="O1659" s="1106"/>
      <c r="AB1659" s="1106"/>
      <c r="AC1659" s="1106"/>
      <c r="AD1659" s="1106"/>
      <c r="AE1659" s="1106"/>
      <c r="AF1659" s="1106"/>
      <c r="AG1659" s="1106"/>
      <c r="AH1659" s="1106"/>
      <c r="AL1659" s="1106"/>
      <c r="AZ1659" s="1106"/>
      <c r="BA1659" s="1106"/>
      <c r="BB1659" s="1106"/>
      <c r="BC1659" s="1106"/>
      <c r="BD1659" s="1106"/>
      <c r="BE1659" s="1106"/>
      <c r="BF1659" s="1106"/>
      <c r="BG1659" s="1106"/>
      <c r="BH1659" s="1106"/>
      <c r="BI1659" s="1106"/>
      <c r="BJ1659" s="1106"/>
      <c r="BK1659" s="1106"/>
      <c r="BL1659" s="1106"/>
      <c r="BM1659" s="1106"/>
      <c r="BN1659" s="1106"/>
      <c r="BO1659" s="1106"/>
      <c r="BP1659" s="1106"/>
      <c r="BQ1659" s="1106"/>
      <c r="BR1659" s="1106"/>
      <c r="BS1659" s="1106"/>
      <c r="BT1659" s="1106"/>
      <c r="BU1659" s="1106"/>
      <c r="BV1659" s="1106"/>
      <c r="BW1659" s="1106"/>
      <c r="BX1659" s="1106"/>
      <c r="BY1659" s="1106"/>
      <c r="BZ1659" s="1106"/>
      <c r="CA1659" s="1106"/>
    </row>
    <row r="1660" spans="3:79" ht="9" customHeight="1" x14ac:dyDescent="0.2">
      <c r="C1660" s="1106"/>
      <c r="D1660" s="1106"/>
      <c r="E1660" s="1106"/>
      <c r="F1660" s="1106"/>
      <c r="G1660" s="1106"/>
      <c r="H1660" s="1106"/>
      <c r="I1660" s="1106"/>
      <c r="J1660" s="1106"/>
      <c r="K1660" s="1106"/>
      <c r="L1660" s="1106"/>
      <c r="M1660" s="1106"/>
      <c r="N1660" s="1106"/>
      <c r="O1660" s="1106"/>
      <c r="U1660" s="1106"/>
      <c r="AB1660" s="1106"/>
      <c r="AC1660" s="1106"/>
      <c r="AD1660" s="1106"/>
      <c r="AE1660" s="1106"/>
      <c r="AF1660" s="1106"/>
      <c r="AG1660" s="1106"/>
      <c r="AH1660" s="1106"/>
      <c r="AL1660" s="1106"/>
      <c r="AT1660" s="1106"/>
      <c r="AU1660" s="1106"/>
      <c r="AV1660" s="1106"/>
      <c r="AW1660" s="1106"/>
      <c r="AX1660" s="1106"/>
      <c r="AY1660" s="1106"/>
      <c r="AZ1660" s="1106"/>
      <c r="BA1660" s="1106"/>
      <c r="BB1660" s="1106"/>
      <c r="BC1660" s="1106"/>
      <c r="BD1660" s="1106"/>
      <c r="BE1660" s="1106"/>
      <c r="BF1660" s="1106"/>
      <c r="BG1660" s="1106"/>
      <c r="BH1660" s="1106"/>
      <c r="BI1660" s="1106"/>
      <c r="BJ1660" s="1106"/>
      <c r="BK1660" s="1106"/>
      <c r="BL1660" s="1106"/>
      <c r="BM1660" s="1106"/>
      <c r="BN1660" s="1106"/>
      <c r="BO1660" s="1106"/>
      <c r="BP1660" s="1106"/>
      <c r="BQ1660" s="1106"/>
      <c r="BR1660" s="1106"/>
      <c r="BS1660" s="1106"/>
      <c r="BT1660" s="1106"/>
      <c r="BU1660" s="1106"/>
      <c r="BV1660" s="1106"/>
      <c r="BW1660" s="1106"/>
      <c r="BX1660" s="1106"/>
      <c r="BY1660" s="1106"/>
      <c r="BZ1660" s="1106"/>
      <c r="CA1660" s="1106"/>
    </row>
    <row r="1661" spans="3:79" ht="9" customHeight="1" x14ac:dyDescent="0.2">
      <c r="C1661" s="1106"/>
      <c r="D1661" s="1106"/>
      <c r="E1661" s="1106"/>
      <c r="F1661" s="1106"/>
      <c r="G1661" s="1106"/>
      <c r="H1661" s="1106"/>
      <c r="I1661" s="1106"/>
      <c r="J1661" s="1106"/>
      <c r="K1661" s="1106"/>
      <c r="L1661" s="1106"/>
      <c r="M1661" s="1106"/>
      <c r="N1661" s="1106"/>
      <c r="O1661" s="1106"/>
      <c r="U1661" s="1106"/>
      <c r="AB1661" s="1106"/>
      <c r="AC1661" s="1106"/>
      <c r="AD1661" s="1106"/>
      <c r="AE1661" s="1106"/>
      <c r="AF1661" s="1106"/>
      <c r="AG1661" s="1106"/>
      <c r="AH1661" s="1106"/>
      <c r="AL1661" s="1106"/>
      <c r="AO1661" s="1106"/>
      <c r="AP1661" s="1106"/>
      <c r="AT1661" s="1106"/>
      <c r="AU1661" s="1106"/>
      <c r="AV1661" s="1106"/>
      <c r="AW1661" s="1106"/>
      <c r="AX1661" s="1106"/>
      <c r="AY1661" s="1106"/>
      <c r="AZ1661" s="1106"/>
      <c r="BA1661" s="1106"/>
      <c r="BB1661" s="1106"/>
      <c r="BC1661" s="1106"/>
      <c r="BD1661" s="1106"/>
      <c r="BE1661" s="1106"/>
      <c r="BF1661" s="1106"/>
      <c r="BG1661" s="1106"/>
      <c r="BH1661" s="1106"/>
      <c r="BI1661" s="1106"/>
      <c r="BJ1661" s="1106"/>
      <c r="BK1661" s="1106"/>
      <c r="BL1661" s="1106"/>
      <c r="BM1661" s="1106"/>
      <c r="BN1661" s="1106"/>
      <c r="BO1661" s="1106"/>
      <c r="BP1661" s="1106"/>
      <c r="BQ1661" s="1106"/>
      <c r="BR1661" s="1106"/>
      <c r="BS1661" s="1106"/>
      <c r="BT1661" s="1106"/>
      <c r="BU1661" s="1106"/>
      <c r="BV1661" s="1106"/>
      <c r="BW1661" s="1106"/>
      <c r="BX1661" s="1106"/>
      <c r="BY1661" s="1106"/>
      <c r="BZ1661" s="1106"/>
      <c r="CA1661" s="1106"/>
    </row>
    <row r="1662" spans="3:79" ht="9" customHeight="1" x14ac:dyDescent="0.2">
      <c r="C1662" s="1106"/>
      <c r="D1662" s="1106"/>
      <c r="E1662" s="1106"/>
      <c r="F1662" s="1106"/>
      <c r="G1662" s="1106"/>
      <c r="H1662" s="1106"/>
      <c r="I1662" s="1106"/>
      <c r="J1662" s="1106"/>
      <c r="K1662" s="1106"/>
      <c r="L1662" s="1106"/>
      <c r="M1662" s="1106"/>
      <c r="N1662" s="1106"/>
      <c r="O1662" s="1106"/>
      <c r="U1662" s="1106"/>
      <c r="AB1662" s="1106"/>
      <c r="AC1662" s="1106"/>
      <c r="AD1662" s="1106"/>
      <c r="AE1662" s="1106"/>
      <c r="AF1662" s="1106"/>
      <c r="AG1662" s="1106"/>
      <c r="AH1662" s="1106"/>
      <c r="AL1662" s="1106"/>
      <c r="AT1662" s="1106"/>
      <c r="AU1662" s="1106"/>
      <c r="AV1662" s="1106"/>
      <c r="AW1662" s="1106"/>
      <c r="AX1662" s="1106"/>
      <c r="AY1662" s="1106"/>
      <c r="AZ1662" s="1106"/>
      <c r="BA1662" s="1106"/>
      <c r="BB1662" s="1106"/>
      <c r="BC1662" s="1106"/>
      <c r="BD1662" s="1106"/>
      <c r="BE1662" s="1106"/>
      <c r="BF1662" s="1106"/>
      <c r="BG1662" s="1106"/>
      <c r="BH1662" s="1106"/>
      <c r="BI1662" s="1106"/>
      <c r="BJ1662" s="1106"/>
      <c r="BK1662" s="1106"/>
      <c r="BL1662" s="1106"/>
      <c r="BM1662" s="1106"/>
      <c r="BN1662" s="1106"/>
      <c r="BO1662" s="1106"/>
      <c r="BP1662" s="1106"/>
      <c r="BQ1662" s="1106"/>
      <c r="BR1662" s="1106"/>
      <c r="BS1662" s="1106"/>
      <c r="BT1662" s="1106"/>
      <c r="BU1662" s="1106"/>
      <c r="BV1662" s="1106"/>
      <c r="BW1662" s="1106"/>
      <c r="BX1662" s="1106"/>
      <c r="BY1662" s="1106"/>
      <c r="BZ1662" s="1106"/>
      <c r="CA1662" s="1106"/>
    </row>
    <row r="1663" spans="3:79" ht="9" customHeight="1" x14ac:dyDescent="0.2">
      <c r="C1663" s="1106"/>
      <c r="D1663" s="1106"/>
      <c r="E1663" s="1106"/>
      <c r="F1663" s="1106"/>
      <c r="G1663" s="1106"/>
      <c r="H1663" s="1106"/>
      <c r="I1663" s="1106"/>
      <c r="J1663" s="1106"/>
      <c r="K1663" s="1106"/>
      <c r="L1663" s="1106"/>
      <c r="M1663" s="1106"/>
      <c r="N1663" s="1106"/>
      <c r="O1663" s="1106"/>
      <c r="AB1663" s="1106"/>
      <c r="AC1663" s="1106"/>
      <c r="AD1663" s="1106"/>
      <c r="AE1663" s="1106"/>
      <c r="AF1663" s="1106"/>
      <c r="AG1663" s="1106"/>
      <c r="AH1663" s="1106"/>
      <c r="AL1663" s="1106"/>
      <c r="AZ1663" s="1106"/>
      <c r="BA1663" s="1106"/>
      <c r="BB1663" s="1106"/>
      <c r="BC1663" s="1106"/>
      <c r="BD1663" s="1106"/>
      <c r="BE1663" s="1106"/>
      <c r="BF1663" s="1106"/>
      <c r="BG1663" s="1106"/>
      <c r="BH1663" s="1106"/>
      <c r="BI1663" s="1106"/>
      <c r="BJ1663" s="1106"/>
      <c r="BK1663" s="1106"/>
      <c r="BL1663" s="1106"/>
      <c r="BM1663" s="1106"/>
      <c r="BN1663" s="1106"/>
      <c r="BO1663" s="1106"/>
      <c r="BP1663" s="1106"/>
      <c r="BQ1663" s="1106"/>
      <c r="BR1663" s="1106"/>
      <c r="BS1663" s="1106"/>
      <c r="BT1663" s="1106"/>
      <c r="BU1663" s="1106"/>
      <c r="BV1663" s="1106"/>
      <c r="BW1663" s="1106"/>
      <c r="BX1663" s="1106"/>
      <c r="BY1663" s="1106"/>
      <c r="BZ1663" s="1106"/>
      <c r="CA1663" s="1106"/>
    </row>
    <row r="1664" spans="3:79" ht="9" customHeight="1" x14ac:dyDescent="0.2">
      <c r="C1664" s="1106"/>
      <c r="D1664" s="1106"/>
      <c r="E1664" s="1106"/>
      <c r="F1664" s="1106"/>
      <c r="G1664" s="1106"/>
      <c r="H1664" s="1106"/>
      <c r="I1664" s="1106"/>
      <c r="J1664" s="1106"/>
      <c r="K1664" s="1106"/>
      <c r="L1664" s="1106"/>
      <c r="M1664" s="1106"/>
      <c r="N1664" s="1106"/>
      <c r="O1664" s="1106"/>
      <c r="AB1664" s="1106"/>
      <c r="AC1664" s="1106"/>
      <c r="AD1664" s="1106"/>
      <c r="AE1664" s="1106"/>
      <c r="AF1664" s="1106"/>
      <c r="AG1664" s="1106"/>
      <c r="AH1664" s="1106"/>
      <c r="AL1664" s="1106"/>
      <c r="AZ1664" s="1106"/>
      <c r="BA1664" s="1106"/>
      <c r="BB1664" s="1106"/>
      <c r="BC1664" s="1106"/>
      <c r="BD1664" s="1106"/>
      <c r="BE1664" s="1106"/>
      <c r="BF1664" s="1106"/>
      <c r="BG1664" s="1106"/>
      <c r="BH1664" s="1106"/>
      <c r="BI1664" s="1106"/>
      <c r="BJ1664" s="1106"/>
      <c r="BK1664" s="1106"/>
      <c r="BL1664" s="1106"/>
      <c r="BM1664" s="1106"/>
      <c r="BN1664" s="1106"/>
      <c r="BO1664" s="1106"/>
      <c r="BP1664" s="1106"/>
      <c r="BQ1664" s="1106"/>
      <c r="BR1664" s="1106"/>
      <c r="BS1664" s="1106"/>
      <c r="BT1664" s="1106"/>
      <c r="BU1664" s="1106"/>
      <c r="BV1664" s="1106"/>
      <c r="BW1664" s="1106"/>
      <c r="BX1664" s="1106"/>
      <c r="BY1664" s="1106"/>
      <c r="BZ1664" s="1106"/>
      <c r="CA1664" s="1106"/>
    </row>
    <row r="1665" spans="3:79" ht="9" customHeight="1" x14ac:dyDescent="0.2">
      <c r="C1665" s="1106"/>
      <c r="D1665" s="1106"/>
      <c r="E1665" s="1106"/>
      <c r="F1665" s="1106"/>
      <c r="G1665" s="1106"/>
      <c r="H1665" s="1106"/>
      <c r="I1665" s="1106"/>
      <c r="J1665" s="1106"/>
      <c r="K1665" s="1106"/>
      <c r="L1665" s="1106"/>
      <c r="M1665" s="1106"/>
      <c r="N1665" s="1106"/>
      <c r="O1665" s="1106"/>
      <c r="AB1665" s="1106"/>
      <c r="AC1665" s="1106"/>
      <c r="AD1665" s="1106"/>
      <c r="AE1665" s="1106"/>
      <c r="AF1665" s="1106"/>
      <c r="AG1665" s="1106"/>
      <c r="AH1665" s="1106"/>
      <c r="AL1665" s="1106"/>
      <c r="AZ1665" s="1106"/>
      <c r="BA1665" s="1106"/>
      <c r="BB1665" s="1106"/>
      <c r="BC1665" s="1106"/>
      <c r="BD1665" s="1106"/>
      <c r="BE1665" s="1106"/>
      <c r="BF1665" s="1106"/>
      <c r="BG1665" s="1106"/>
      <c r="BH1665" s="1106"/>
      <c r="BI1665" s="1106"/>
      <c r="BJ1665" s="1106"/>
      <c r="BK1665" s="1106"/>
      <c r="BL1665" s="1106"/>
      <c r="BM1665" s="1106"/>
      <c r="BN1665" s="1106"/>
      <c r="BO1665" s="1106"/>
      <c r="BP1665" s="1106"/>
      <c r="BQ1665" s="1106"/>
      <c r="BR1665" s="1106"/>
      <c r="BS1665" s="1106"/>
      <c r="BT1665" s="1106"/>
      <c r="BU1665" s="1106"/>
      <c r="BV1665" s="1106"/>
      <c r="BW1665" s="1106"/>
      <c r="BX1665" s="1106"/>
      <c r="BY1665" s="1106"/>
      <c r="BZ1665" s="1106"/>
      <c r="CA1665" s="1106"/>
    </row>
    <row r="1666" spans="3:79" ht="9" customHeight="1" x14ac:dyDescent="0.2">
      <c r="C1666" s="1106"/>
      <c r="D1666" s="1106"/>
      <c r="E1666" s="1106"/>
      <c r="F1666" s="1106"/>
      <c r="G1666" s="1106"/>
      <c r="H1666" s="1106"/>
      <c r="I1666" s="1106"/>
      <c r="J1666" s="1106"/>
      <c r="K1666" s="1106"/>
      <c r="L1666" s="1106"/>
      <c r="M1666" s="1106"/>
      <c r="N1666" s="1106"/>
      <c r="O1666" s="1106"/>
      <c r="U1666" s="1106"/>
      <c r="AB1666" s="1106"/>
      <c r="AC1666" s="1106"/>
      <c r="AD1666" s="1106"/>
      <c r="AE1666" s="1106"/>
      <c r="AF1666" s="1106"/>
      <c r="AG1666" s="1106"/>
      <c r="AH1666" s="1106"/>
      <c r="AL1666" s="1106"/>
      <c r="AT1666" s="1106"/>
      <c r="AU1666" s="1106"/>
      <c r="AV1666" s="1106"/>
      <c r="AW1666" s="1106"/>
      <c r="AX1666" s="1106"/>
      <c r="AY1666" s="1106"/>
      <c r="AZ1666" s="1106"/>
      <c r="BA1666" s="1106"/>
      <c r="BB1666" s="1106"/>
      <c r="BC1666" s="1106"/>
      <c r="BD1666" s="1106"/>
      <c r="BE1666" s="1106"/>
      <c r="BF1666" s="1106"/>
      <c r="BG1666" s="1106"/>
      <c r="BH1666" s="1106"/>
      <c r="BI1666" s="1106"/>
      <c r="BJ1666" s="1106"/>
      <c r="BK1666" s="1106"/>
      <c r="BL1666" s="1106"/>
      <c r="BM1666" s="1106"/>
      <c r="BN1666" s="1106"/>
      <c r="BO1666" s="1106"/>
      <c r="BP1666" s="1106"/>
      <c r="BQ1666" s="1106"/>
      <c r="BR1666" s="1106"/>
      <c r="BS1666" s="1106"/>
      <c r="BT1666" s="1106"/>
      <c r="BU1666" s="1106"/>
      <c r="BV1666" s="1106"/>
      <c r="BW1666" s="1106"/>
      <c r="BX1666" s="1106"/>
      <c r="BY1666" s="1106"/>
      <c r="BZ1666" s="1106"/>
      <c r="CA1666" s="1106"/>
    </row>
    <row r="1667" spans="3:79" ht="9" customHeight="1" x14ac:dyDescent="0.2">
      <c r="C1667" s="1106"/>
      <c r="D1667" s="1106"/>
      <c r="E1667" s="1106"/>
      <c r="F1667" s="1106"/>
      <c r="G1667" s="1106"/>
      <c r="H1667" s="1106"/>
      <c r="I1667" s="1106"/>
      <c r="J1667" s="1106"/>
      <c r="K1667" s="1106"/>
      <c r="L1667" s="1106"/>
      <c r="M1667" s="1106"/>
      <c r="N1667" s="1106"/>
      <c r="O1667" s="1106"/>
      <c r="U1667" s="1106"/>
      <c r="AB1667" s="1106"/>
      <c r="AC1667" s="1106"/>
      <c r="AD1667" s="1106"/>
      <c r="AE1667" s="1106"/>
      <c r="AF1667" s="1106"/>
      <c r="AG1667" s="1106"/>
      <c r="AH1667" s="1106"/>
      <c r="AL1667" s="1106"/>
      <c r="AO1667" s="1106"/>
      <c r="AP1667" s="1106"/>
      <c r="AT1667" s="1106"/>
      <c r="AU1667" s="1106"/>
      <c r="AV1667" s="1106"/>
      <c r="AW1667" s="1106"/>
      <c r="AX1667" s="1106"/>
      <c r="AY1667" s="1106"/>
      <c r="AZ1667" s="1106"/>
      <c r="BA1667" s="1106"/>
      <c r="BB1667" s="1106"/>
      <c r="BC1667" s="1106"/>
      <c r="BD1667" s="1106"/>
      <c r="BE1667" s="1106"/>
      <c r="BF1667" s="1106"/>
      <c r="BG1667" s="1106"/>
      <c r="BH1667" s="1106"/>
      <c r="BI1667" s="1106"/>
      <c r="BJ1667" s="1106"/>
      <c r="BK1667" s="1106"/>
      <c r="BL1667" s="1106"/>
      <c r="BM1667" s="1106"/>
      <c r="BN1667" s="1106"/>
      <c r="BO1667" s="1106"/>
      <c r="BP1667" s="1106"/>
      <c r="BQ1667" s="1106"/>
      <c r="BR1667" s="1106"/>
      <c r="BS1667" s="1106"/>
      <c r="BT1667" s="1106"/>
      <c r="BU1667" s="1106"/>
      <c r="BV1667" s="1106"/>
      <c r="BW1667" s="1106"/>
      <c r="BX1667" s="1106"/>
      <c r="BY1667" s="1106"/>
      <c r="BZ1667" s="1106"/>
      <c r="CA1667" s="1106"/>
    </row>
    <row r="1668" spans="3:79" ht="9" customHeight="1" x14ac:dyDescent="0.2">
      <c r="C1668" s="1106"/>
      <c r="D1668" s="1106"/>
      <c r="E1668" s="1106"/>
      <c r="F1668" s="1106"/>
      <c r="G1668" s="1106"/>
      <c r="H1668" s="1106"/>
      <c r="I1668" s="1106"/>
      <c r="J1668" s="1106"/>
      <c r="K1668" s="1106"/>
      <c r="L1668" s="1106"/>
      <c r="M1668" s="1106"/>
      <c r="N1668" s="1106"/>
      <c r="O1668" s="1106"/>
      <c r="U1668" s="1106"/>
      <c r="AB1668" s="1106"/>
      <c r="AC1668" s="1106"/>
      <c r="AD1668" s="1106"/>
      <c r="AE1668" s="1106"/>
      <c r="AF1668" s="1106"/>
      <c r="AG1668" s="1106"/>
      <c r="AH1668" s="1106"/>
      <c r="AL1668" s="1106"/>
      <c r="AT1668" s="1106"/>
      <c r="AU1668" s="1106"/>
      <c r="AV1668" s="1106"/>
      <c r="AW1668" s="1106"/>
      <c r="AX1668" s="1106"/>
      <c r="AY1668" s="1106"/>
      <c r="AZ1668" s="1106"/>
      <c r="BA1668" s="1106"/>
      <c r="BB1668" s="1106"/>
      <c r="BC1668" s="1106"/>
      <c r="BD1668" s="1106"/>
      <c r="BE1668" s="1106"/>
      <c r="BF1668" s="1106"/>
      <c r="BG1668" s="1106"/>
      <c r="BH1668" s="1106"/>
      <c r="BI1668" s="1106"/>
      <c r="BJ1668" s="1106"/>
      <c r="BK1668" s="1106"/>
      <c r="BL1668" s="1106"/>
      <c r="BM1668" s="1106"/>
      <c r="BN1668" s="1106"/>
      <c r="BO1668" s="1106"/>
      <c r="BP1668" s="1106"/>
      <c r="BQ1668" s="1106"/>
      <c r="BR1668" s="1106"/>
      <c r="BS1668" s="1106"/>
      <c r="BT1668" s="1106"/>
      <c r="BU1668" s="1106"/>
      <c r="BV1668" s="1106"/>
      <c r="BW1668" s="1106"/>
      <c r="BX1668" s="1106"/>
      <c r="BY1668" s="1106"/>
      <c r="BZ1668" s="1106"/>
      <c r="CA1668" s="1106"/>
    </row>
    <row r="1669" spans="3:79" ht="9" customHeight="1" x14ac:dyDescent="0.2">
      <c r="C1669" s="1106"/>
      <c r="D1669" s="1106"/>
      <c r="E1669" s="1106"/>
      <c r="F1669" s="1106"/>
      <c r="G1669" s="1106"/>
      <c r="H1669" s="1106"/>
      <c r="I1669" s="1106"/>
      <c r="J1669" s="1106"/>
      <c r="K1669" s="1106"/>
      <c r="L1669" s="1106"/>
      <c r="M1669" s="1106"/>
      <c r="N1669" s="1106"/>
      <c r="O1669" s="1106"/>
      <c r="AB1669" s="1106"/>
      <c r="AC1669" s="1106"/>
      <c r="AD1669" s="1106"/>
      <c r="AE1669" s="1106"/>
      <c r="AF1669" s="1106"/>
      <c r="AG1669" s="1106"/>
      <c r="AH1669" s="1106"/>
      <c r="AL1669" s="1106"/>
      <c r="AZ1669" s="1106"/>
      <c r="BA1669" s="1106"/>
      <c r="BB1669" s="1106"/>
      <c r="BC1669" s="1106"/>
      <c r="BD1669" s="1106"/>
      <c r="BE1669" s="1106"/>
      <c r="BF1669" s="1106"/>
      <c r="BG1669" s="1106"/>
      <c r="BH1669" s="1106"/>
      <c r="BI1669" s="1106"/>
      <c r="BJ1669" s="1106"/>
      <c r="BK1669" s="1106"/>
      <c r="BL1669" s="1106"/>
      <c r="BM1669" s="1106"/>
      <c r="BN1669" s="1106"/>
      <c r="BO1669" s="1106"/>
      <c r="BP1669" s="1106"/>
      <c r="BQ1669" s="1106"/>
      <c r="BR1669" s="1106"/>
      <c r="BS1669" s="1106"/>
      <c r="BT1669" s="1106"/>
      <c r="BU1669" s="1106"/>
      <c r="BV1669" s="1106"/>
      <c r="BW1669" s="1106"/>
      <c r="BX1669" s="1106"/>
      <c r="BY1669" s="1106"/>
      <c r="BZ1669" s="1106"/>
      <c r="CA1669" s="1106"/>
    </row>
    <row r="1670" spans="3:79" ht="9" customHeight="1" x14ac:dyDescent="0.2">
      <c r="C1670" s="1106"/>
      <c r="D1670" s="1106"/>
      <c r="E1670" s="1106"/>
      <c r="F1670" s="1106"/>
      <c r="G1670" s="1106"/>
      <c r="H1670" s="1106"/>
      <c r="I1670" s="1106"/>
      <c r="J1670" s="1106"/>
      <c r="K1670" s="1106"/>
      <c r="L1670" s="1106"/>
      <c r="M1670" s="1106"/>
      <c r="N1670" s="1106"/>
      <c r="O1670" s="1106"/>
      <c r="AB1670" s="1106"/>
      <c r="AC1670" s="1106"/>
      <c r="AD1670" s="1106"/>
      <c r="AE1670" s="1106"/>
      <c r="AF1670" s="1106"/>
      <c r="AG1670" s="1106"/>
      <c r="AH1670" s="1106"/>
      <c r="AL1670" s="1106"/>
      <c r="AZ1670" s="1106"/>
      <c r="BA1670" s="1106"/>
      <c r="BB1670" s="1106"/>
      <c r="BC1670" s="1106"/>
      <c r="BD1670" s="1106"/>
      <c r="BE1670" s="1106"/>
      <c r="BF1670" s="1106"/>
      <c r="BG1670" s="1106"/>
      <c r="BH1670" s="1106"/>
      <c r="BI1670" s="1106"/>
      <c r="BJ1670" s="1106"/>
      <c r="BK1670" s="1106"/>
      <c r="BL1670" s="1106"/>
      <c r="BM1670" s="1106"/>
      <c r="BN1670" s="1106"/>
      <c r="BO1670" s="1106"/>
      <c r="BP1670" s="1106"/>
      <c r="BQ1670" s="1106"/>
      <c r="BR1670" s="1106"/>
      <c r="BS1670" s="1106"/>
      <c r="BT1670" s="1106"/>
      <c r="BU1670" s="1106"/>
      <c r="BV1670" s="1106"/>
      <c r="BW1670" s="1106"/>
      <c r="BX1670" s="1106"/>
      <c r="BY1670" s="1106"/>
      <c r="BZ1670" s="1106"/>
      <c r="CA1670" s="1106"/>
    </row>
    <row r="1671" spans="3:79" ht="9" customHeight="1" x14ac:dyDescent="0.2">
      <c r="C1671" s="1106"/>
      <c r="D1671" s="1106"/>
      <c r="E1671" s="1106"/>
      <c r="F1671" s="1106"/>
      <c r="G1671" s="1106"/>
      <c r="H1671" s="1106"/>
      <c r="I1671" s="1106"/>
      <c r="J1671" s="1106"/>
      <c r="K1671" s="1106"/>
      <c r="L1671" s="1106"/>
      <c r="M1671" s="1106"/>
      <c r="N1671" s="1106"/>
      <c r="O1671" s="1106"/>
      <c r="AB1671" s="1106"/>
      <c r="AC1671" s="1106"/>
      <c r="AD1671" s="1106"/>
      <c r="AE1671" s="1106"/>
      <c r="AF1671" s="1106"/>
      <c r="AG1671" s="1106"/>
      <c r="AH1671" s="1106"/>
      <c r="AL1671" s="1106"/>
      <c r="AZ1671" s="1106"/>
      <c r="BA1671" s="1106"/>
      <c r="BB1671" s="1106"/>
      <c r="BC1671" s="1106"/>
      <c r="BD1671" s="1106"/>
      <c r="BE1671" s="1106"/>
      <c r="BF1671" s="1106"/>
      <c r="BG1671" s="1106"/>
      <c r="BH1671" s="1106"/>
      <c r="BI1671" s="1106"/>
      <c r="BJ1671" s="1106"/>
      <c r="BK1671" s="1106"/>
      <c r="BL1671" s="1106"/>
      <c r="BM1671" s="1106"/>
      <c r="BN1671" s="1106"/>
      <c r="BO1671" s="1106"/>
      <c r="BP1671" s="1106"/>
      <c r="BQ1671" s="1106"/>
      <c r="BR1671" s="1106"/>
      <c r="BS1671" s="1106"/>
      <c r="BT1671" s="1106"/>
      <c r="BU1671" s="1106"/>
      <c r="BV1671" s="1106"/>
      <c r="BW1671" s="1106"/>
      <c r="BX1671" s="1106"/>
      <c r="BY1671" s="1106"/>
      <c r="BZ1671" s="1106"/>
      <c r="CA1671" s="1106"/>
    </row>
    <row r="1672" spans="3:79" ht="9" customHeight="1" x14ac:dyDescent="0.2">
      <c r="C1672" s="1106"/>
      <c r="D1672" s="1106"/>
      <c r="E1672" s="1106"/>
      <c r="F1672" s="1106"/>
      <c r="G1672" s="1106"/>
      <c r="H1672" s="1106"/>
      <c r="I1672" s="1106"/>
      <c r="J1672" s="1106"/>
      <c r="K1672" s="1106"/>
      <c r="L1672" s="1106"/>
      <c r="M1672" s="1106"/>
      <c r="N1672" s="1106"/>
      <c r="O1672" s="1106"/>
      <c r="U1672" s="1106"/>
      <c r="AB1672" s="1106"/>
      <c r="AC1672" s="1106"/>
      <c r="AD1672" s="1106"/>
      <c r="AE1672" s="1106"/>
      <c r="AF1672" s="1106"/>
      <c r="AG1672" s="1106"/>
      <c r="AH1672" s="1106"/>
      <c r="AL1672" s="1106"/>
      <c r="AT1672" s="1106"/>
      <c r="AU1672" s="1106"/>
      <c r="AV1672" s="1106"/>
      <c r="AW1672" s="1106"/>
      <c r="AX1672" s="1106"/>
      <c r="AY1672" s="1106"/>
      <c r="AZ1672" s="1106"/>
      <c r="BA1672" s="1106"/>
      <c r="BB1672" s="1106"/>
      <c r="BC1672" s="1106"/>
      <c r="BD1672" s="1106"/>
      <c r="BE1672" s="1106"/>
      <c r="BF1672" s="1106"/>
      <c r="BG1672" s="1106"/>
      <c r="BH1672" s="1106"/>
      <c r="BI1672" s="1106"/>
      <c r="BJ1672" s="1106"/>
      <c r="BK1672" s="1106"/>
      <c r="BL1672" s="1106"/>
      <c r="BM1672" s="1106"/>
      <c r="BN1672" s="1106"/>
      <c r="BO1672" s="1106"/>
      <c r="BP1672" s="1106"/>
      <c r="BQ1672" s="1106"/>
      <c r="BR1672" s="1106"/>
      <c r="BS1672" s="1106"/>
      <c r="BT1672" s="1106"/>
      <c r="BU1672" s="1106"/>
      <c r="BV1672" s="1106"/>
      <c r="BW1672" s="1106"/>
      <c r="BX1672" s="1106"/>
      <c r="BY1672" s="1106"/>
      <c r="BZ1672" s="1106"/>
      <c r="CA1672" s="1106"/>
    </row>
    <row r="1673" spans="3:79" ht="9" customHeight="1" x14ac:dyDescent="0.2">
      <c r="C1673" s="1106"/>
      <c r="D1673" s="1106"/>
      <c r="E1673" s="1106"/>
      <c r="F1673" s="1106"/>
      <c r="G1673" s="1106"/>
      <c r="H1673" s="1106"/>
      <c r="I1673" s="1106"/>
      <c r="J1673" s="1106"/>
      <c r="K1673" s="1106"/>
      <c r="L1673" s="1106"/>
      <c r="M1673" s="1106"/>
      <c r="N1673" s="1106"/>
      <c r="O1673" s="1106"/>
      <c r="U1673" s="1106"/>
      <c r="AB1673" s="1106"/>
      <c r="AC1673" s="1106"/>
      <c r="AD1673" s="1106"/>
      <c r="AE1673" s="1106"/>
      <c r="AF1673" s="1106"/>
      <c r="AG1673" s="1106"/>
      <c r="AH1673" s="1106"/>
      <c r="AL1673" s="1106"/>
      <c r="AO1673" s="1106"/>
      <c r="AP1673" s="1106"/>
      <c r="AT1673" s="1106"/>
      <c r="AU1673" s="1106"/>
      <c r="AV1673" s="1106"/>
      <c r="AW1673" s="1106"/>
      <c r="AX1673" s="1106"/>
      <c r="AY1673" s="1106"/>
      <c r="AZ1673" s="1106"/>
      <c r="BA1673" s="1106"/>
      <c r="BB1673" s="1106"/>
      <c r="BC1673" s="1106"/>
      <c r="BD1673" s="1106"/>
      <c r="BE1673" s="1106"/>
      <c r="BF1673" s="1106"/>
      <c r="BG1673" s="1106"/>
      <c r="BH1673" s="1106"/>
      <c r="BI1673" s="1106"/>
      <c r="BJ1673" s="1106"/>
      <c r="BK1673" s="1106"/>
      <c r="BL1673" s="1106"/>
      <c r="BM1673" s="1106"/>
      <c r="BN1673" s="1106"/>
      <c r="BO1673" s="1106"/>
      <c r="BP1673" s="1106"/>
      <c r="BQ1673" s="1106"/>
      <c r="BR1673" s="1106"/>
      <c r="BS1673" s="1106"/>
      <c r="BT1673" s="1106"/>
      <c r="BU1673" s="1106"/>
      <c r="BV1673" s="1106"/>
      <c r="BW1673" s="1106"/>
      <c r="BX1673" s="1106"/>
      <c r="BY1673" s="1106"/>
      <c r="BZ1673" s="1106"/>
      <c r="CA1673" s="1106"/>
    </row>
    <row r="1674" spans="3:79" ht="9" customHeight="1" x14ac:dyDescent="0.2">
      <c r="C1674" s="1106"/>
      <c r="D1674" s="1106"/>
      <c r="E1674" s="1106"/>
      <c r="F1674" s="1106"/>
      <c r="G1674" s="1106"/>
      <c r="H1674" s="1106"/>
      <c r="I1674" s="1106"/>
      <c r="J1674" s="1106"/>
      <c r="K1674" s="1106"/>
      <c r="L1674" s="1106"/>
      <c r="M1674" s="1106"/>
      <c r="N1674" s="1106"/>
      <c r="O1674" s="1106"/>
      <c r="U1674" s="1106"/>
      <c r="AB1674" s="1106"/>
      <c r="AC1674" s="1106"/>
      <c r="AD1674" s="1106"/>
      <c r="AE1674" s="1106"/>
      <c r="AF1674" s="1106"/>
      <c r="AG1674" s="1106"/>
      <c r="AH1674" s="1106"/>
      <c r="AL1674" s="1106"/>
      <c r="AT1674" s="1106"/>
      <c r="AU1674" s="1106"/>
      <c r="AV1674" s="1106"/>
      <c r="AW1674" s="1106"/>
      <c r="AX1674" s="1106"/>
      <c r="AY1674" s="1106"/>
      <c r="AZ1674" s="1106"/>
      <c r="BA1674" s="1106"/>
      <c r="BB1674" s="1106"/>
      <c r="BC1674" s="1106"/>
      <c r="BD1674" s="1106"/>
      <c r="BE1674" s="1106"/>
      <c r="BF1674" s="1106"/>
      <c r="BG1674" s="1106"/>
      <c r="BH1674" s="1106"/>
      <c r="BI1674" s="1106"/>
      <c r="BJ1674" s="1106"/>
      <c r="BK1674" s="1106"/>
      <c r="BL1674" s="1106"/>
      <c r="BM1674" s="1106"/>
      <c r="BN1674" s="1106"/>
      <c r="BO1674" s="1106"/>
      <c r="BP1674" s="1106"/>
      <c r="BQ1674" s="1106"/>
      <c r="BR1674" s="1106"/>
      <c r="BS1674" s="1106"/>
      <c r="BT1674" s="1106"/>
      <c r="BU1674" s="1106"/>
      <c r="BV1674" s="1106"/>
      <c r="BW1674" s="1106"/>
      <c r="BX1674" s="1106"/>
      <c r="BY1674" s="1106"/>
      <c r="BZ1674" s="1106"/>
      <c r="CA1674" s="1106"/>
    </row>
    <row r="1675" spans="3:79" ht="9" customHeight="1" x14ac:dyDescent="0.2">
      <c r="C1675" s="1106"/>
      <c r="D1675" s="1106"/>
      <c r="E1675" s="1106"/>
      <c r="F1675" s="1106"/>
      <c r="G1675" s="1106"/>
      <c r="H1675" s="1106"/>
      <c r="I1675" s="1106"/>
      <c r="J1675" s="1106"/>
      <c r="K1675" s="1106"/>
      <c r="L1675" s="1106"/>
      <c r="M1675" s="1106"/>
      <c r="N1675" s="1106"/>
      <c r="O1675" s="1106"/>
      <c r="AB1675" s="1106"/>
      <c r="AC1675" s="1106"/>
      <c r="AD1675" s="1106"/>
      <c r="AE1675" s="1106"/>
      <c r="AF1675" s="1106"/>
      <c r="AG1675" s="1106"/>
      <c r="AH1675" s="1106"/>
      <c r="AL1675" s="1106"/>
      <c r="AZ1675" s="1106"/>
      <c r="BA1675" s="1106"/>
      <c r="BB1675" s="1106"/>
      <c r="BC1675" s="1106"/>
      <c r="BD1675" s="1106"/>
      <c r="BE1675" s="1106"/>
      <c r="BF1675" s="1106"/>
      <c r="BG1675" s="1106"/>
      <c r="BH1675" s="1106"/>
      <c r="BI1675" s="1106"/>
      <c r="BJ1675" s="1106"/>
      <c r="BK1675" s="1106"/>
      <c r="BL1675" s="1106"/>
      <c r="BM1675" s="1106"/>
      <c r="BN1675" s="1106"/>
      <c r="BO1675" s="1106"/>
      <c r="BP1675" s="1106"/>
      <c r="BQ1675" s="1106"/>
      <c r="BR1675" s="1106"/>
      <c r="BS1675" s="1106"/>
      <c r="BT1675" s="1106"/>
      <c r="BU1675" s="1106"/>
      <c r="BV1675" s="1106"/>
      <c r="BW1675" s="1106"/>
      <c r="BX1675" s="1106"/>
      <c r="BY1675" s="1106"/>
      <c r="BZ1675" s="1106"/>
      <c r="CA1675" s="1106"/>
    </row>
    <row r="1676" spans="3:79" ht="9" customHeight="1" x14ac:dyDescent="0.2">
      <c r="C1676" s="1106"/>
      <c r="D1676" s="1106"/>
      <c r="E1676" s="1106"/>
      <c r="F1676" s="1106"/>
      <c r="G1676" s="1106"/>
      <c r="H1676" s="1106"/>
      <c r="I1676" s="1106"/>
      <c r="J1676" s="1106"/>
      <c r="K1676" s="1106"/>
      <c r="L1676" s="1106"/>
      <c r="M1676" s="1106"/>
      <c r="N1676" s="1106"/>
      <c r="O1676" s="1106"/>
      <c r="AB1676" s="1106"/>
      <c r="AC1676" s="1106"/>
      <c r="AD1676" s="1106"/>
      <c r="AE1676" s="1106"/>
      <c r="AF1676" s="1106"/>
      <c r="AG1676" s="1106"/>
      <c r="AH1676" s="1106"/>
      <c r="AL1676" s="1106"/>
      <c r="AZ1676" s="1106"/>
      <c r="BA1676" s="1106"/>
      <c r="BB1676" s="1106"/>
      <c r="BC1676" s="1106"/>
      <c r="BD1676" s="1106"/>
      <c r="BE1676" s="1106"/>
      <c r="BF1676" s="1106"/>
      <c r="BG1676" s="1106"/>
      <c r="BH1676" s="1106"/>
      <c r="BI1676" s="1106"/>
      <c r="BJ1676" s="1106"/>
      <c r="BK1676" s="1106"/>
      <c r="BL1676" s="1106"/>
      <c r="BM1676" s="1106"/>
      <c r="BN1676" s="1106"/>
      <c r="BO1676" s="1106"/>
      <c r="BP1676" s="1106"/>
      <c r="BQ1676" s="1106"/>
      <c r="BR1676" s="1106"/>
      <c r="BS1676" s="1106"/>
      <c r="BT1676" s="1106"/>
      <c r="BU1676" s="1106"/>
      <c r="BV1676" s="1106"/>
      <c r="BW1676" s="1106"/>
      <c r="BX1676" s="1106"/>
      <c r="BY1676" s="1106"/>
      <c r="BZ1676" s="1106"/>
      <c r="CA1676" s="1106"/>
    </row>
    <row r="1677" spans="3:79" ht="9" customHeight="1" x14ac:dyDescent="0.2">
      <c r="C1677" s="1106"/>
      <c r="D1677" s="1106"/>
      <c r="E1677" s="1106"/>
      <c r="F1677" s="1106"/>
      <c r="G1677" s="1106"/>
      <c r="H1677" s="1106"/>
      <c r="I1677" s="1106"/>
      <c r="J1677" s="1106"/>
      <c r="K1677" s="1106"/>
      <c r="L1677" s="1106"/>
      <c r="M1677" s="1106"/>
      <c r="N1677" s="1106"/>
      <c r="O1677" s="1106"/>
      <c r="AB1677" s="1106"/>
      <c r="AC1677" s="1106"/>
      <c r="AD1677" s="1106"/>
      <c r="AE1677" s="1106"/>
      <c r="AF1677" s="1106"/>
      <c r="AG1677" s="1106"/>
      <c r="AH1677" s="1106"/>
      <c r="AL1677" s="1106"/>
      <c r="AZ1677" s="1106"/>
      <c r="BA1677" s="1106"/>
      <c r="BB1677" s="1106"/>
      <c r="BC1677" s="1106"/>
      <c r="BD1677" s="1106"/>
      <c r="BE1677" s="1106"/>
      <c r="BF1677" s="1106"/>
      <c r="BG1677" s="1106"/>
      <c r="BH1677" s="1106"/>
      <c r="BI1677" s="1106"/>
      <c r="BJ1677" s="1106"/>
      <c r="BK1677" s="1106"/>
      <c r="BL1677" s="1106"/>
      <c r="BM1677" s="1106"/>
      <c r="BN1677" s="1106"/>
      <c r="BO1677" s="1106"/>
      <c r="BP1677" s="1106"/>
      <c r="BQ1677" s="1106"/>
      <c r="BR1677" s="1106"/>
      <c r="BS1677" s="1106"/>
      <c r="BT1677" s="1106"/>
      <c r="BU1677" s="1106"/>
      <c r="BV1677" s="1106"/>
      <c r="BW1677" s="1106"/>
      <c r="BX1677" s="1106"/>
      <c r="BY1677" s="1106"/>
      <c r="BZ1677" s="1106"/>
      <c r="CA1677" s="1106"/>
    </row>
    <row r="1678" spans="3:79" ht="9" customHeight="1" x14ac:dyDescent="0.2">
      <c r="C1678" s="1106"/>
      <c r="D1678" s="1106"/>
      <c r="E1678" s="1106"/>
      <c r="F1678" s="1106"/>
      <c r="G1678" s="1106"/>
      <c r="H1678" s="1106"/>
      <c r="I1678" s="1106"/>
      <c r="J1678" s="1106"/>
      <c r="K1678" s="1106"/>
      <c r="L1678" s="1106"/>
      <c r="M1678" s="1106"/>
      <c r="N1678" s="1106"/>
      <c r="O1678" s="1106"/>
      <c r="U1678" s="1106"/>
      <c r="AB1678" s="1106"/>
      <c r="AC1678" s="1106"/>
      <c r="AD1678" s="1106"/>
      <c r="AE1678" s="1106"/>
      <c r="AF1678" s="1106"/>
      <c r="AG1678" s="1106"/>
      <c r="AH1678" s="1106"/>
      <c r="AL1678" s="1106"/>
      <c r="AT1678" s="1106"/>
      <c r="AU1678" s="1106"/>
      <c r="AV1678" s="1106"/>
      <c r="AW1678" s="1106"/>
      <c r="AX1678" s="1106"/>
      <c r="AY1678" s="1106"/>
      <c r="AZ1678" s="1106"/>
      <c r="BA1678" s="1106"/>
      <c r="BB1678" s="1106"/>
      <c r="BC1678" s="1106"/>
      <c r="BD1678" s="1106"/>
      <c r="BE1678" s="1106"/>
      <c r="BF1678" s="1106"/>
      <c r="BG1678" s="1106"/>
      <c r="BH1678" s="1106"/>
      <c r="BI1678" s="1106"/>
      <c r="BJ1678" s="1106"/>
      <c r="BK1678" s="1106"/>
      <c r="BL1678" s="1106"/>
      <c r="BM1678" s="1106"/>
      <c r="BN1678" s="1106"/>
      <c r="BO1678" s="1106"/>
      <c r="BP1678" s="1106"/>
      <c r="BQ1678" s="1106"/>
      <c r="BR1678" s="1106"/>
      <c r="BS1678" s="1106"/>
      <c r="BT1678" s="1106"/>
      <c r="BU1678" s="1106"/>
      <c r="BV1678" s="1106"/>
      <c r="BW1678" s="1106"/>
      <c r="BX1678" s="1106"/>
      <c r="BY1678" s="1106"/>
      <c r="BZ1678" s="1106"/>
      <c r="CA1678" s="1106"/>
    </row>
    <row r="1679" spans="3:79" ht="9" customHeight="1" x14ac:dyDescent="0.2">
      <c r="C1679" s="1106"/>
      <c r="D1679" s="1106"/>
      <c r="E1679" s="1106"/>
      <c r="F1679" s="1106"/>
      <c r="G1679" s="1106"/>
      <c r="H1679" s="1106"/>
      <c r="I1679" s="1106"/>
      <c r="J1679" s="1106"/>
      <c r="K1679" s="1106"/>
      <c r="L1679" s="1106"/>
      <c r="M1679" s="1106"/>
      <c r="N1679" s="1106"/>
      <c r="O1679" s="1106"/>
      <c r="U1679" s="1106"/>
      <c r="AB1679" s="1106"/>
      <c r="AC1679" s="1106"/>
      <c r="AD1679" s="1106"/>
      <c r="AE1679" s="1106"/>
      <c r="AF1679" s="1106"/>
      <c r="AG1679" s="1106"/>
      <c r="AH1679" s="1106"/>
      <c r="AL1679" s="1106"/>
      <c r="AO1679" s="1106"/>
      <c r="AP1679" s="1106"/>
      <c r="AT1679" s="1106"/>
      <c r="AU1679" s="1106"/>
      <c r="AV1679" s="1106"/>
      <c r="AW1679" s="1106"/>
      <c r="AX1679" s="1106"/>
      <c r="AY1679" s="1106"/>
      <c r="AZ1679" s="1106"/>
      <c r="BA1679" s="1106"/>
      <c r="BB1679" s="1106"/>
      <c r="BC1679" s="1106"/>
      <c r="BD1679" s="1106"/>
      <c r="BE1679" s="1106"/>
      <c r="BF1679" s="1106"/>
      <c r="BG1679" s="1106"/>
      <c r="BH1679" s="1106"/>
      <c r="BI1679" s="1106"/>
      <c r="BJ1679" s="1106"/>
      <c r="BK1679" s="1106"/>
      <c r="BL1679" s="1106"/>
      <c r="BM1679" s="1106"/>
      <c r="BN1679" s="1106"/>
      <c r="BO1679" s="1106"/>
      <c r="BP1679" s="1106"/>
      <c r="BQ1679" s="1106"/>
      <c r="BR1679" s="1106"/>
      <c r="BS1679" s="1106"/>
      <c r="BT1679" s="1106"/>
      <c r="BU1679" s="1106"/>
      <c r="BV1679" s="1106"/>
      <c r="BW1679" s="1106"/>
      <c r="BX1679" s="1106"/>
      <c r="BY1679" s="1106"/>
      <c r="BZ1679" s="1106"/>
      <c r="CA1679" s="1106"/>
    </row>
    <row r="1680" spans="3:79" ht="9" customHeight="1" x14ac:dyDescent="0.2">
      <c r="C1680" s="1106"/>
      <c r="D1680" s="1106"/>
      <c r="E1680" s="1106"/>
      <c r="F1680" s="1106"/>
      <c r="G1680" s="1106"/>
      <c r="H1680" s="1106"/>
      <c r="I1680" s="1106"/>
      <c r="J1680" s="1106"/>
      <c r="K1680" s="1106"/>
      <c r="L1680" s="1106"/>
      <c r="M1680" s="1106"/>
      <c r="N1680" s="1106"/>
      <c r="O1680" s="1106"/>
      <c r="U1680" s="1106"/>
      <c r="AB1680" s="1106"/>
      <c r="AC1680" s="1106"/>
      <c r="AD1680" s="1106"/>
      <c r="AE1680" s="1106"/>
      <c r="AF1680" s="1106"/>
      <c r="AG1680" s="1106"/>
      <c r="AH1680" s="1106"/>
      <c r="AL1680" s="1106"/>
      <c r="AT1680" s="1106"/>
      <c r="AU1680" s="1106"/>
      <c r="AV1680" s="1106"/>
      <c r="AW1680" s="1106"/>
      <c r="AX1680" s="1106"/>
      <c r="AY1680" s="1106"/>
      <c r="AZ1680" s="1106"/>
      <c r="BA1680" s="1106"/>
      <c r="BB1680" s="1106"/>
      <c r="BC1680" s="1106"/>
      <c r="BD1680" s="1106"/>
      <c r="BE1680" s="1106"/>
      <c r="BF1680" s="1106"/>
      <c r="BG1680" s="1106"/>
      <c r="BH1680" s="1106"/>
      <c r="BI1680" s="1106"/>
      <c r="BJ1680" s="1106"/>
      <c r="BK1680" s="1106"/>
      <c r="BL1680" s="1106"/>
      <c r="BM1680" s="1106"/>
      <c r="BN1680" s="1106"/>
      <c r="BO1680" s="1106"/>
      <c r="BP1680" s="1106"/>
      <c r="BQ1680" s="1106"/>
      <c r="BR1680" s="1106"/>
      <c r="BS1680" s="1106"/>
      <c r="BT1680" s="1106"/>
      <c r="BU1680" s="1106"/>
      <c r="BV1680" s="1106"/>
      <c r="BW1680" s="1106"/>
      <c r="BX1680" s="1106"/>
      <c r="BY1680" s="1106"/>
      <c r="BZ1680" s="1106"/>
      <c r="CA1680" s="1106"/>
    </row>
    <row r="1681" spans="3:79" ht="9" customHeight="1" x14ac:dyDescent="0.2">
      <c r="C1681" s="1106"/>
      <c r="D1681" s="1106"/>
      <c r="E1681" s="1106"/>
      <c r="F1681" s="1106"/>
      <c r="G1681" s="1106"/>
      <c r="H1681" s="1106"/>
      <c r="I1681" s="1106"/>
      <c r="J1681" s="1106"/>
      <c r="K1681" s="1106"/>
      <c r="L1681" s="1106"/>
      <c r="M1681" s="1106"/>
      <c r="N1681" s="1106"/>
      <c r="O1681" s="1106"/>
      <c r="AB1681" s="1106"/>
      <c r="AC1681" s="1106"/>
      <c r="AD1681" s="1106"/>
      <c r="AE1681" s="1106"/>
      <c r="AF1681" s="1106"/>
      <c r="AG1681" s="1106"/>
      <c r="AH1681" s="1106"/>
      <c r="AL1681" s="1106"/>
      <c r="AZ1681" s="1106"/>
      <c r="BA1681" s="1106"/>
      <c r="BB1681" s="1106"/>
      <c r="BC1681" s="1106"/>
      <c r="BD1681" s="1106"/>
      <c r="BE1681" s="1106"/>
      <c r="BF1681" s="1106"/>
      <c r="BG1681" s="1106"/>
      <c r="BH1681" s="1106"/>
      <c r="BI1681" s="1106"/>
      <c r="BJ1681" s="1106"/>
      <c r="BK1681" s="1106"/>
      <c r="BL1681" s="1106"/>
      <c r="BM1681" s="1106"/>
      <c r="BN1681" s="1106"/>
      <c r="BO1681" s="1106"/>
      <c r="BP1681" s="1106"/>
      <c r="BQ1681" s="1106"/>
      <c r="BR1681" s="1106"/>
      <c r="BS1681" s="1106"/>
      <c r="BT1681" s="1106"/>
      <c r="BU1681" s="1106"/>
      <c r="BV1681" s="1106"/>
      <c r="BW1681" s="1106"/>
      <c r="BX1681" s="1106"/>
      <c r="BY1681" s="1106"/>
      <c r="BZ1681" s="1106"/>
      <c r="CA1681" s="1106"/>
    </row>
    <row r="1682" spans="3:79" ht="9" customHeight="1" x14ac:dyDescent="0.2">
      <c r="C1682" s="1106"/>
      <c r="D1682" s="1106"/>
      <c r="E1682" s="1106"/>
      <c r="F1682" s="1106"/>
      <c r="G1682" s="1106"/>
      <c r="H1682" s="1106"/>
      <c r="I1682" s="1106"/>
      <c r="J1682" s="1106"/>
      <c r="K1682" s="1106"/>
      <c r="L1682" s="1106"/>
      <c r="M1682" s="1106"/>
      <c r="N1682" s="1106"/>
      <c r="O1682" s="1106"/>
      <c r="AB1682" s="1106"/>
      <c r="AC1682" s="1106"/>
      <c r="AD1682" s="1106"/>
      <c r="AE1682" s="1106"/>
      <c r="AF1682" s="1106"/>
      <c r="AG1682" s="1106"/>
      <c r="AH1682" s="1106"/>
      <c r="AL1682" s="1106"/>
      <c r="AZ1682" s="1106"/>
      <c r="BA1682" s="1106"/>
      <c r="BB1682" s="1106"/>
      <c r="BC1682" s="1106"/>
      <c r="BD1682" s="1106"/>
      <c r="BE1682" s="1106"/>
      <c r="BF1682" s="1106"/>
      <c r="BG1682" s="1106"/>
      <c r="BH1682" s="1106"/>
      <c r="BI1682" s="1106"/>
      <c r="BJ1682" s="1106"/>
      <c r="BK1682" s="1106"/>
      <c r="BL1682" s="1106"/>
      <c r="BM1682" s="1106"/>
      <c r="BN1682" s="1106"/>
      <c r="BO1682" s="1106"/>
      <c r="BP1682" s="1106"/>
      <c r="BQ1682" s="1106"/>
      <c r="BR1682" s="1106"/>
      <c r="BS1682" s="1106"/>
      <c r="BT1682" s="1106"/>
      <c r="BU1682" s="1106"/>
      <c r="BV1682" s="1106"/>
      <c r="BW1682" s="1106"/>
      <c r="BX1682" s="1106"/>
      <c r="BY1682" s="1106"/>
      <c r="BZ1682" s="1106"/>
      <c r="CA1682" s="1106"/>
    </row>
    <row r="1683" spans="3:79" ht="9" customHeight="1" x14ac:dyDescent="0.2">
      <c r="C1683" s="1106"/>
      <c r="D1683" s="1106"/>
      <c r="E1683" s="1106"/>
      <c r="F1683" s="1106"/>
      <c r="G1683" s="1106"/>
      <c r="H1683" s="1106"/>
      <c r="I1683" s="1106"/>
      <c r="J1683" s="1106"/>
      <c r="K1683" s="1106"/>
      <c r="L1683" s="1106"/>
      <c r="M1683" s="1106"/>
      <c r="N1683" s="1106"/>
      <c r="O1683" s="1106"/>
      <c r="AB1683" s="1106"/>
      <c r="AC1683" s="1106"/>
      <c r="AD1683" s="1106"/>
      <c r="AE1683" s="1106"/>
      <c r="AF1683" s="1106"/>
      <c r="AG1683" s="1106"/>
      <c r="AH1683" s="1106"/>
      <c r="AL1683" s="1106"/>
      <c r="AZ1683" s="1106"/>
      <c r="BA1683" s="1106"/>
      <c r="BB1683" s="1106"/>
      <c r="BC1683" s="1106"/>
      <c r="BD1683" s="1106"/>
      <c r="BE1683" s="1106"/>
      <c r="BF1683" s="1106"/>
      <c r="BG1683" s="1106"/>
      <c r="BH1683" s="1106"/>
      <c r="BI1683" s="1106"/>
      <c r="BJ1683" s="1106"/>
      <c r="BK1683" s="1106"/>
      <c r="BL1683" s="1106"/>
      <c r="BM1683" s="1106"/>
      <c r="BN1683" s="1106"/>
      <c r="BO1683" s="1106"/>
      <c r="BP1683" s="1106"/>
      <c r="BQ1683" s="1106"/>
      <c r="BR1683" s="1106"/>
      <c r="BS1683" s="1106"/>
      <c r="BT1683" s="1106"/>
      <c r="BU1683" s="1106"/>
      <c r="BV1683" s="1106"/>
      <c r="BW1683" s="1106"/>
      <c r="BX1683" s="1106"/>
      <c r="BY1683" s="1106"/>
      <c r="BZ1683" s="1106"/>
      <c r="CA1683" s="1106"/>
    </row>
    <row r="1684" spans="3:79" ht="9" customHeight="1" x14ac:dyDescent="0.2">
      <c r="C1684" s="1106"/>
      <c r="D1684" s="1106"/>
      <c r="E1684" s="1106"/>
      <c r="F1684" s="1106"/>
      <c r="G1684" s="1106"/>
      <c r="H1684" s="1106"/>
      <c r="I1684" s="1106"/>
      <c r="J1684" s="1106"/>
      <c r="K1684" s="1106"/>
      <c r="L1684" s="1106"/>
      <c r="M1684" s="1106"/>
      <c r="N1684" s="1106"/>
      <c r="O1684" s="1106"/>
      <c r="U1684" s="1106"/>
      <c r="AB1684" s="1106"/>
      <c r="AC1684" s="1106"/>
      <c r="AD1684" s="1106"/>
      <c r="AE1684" s="1106"/>
      <c r="AF1684" s="1106"/>
      <c r="AG1684" s="1106"/>
      <c r="AH1684" s="1106"/>
      <c r="AL1684" s="1106"/>
      <c r="AT1684" s="1106"/>
      <c r="AU1684" s="1106"/>
      <c r="AV1684" s="1106"/>
      <c r="AW1684" s="1106"/>
      <c r="AX1684" s="1106"/>
      <c r="AY1684" s="1106"/>
      <c r="AZ1684" s="1106"/>
      <c r="BA1684" s="1106"/>
      <c r="BB1684" s="1106"/>
      <c r="BC1684" s="1106"/>
      <c r="BD1684" s="1106"/>
      <c r="BE1684" s="1106"/>
      <c r="BF1684" s="1106"/>
      <c r="BG1684" s="1106"/>
      <c r="BH1684" s="1106"/>
      <c r="BI1684" s="1106"/>
      <c r="BJ1684" s="1106"/>
      <c r="BK1684" s="1106"/>
      <c r="BL1684" s="1106"/>
      <c r="BM1684" s="1106"/>
      <c r="BN1684" s="1106"/>
      <c r="BO1684" s="1106"/>
      <c r="BP1684" s="1106"/>
      <c r="BQ1684" s="1106"/>
      <c r="BR1684" s="1106"/>
      <c r="BS1684" s="1106"/>
      <c r="BT1684" s="1106"/>
      <c r="BU1684" s="1106"/>
      <c r="BV1684" s="1106"/>
      <c r="BW1684" s="1106"/>
      <c r="BX1684" s="1106"/>
      <c r="BY1684" s="1106"/>
      <c r="BZ1684" s="1106"/>
      <c r="CA1684" s="1106"/>
    </row>
    <row r="1685" spans="3:79" ht="9" customHeight="1" x14ac:dyDescent="0.2">
      <c r="C1685" s="1106"/>
      <c r="D1685" s="1106"/>
      <c r="E1685" s="1106"/>
      <c r="F1685" s="1106"/>
      <c r="G1685" s="1106"/>
      <c r="H1685" s="1106"/>
      <c r="I1685" s="1106"/>
      <c r="J1685" s="1106"/>
      <c r="K1685" s="1106"/>
      <c r="L1685" s="1106"/>
      <c r="M1685" s="1106"/>
      <c r="N1685" s="1106"/>
      <c r="O1685" s="1106"/>
      <c r="U1685" s="1106"/>
      <c r="AB1685" s="1106"/>
      <c r="AC1685" s="1106"/>
      <c r="AD1685" s="1106"/>
      <c r="AE1685" s="1106"/>
      <c r="AF1685" s="1106"/>
      <c r="AG1685" s="1106"/>
      <c r="AH1685" s="1106"/>
      <c r="AL1685" s="1106"/>
      <c r="AO1685" s="1106"/>
      <c r="AP1685" s="1106"/>
      <c r="AT1685" s="1106"/>
      <c r="AU1685" s="1106"/>
      <c r="AV1685" s="1106"/>
      <c r="AW1685" s="1106"/>
      <c r="AX1685" s="1106"/>
      <c r="AY1685" s="1106"/>
      <c r="AZ1685" s="1106"/>
      <c r="BA1685" s="1106"/>
      <c r="BB1685" s="1106"/>
      <c r="BC1685" s="1106"/>
      <c r="BD1685" s="1106"/>
      <c r="BE1685" s="1106"/>
      <c r="BF1685" s="1106"/>
      <c r="BG1685" s="1106"/>
      <c r="BH1685" s="1106"/>
      <c r="BI1685" s="1106"/>
      <c r="BJ1685" s="1106"/>
      <c r="BK1685" s="1106"/>
      <c r="BL1685" s="1106"/>
      <c r="BM1685" s="1106"/>
      <c r="BN1685" s="1106"/>
      <c r="BO1685" s="1106"/>
      <c r="BP1685" s="1106"/>
      <c r="BQ1685" s="1106"/>
      <c r="BR1685" s="1106"/>
      <c r="BS1685" s="1106"/>
      <c r="BT1685" s="1106"/>
      <c r="BU1685" s="1106"/>
      <c r="BV1685" s="1106"/>
      <c r="BW1685" s="1106"/>
      <c r="BX1685" s="1106"/>
      <c r="BY1685" s="1106"/>
      <c r="BZ1685" s="1106"/>
      <c r="CA1685" s="1106"/>
    </row>
    <row r="1686" spans="3:79" ht="9" customHeight="1" x14ac:dyDescent="0.2">
      <c r="C1686" s="1106"/>
      <c r="D1686" s="1106"/>
      <c r="E1686" s="1106"/>
      <c r="F1686" s="1106"/>
      <c r="G1686" s="1106"/>
      <c r="H1686" s="1106"/>
      <c r="I1686" s="1106"/>
      <c r="J1686" s="1106"/>
      <c r="K1686" s="1106"/>
      <c r="L1686" s="1106"/>
      <c r="M1686" s="1106"/>
      <c r="N1686" s="1106"/>
      <c r="O1686" s="1106"/>
      <c r="U1686" s="1106"/>
      <c r="AB1686" s="1106"/>
      <c r="AC1686" s="1106"/>
      <c r="AD1686" s="1106"/>
      <c r="AE1686" s="1106"/>
      <c r="AF1686" s="1106"/>
      <c r="AG1686" s="1106"/>
      <c r="AH1686" s="1106"/>
      <c r="AL1686" s="1106"/>
      <c r="AT1686" s="1106"/>
      <c r="AU1686" s="1106"/>
      <c r="AV1686" s="1106"/>
      <c r="AW1686" s="1106"/>
      <c r="AX1686" s="1106"/>
      <c r="AY1686" s="1106"/>
      <c r="AZ1686" s="1106"/>
      <c r="BA1686" s="1106"/>
      <c r="BB1686" s="1106"/>
      <c r="BC1686" s="1106"/>
      <c r="BD1686" s="1106"/>
      <c r="BE1686" s="1106"/>
      <c r="BF1686" s="1106"/>
      <c r="BG1686" s="1106"/>
      <c r="BH1686" s="1106"/>
      <c r="BI1686" s="1106"/>
      <c r="BJ1686" s="1106"/>
      <c r="BK1686" s="1106"/>
      <c r="BL1686" s="1106"/>
      <c r="BM1686" s="1106"/>
      <c r="BN1686" s="1106"/>
      <c r="BO1686" s="1106"/>
      <c r="BP1686" s="1106"/>
      <c r="BQ1686" s="1106"/>
      <c r="BR1686" s="1106"/>
      <c r="BS1686" s="1106"/>
      <c r="BT1686" s="1106"/>
      <c r="BU1686" s="1106"/>
      <c r="BV1686" s="1106"/>
      <c r="BW1686" s="1106"/>
      <c r="BX1686" s="1106"/>
      <c r="BY1686" s="1106"/>
      <c r="BZ1686" s="1106"/>
      <c r="CA1686" s="1106"/>
    </row>
    <row r="1687" spans="3:79" ht="9" customHeight="1" x14ac:dyDescent="0.2">
      <c r="C1687" s="1106"/>
      <c r="D1687" s="1106"/>
      <c r="E1687" s="1106"/>
      <c r="F1687" s="1106"/>
      <c r="G1687" s="1106"/>
      <c r="H1687" s="1106"/>
      <c r="I1687" s="1106"/>
      <c r="J1687" s="1106"/>
      <c r="K1687" s="1106"/>
      <c r="L1687" s="1106"/>
      <c r="M1687" s="1106"/>
      <c r="N1687" s="1106"/>
      <c r="O1687" s="1106"/>
      <c r="AB1687" s="1106"/>
      <c r="AC1687" s="1106"/>
      <c r="AD1687" s="1106"/>
      <c r="AE1687" s="1106"/>
      <c r="AF1687" s="1106"/>
      <c r="AG1687" s="1106"/>
      <c r="AH1687" s="1106"/>
      <c r="AL1687" s="1106"/>
      <c r="AZ1687" s="1106"/>
      <c r="BA1687" s="1106"/>
      <c r="BB1687" s="1106"/>
      <c r="BC1687" s="1106"/>
      <c r="BD1687" s="1106"/>
      <c r="BE1687" s="1106"/>
      <c r="BF1687" s="1106"/>
      <c r="BG1687" s="1106"/>
      <c r="BH1687" s="1106"/>
      <c r="BI1687" s="1106"/>
      <c r="BJ1687" s="1106"/>
      <c r="BK1687" s="1106"/>
      <c r="BL1687" s="1106"/>
      <c r="BM1687" s="1106"/>
      <c r="BN1687" s="1106"/>
      <c r="BO1687" s="1106"/>
      <c r="BP1687" s="1106"/>
      <c r="BQ1687" s="1106"/>
      <c r="BR1687" s="1106"/>
      <c r="BS1687" s="1106"/>
      <c r="BT1687" s="1106"/>
      <c r="BU1687" s="1106"/>
      <c r="BV1687" s="1106"/>
      <c r="BW1687" s="1106"/>
      <c r="BX1687" s="1106"/>
      <c r="BY1687" s="1106"/>
      <c r="BZ1687" s="1106"/>
      <c r="CA1687" s="1106"/>
    </row>
    <row r="1688" spans="3:79" ht="9" customHeight="1" x14ac:dyDescent="0.2">
      <c r="C1688" s="1106"/>
      <c r="D1688" s="1106"/>
      <c r="E1688" s="1106"/>
      <c r="F1688" s="1106"/>
      <c r="G1688" s="1106"/>
      <c r="H1688" s="1106"/>
      <c r="I1688" s="1106"/>
      <c r="J1688" s="1106"/>
      <c r="K1688" s="1106"/>
      <c r="L1688" s="1106"/>
      <c r="M1688" s="1106"/>
      <c r="N1688" s="1106"/>
      <c r="O1688" s="1106"/>
      <c r="AB1688" s="1106"/>
      <c r="AC1688" s="1106"/>
      <c r="AD1688" s="1106"/>
      <c r="AE1688" s="1106"/>
      <c r="AF1688" s="1106"/>
      <c r="AG1688" s="1106"/>
      <c r="AH1688" s="1106"/>
      <c r="AL1688" s="1106"/>
      <c r="AZ1688" s="1106"/>
      <c r="BA1688" s="1106"/>
      <c r="BB1688" s="1106"/>
      <c r="BC1688" s="1106"/>
      <c r="BD1688" s="1106"/>
      <c r="BE1688" s="1106"/>
      <c r="BF1688" s="1106"/>
      <c r="BG1688" s="1106"/>
      <c r="BH1688" s="1106"/>
      <c r="BI1688" s="1106"/>
      <c r="BJ1688" s="1106"/>
      <c r="BK1688" s="1106"/>
      <c r="BL1688" s="1106"/>
      <c r="BM1688" s="1106"/>
      <c r="BN1688" s="1106"/>
      <c r="BO1688" s="1106"/>
      <c r="BP1688" s="1106"/>
      <c r="BQ1688" s="1106"/>
      <c r="BR1688" s="1106"/>
      <c r="BS1688" s="1106"/>
      <c r="BT1688" s="1106"/>
      <c r="BU1688" s="1106"/>
      <c r="BV1688" s="1106"/>
      <c r="BW1688" s="1106"/>
      <c r="BX1688" s="1106"/>
      <c r="BY1688" s="1106"/>
      <c r="BZ1688" s="1106"/>
      <c r="CA1688" s="1106"/>
    </row>
    <row r="1689" spans="3:79" ht="9" customHeight="1" x14ac:dyDescent="0.2">
      <c r="C1689" s="1106"/>
      <c r="D1689" s="1106"/>
      <c r="E1689" s="1106"/>
      <c r="F1689" s="1106"/>
      <c r="G1689" s="1106"/>
      <c r="H1689" s="1106"/>
      <c r="I1689" s="1106"/>
      <c r="J1689" s="1106"/>
      <c r="K1689" s="1106"/>
      <c r="L1689" s="1106"/>
      <c r="M1689" s="1106"/>
      <c r="N1689" s="1106"/>
      <c r="O1689" s="1106"/>
      <c r="AB1689" s="1106"/>
      <c r="AC1689" s="1106"/>
      <c r="AD1689" s="1106"/>
      <c r="AE1689" s="1106"/>
      <c r="AF1689" s="1106"/>
      <c r="AG1689" s="1106"/>
      <c r="AH1689" s="1106"/>
      <c r="AL1689" s="1106"/>
      <c r="AZ1689" s="1106"/>
      <c r="BA1689" s="1106"/>
      <c r="BB1689" s="1106"/>
      <c r="BC1689" s="1106"/>
      <c r="BD1689" s="1106"/>
      <c r="BE1689" s="1106"/>
      <c r="BF1689" s="1106"/>
      <c r="BG1689" s="1106"/>
      <c r="BH1689" s="1106"/>
      <c r="BI1689" s="1106"/>
      <c r="BJ1689" s="1106"/>
      <c r="BK1689" s="1106"/>
      <c r="BL1689" s="1106"/>
      <c r="BM1689" s="1106"/>
      <c r="BN1689" s="1106"/>
      <c r="BO1689" s="1106"/>
      <c r="BP1689" s="1106"/>
      <c r="BQ1689" s="1106"/>
      <c r="BR1689" s="1106"/>
      <c r="BS1689" s="1106"/>
      <c r="BT1689" s="1106"/>
      <c r="BU1689" s="1106"/>
      <c r="BV1689" s="1106"/>
      <c r="BW1689" s="1106"/>
      <c r="BX1689" s="1106"/>
      <c r="BY1689" s="1106"/>
      <c r="BZ1689" s="1106"/>
      <c r="CA1689" s="1106"/>
    </row>
    <row r="1690" spans="3:79" ht="9" customHeight="1" x14ac:dyDescent="0.2">
      <c r="C1690" s="1106"/>
      <c r="D1690" s="1106"/>
      <c r="E1690" s="1106"/>
      <c r="F1690" s="1106"/>
      <c r="G1690" s="1106"/>
      <c r="H1690" s="1106"/>
      <c r="I1690" s="1106"/>
      <c r="J1690" s="1106"/>
      <c r="K1690" s="1106"/>
      <c r="L1690" s="1106"/>
      <c r="M1690" s="1106"/>
      <c r="N1690" s="1106"/>
      <c r="O1690" s="1106"/>
      <c r="U1690" s="1106"/>
      <c r="AB1690" s="1106"/>
      <c r="AC1690" s="1106"/>
      <c r="AD1690" s="1106"/>
      <c r="AE1690" s="1106"/>
      <c r="AF1690" s="1106"/>
      <c r="AG1690" s="1106"/>
      <c r="AH1690" s="1106"/>
      <c r="AL1690" s="1106"/>
      <c r="AT1690" s="1106"/>
      <c r="AU1690" s="1106"/>
      <c r="AV1690" s="1106"/>
      <c r="AW1690" s="1106"/>
      <c r="AX1690" s="1106"/>
      <c r="AY1690" s="1106"/>
      <c r="AZ1690" s="1106"/>
      <c r="BA1690" s="1106"/>
      <c r="BB1690" s="1106"/>
      <c r="BC1690" s="1106"/>
      <c r="BD1690" s="1106"/>
      <c r="BE1690" s="1106"/>
      <c r="BF1690" s="1106"/>
      <c r="BG1690" s="1106"/>
      <c r="BH1690" s="1106"/>
      <c r="BI1690" s="1106"/>
      <c r="BJ1690" s="1106"/>
      <c r="BK1690" s="1106"/>
      <c r="BL1690" s="1106"/>
      <c r="BM1690" s="1106"/>
      <c r="BN1690" s="1106"/>
      <c r="BO1690" s="1106"/>
      <c r="BP1690" s="1106"/>
      <c r="BQ1690" s="1106"/>
      <c r="BR1690" s="1106"/>
      <c r="BS1690" s="1106"/>
      <c r="BT1690" s="1106"/>
      <c r="BU1690" s="1106"/>
      <c r="BV1690" s="1106"/>
      <c r="BW1690" s="1106"/>
      <c r="BX1690" s="1106"/>
      <c r="BY1690" s="1106"/>
      <c r="BZ1690" s="1106"/>
      <c r="CA1690" s="1106"/>
    </row>
    <row r="1691" spans="3:79" ht="9" customHeight="1" x14ac:dyDescent="0.2">
      <c r="C1691" s="1106"/>
      <c r="D1691" s="1106"/>
      <c r="E1691" s="1106"/>
      <c r="F1691" s="1106"/>
      <c r="G1691" s="1106"/>
      <c r="H1691" s="1106"/>
      <c r="I1691" s="1106"/>
      <c r="J1691" s="1106"/>
      <c r="K1691" s="1106"/>
      <c r="L1691" s="1106"/>
      <c r="M1691" s="1106"/>
      <c r="N1691" s="1106"/>
      <c r="O1691" s="1106"/>
      <c r="U1691" s="1106"/>
      <c r="AB1691" s="1106"/>
      <c r="AC1691" s="1106"/>
      <c r="AD1691" s="1106"/>
      <c r="AE1691" s="1106"/>
      <c r="AF1691" s="1106"/>
      <c r="AG1691" s="1106"/>
      <c r="AH1691" s="1106"/>
      <c r="AL1691" s="1106"/>
      <c r="AO1691" s="1106"/>
      <c r="AP1691" s="1106"/>
      <c r="AT1691" s="1106"/>
      <c r="AU1691" s="1106"/>
      <c r="AV1691" s="1106"/>
      <c r="AW1691" s="1106"/>
      <c r="AX1691" s="1106"/>
      <c r="AY1691" s="1106"/>
      <c r="AZ1691" s="1106"/>
      <c r="BA1691" s="1106"/>
      <c r="BB1691" s="1106"/>
      <c r="BC1691" s="1106"/>
      <c r="BD1691" s="1106"/>
      <c r="BE1691" s="1106"/>
      <c r="BF1691" s="1106"/>
      <c r="BG1691" s="1106"/>
      <c r="BH1691" s="1106"/>
      <c r="BI1691" s="1106"/>
      <c r="BJ1691" s="1106"/>
      <c r="BK1691" s="1106"/>
      <c r="BL1691" s="1106"/>
      <c r="BM1691" s="1106"/>
      <c r="BN1691" s="1106"/>
      <c r="BO1691" s="1106"/>
      <c r="BP1691" s="1106"/>
      <c r="BQ1691" s="1106"/>
      <c r="BR1691" s="1106"/>
      <c r="BS1691" s="1106"/>
      <c r="BT1691" s="1106"/>
      <c r="BU1691" s="1106"/>
      <c r="BV1691" s="1106"/>
      <c r="BW1691" s="1106"/>
      <c r="BX1691" s="1106"/>
      <c r="BY1691" s="1106"/>
      <c r="BZ1691" s="1106"/>
      <c r="CA1691" s="1106"/>
    </row>
    <row r="1692" spans="3:79" ht="9" customHeight="1" x14ac:dyDescent="0.2">
      <c r="C1692" s="1106"/>
      <c r="D1692" s="1106"/>
      <c r="E1692" s="1106"/>
      <c r="F1692" s="1106"/>
      <c r="G1692" s="1106"/>
      <c r="H1692" s="1106"/>
      <c r="I1692" s="1106"/>
      <c r="J1692" s="1106"/>
      <c r="K1692" s="1106"/>
      <c r="L1692" s="1106"/>
      <c r="M1692" s="1106"/>
      <c r="N1692" s="1106"/>
      <c r="O1692" s="1106"/>
      <c r="U1692" s="1106"/>
      <c r="AB1692" s="1106"/>
      <c r="AC1692" s="1106"/>
      <c r="AD1692" s="1106"/>
      <c r="AE1692" s="1106"/>
      <c r="AF1692" s="1106"/>
      <c r="AG1692" s="1106"/>
      <c r="AH1692" s="1106"/>
      <c r="AL1692" s="1106"/>
      <c r="AT1692" s="1106"/>
      <c r="AU1692" s="1106"/>
      <c r="AV1692" s="1106"/>
      <c r="AW1692" s="1106"/>
      <c r="AX1692" s="1106"/>
      <c r="AY1692" s="1106"/>
      <c r="AZ1692" s="1106"/>
      <c r="BA1692" s="1106"/>
      <c r="BB1692" s="1106"/>
      <c r="BC1692" s="1106"/>
      <c r="BD1692" s="1106"/>
      <c r="BE1692" s="1106"/>
      <c r="BF1692" s="1106"/>
      <c r="BG1692" s="1106"/>
      <c r="BH1692" s="1106"/>
      <c r="BI1692" s="1106"/>
      <c r="BJ1692" s="1106"/>
      <c r="BK1692" s="1106"/>
      <c r="BL1692" s="1106"/>
      <c r="BM1692" s="1106"/>
      <c r="BN1692" s="1106"/>
      <c r="BO1692" s="1106"/>
      <c r="BP1692" s="1106"/>
      <c r="BQ1692" s="1106"/>
      <c r="BR1692" s="1106"/>
      <c r="BS1692" s="1106"/>
      <c r="BT1692" s="1106"/>
      <c r="BU1692" s="1106"/>
      <c r="BV1692" s="1106"/>
      <c r="BW1692" s="1106"/>
      <c r="BX1692" s="1106"/>
      <c r="BY1692" s="1106"/>
      <c r="BZ1692" s="1106"/>
      <c r="CA1692" s="1106"/>
    </row>
    <row r="1693" spans="3:79" ht="9" customHeight="1" x14ac:dyDescent="0.2">
      <c r="C1693" s="1106"/>
      <c r="D1693" s="1106"/>
      <c r="E1693" s="1106"/>
      <c r="F1693" s="1106"/>
      <c r="G1693" s="1106"/>
      <c r="H1693" s="1106"/>
      <c r="I1693" s="1106"/>
      <c r="J1693" s="1106"/>
      <c r="K1693" s="1106"/>
      <c r="L1693" s="1106"/>
      <c r="M1693" s="1106"/>
      <c r="N1693" s="1106"/>
      <c r="O1693" s="1106"/>
      <c r="AB1693" s="1106"/>
      <c r="AC1693" s="1106"/>
      <c r="AD1693" s="1106"/>
      <c r="AE1693" s="1106"/>
      <c r="AF1693" s="1106"/>
      <c r="AG1693" s="1106"/>
      <c r="AH1693" s="1106"/>
      <c r="AL1693" s="1106"/>
      <c r="AZ1693" s="1106"/>
      <c r="BA1693" s="1106"/>
      <c r="BB1693" s="1106"/>
      <c r="BC1693" s="1106"/>
      <c r="BD1693" s="1106"/>
      <c r="BE1693" s="1106"/>
      <c r="BF1693" s="1106"/>
      <c r="BG1693" s="1106"/>
      <c r="BH1693" s="1106"/>
      <c r="BI1693" s="1106"/>
      <c r="BJ1693" s="1106"/>
      <c r="BK1693" s="1106"/>
      <c r="BL1693" s="1106"/>
      <c r="BM1693" s="1106"/>
      <c r="BN1693" s="1106"/>
      <c r="BO1693" s="1106"/>
      <c r="BP1693" s="1106"/>
      <c r="BQ1693" s="1106"/>
      <c r="BR1693" s="1106"/>
      <c r="BS1693" s="1106"/>
      <c r="BT1693" s="1106"/>
      <c r="BU1693" s="1106"/>
      <c r="BV1693" s="1106"/>
      <c r="BW1693" s="1106"/>
      <c r="BX1693" s="1106"/>
      <c r="BY1693" s="1106"/>
      <c r="BZ1693" s="1106"/>
      <c r="CA1693" s="1106"/>
    </row>
    <row r="1694" spans="3:79" ht="9" customHeight="1" x14ac:dyDescent="0.2">
      <c r="C1694" s="1106"/>
      <c r="D1694" s="1106"/>
      <c r="E1694" s="1106"/>
      <c r="F1694" s="1106"/>
      <c r="G1694" s="1106"/>
      <c r="H1694" s="1106"/>
      <c r="I1694" s="1106"/>
      <c r="J1694" s="1106"/>
      <c r="K1694" s="1106"/>
      <c r="L1694" s="1106"/>
      <c r="M1694" s="1106"/>
      <c r="N1694" s="1106"/>
      <c r="O1694" s="1106"/>
      <c r="AB1694" s="1106"/>
      <c r="AC1694" s="1106"/>
      <c r="AD1694" s="1106"/>
      <c r="AE1694" s="1106"/>
      <c r="AF1694" s="1106"/>
      <c r="AG1694" s="1106"/>
      <c r="AH1694" s="1106"/>
      <c r="AL1694" s="1106"/>
      <c r="AZ1694" s="1106"/>
      <c r="BA1694" s="1106"/>
      <c r="BB1694" s="1106"/>
      <c r="BC1694" s="1106"/>
      <c r="BD1694" s="1106"/>
      <c r="BE1694" s="1106"/>
      <c r="BF1694" s="1106"/>
      <c r="BG1694" s="1106"/>
      <c r="BH1694" s="1106"/>
      <c r="BI1694" s="1106"/>
      <c r="BJ1694" s="1106"/>
      <c r="BK1694" s="1106"/>
      <c r="BL1694" s="1106"/>
      <c r="BM1694" s="1106"/>
      <c r="BN1694" s="1106"/>
      <c r="BO1694" s="1106"/>
      <c r="BP1694" s="1106"/>
      <c r="BQ1694" s="1106"/>
      <c r="BR1694" s="1106"/>
      <c r="BS1694" s="1106"/>
      <c r="BT1694" s="1106"/>
      <c r="BU1694" s="1106"/>
      <c r="BV1694" s="1106"/>
      <c r="BW1694" s="1106"/>
      <c r="BX1694" s="1106"/>
      <c r="BY1694" s="1106"/>
      <c r="BZ1694" s="1106"/>
      <c r="CA1694" s="1106"/>
    </row>
    <row r="1695" spans="3:79" ht="9" customHeight="1" x14ac:dyDescent="0.2">
      <c r="C1695" s="1106"/>
      <c r="D1695" s="1106"/>
      <c r="E1695" s="1106"/>
      <c r="F1695" s="1106"/>
      <c r="G1695" s="1106"/>
      <c r="H1695" s="1106"/>
      <c r="I1695" s="1106"/>
      <c r="J1695" s="1106"/>
      <c r="K1695" s="1106"/>
      <c r="L1695" s="1106"/>
      <c r="M1695" s="1106"/>
      <c r="N1695" s="1106"/>
      <c r="O1695" s="1106"/>
      <c r="AB1695" s="1106"/>
      <c r="AC1695" s="1106"/>
      <c r="AD1695" s="1106"/>
      <c r="AE1695" s="1106"/>
      <c r="AF1695" s="1106"/>
      <c r="AG1695" s="1106"/>
      <c r="AH1695" s="1106"/>
      <c r="AL1695" s="1106"/>
      <c r="AZ1695" s="1106"/>
      <c r="BA1695" s="1106"/>
      <c r="BB1695" s="1106"/>
      <c r="BC1695" s="1106"/>
      <c r="BD1695" s="1106"/>
      <c r="BE1695" s="1106"/>
      <c r="BF1695" s="1106"/>
      <c r="BG1695" s="1106"/>
      <c r="BH1695" s="1106"/>
      <c r="BI1695" s="1106"/>
      <c r="BJ1695" s="1106"/>
      <c r="BK1695" s="1106"/>
      <c r="BL1695" s="1106"/>
      <c r="BM1695" s="1106"/>
      <c r="BN1695" s="1106"/>
      <c r="BO1695" s="1106"/>
      <c r="BP1695" s="1106"/>
      <c r="BQ1695" s="1106"/>
      <c r="BR1695" s="1106"/>
      <c r="BS1695" s="1106"/>
      <c r="BT1695" s="1106"/>
      <c r="BU1695" s="1106"/>
      <c r="BV1695" s="1106"/>
      <c r="BW1695" s="1106"/>
      <c r="BX1695" s="1106"/>
      <c r="BY1695" s="1106"/>
      <c r="BZ1695" s="1106"/>
      <c r="CA1695" s="1106"/>
    </row>
    <row r="1696" spans="3:79" ht="9" customHeight="1" x14ac:dyDescent="0.2">
      <c r="C1696" s="1106"/>
      <c r="D1696" s="1106"/>
      <c r="E1696" s="1106"/>
      <c r="F1696" s="1106"/>
      <c r="G1696" s="1106"/>
      <c r="H1696" s="1106"/>
      <c r="I1696" s="1106"/>
      <c r="J1696" s="1106"/>
      <c r="K1696" s="1106"/>
      <c r="L1696" s="1106"/>
      <c r="M1696" s="1106"/>
      <c r="N1696" s="1106"/>
      <c r="O1696" s="1106"/>
      <c r="U1696" s="1106"/>
      <c r="AB1696" s="1106"/>
      <c r="AC1696" s="1106"/>
      <c r="AD1696" s="1106"/>
      <c r="AE1696" s="1106"/>
      <c r="AF1696" s="1106"/>
      <c r="AG1696" s="1106"/>
      <c r="AH1696" s="1106"/>
      <c r="AL1696" s="1106"/>
      <c r="AT1696" s="1106"/>
      <c r="AU1696" s="1106"/>
      <c r="AV1696" s="1106"/>
      <c r="AW1696" s="1106"/>
      <c r="AX1696" s="1106"/>
      <c r="AY1696" s="1106"/>
      <c r="AZ1696" s="1106"/>
      <c r="BA1696" s="1106"/>
      <c r="BB1696" s="1106"/>
      <c r="BC1696" s="1106"/>
      <c r="BD1696" s="1106"/>
      <c r="BE1696" s="1106"/>
      <c r="BF1696" s="1106"/>
      <c r="BG1696" s="1106"/>
      <c r="BH1696" s="1106"/>
      <c r="BI1696" s="1106"/>
      <c r="BJ1696" s="1106"/>
      <c r="BK1696" s="1106"/>
      <c r="BL1696" s="1106"/>
      <c r="BM1696" s="1106"/>
      <c r="BN1696" s="1106"/>
      <c r="BO1696" s="1106"/>
      <c r="BP1696" s="1106"/>
      <c r="BQ1696" s="1106"/>
      <c r="BR1696" s="1106"/>
      <c r="BS1696" s="1106"/>
      <c r="BT1696" s="1106"/>
      <c r="BU1696" s="1106"/>
      <c r="BV1696" s="1106"/>
      <c r="BW1696" s="1106"/>
      <c r="BX1696" s="1106"/>
      <c r="BY1696" s="1106"/>
      <c r="BZ1696" s="1106"/>
      <c r="CA1696" s="1106"/>
    </row>
    <row r="1697" spans="3:79" ht="9" customHeight="1" x14ac:dyDescent="0.2">
      <c r="C1697" s="1106"/>
      <c r="D1697" s="1106"/>
      <c r="E1697" s="1106"/>
      <c r="F1697" s="1106"/>
      <c r="G1697" s="1106"/>
      <c r="H1697" s="1106"/>
      <c r="I1697" s="1106"/>
      <c r="J1697" s="1106"/>
      <c r="K1697" s="1106"/>
      <c r="L1697" s="1106"/>
      <c r="M1697" s="1106"/>
      <c r="N1697" s="1106"/>
      <c r="O1697" s="1106"/>
      <c r="U1697" s="1106"/>
      <c r="AB1697" s="1106"/>
      <c r="AC1697" s="1106"/>
      <c r="AD1697" s="1106"/>
      <c r="AE1697" s="1106"/>
      <c r="AF1697" s="1106"/>
      <c r="AG1697" s="1106"/>
      <c r="AH1697" s="1106"/>
      <c r="AL1697" s="1106"/>
      <c r="AO1697" s="1106"/>
      <c r="AP1697" s="1106"/>
      <c r="AT1697" s="1106"/>
      <c r="AU1697" s="1106"/>
      <c r="AV1697" s="1106"/>
      <c r="AW1697" s="1106"/>
      <c r="AX1697" s="1106"/>
      <c r="AY1697" s="1106"/>
      <c r="AZ1697" s="1106"/>
      <c r="BA1697" s="1106"/>
      <c r="BB1697" s="1106"/>
      <c r="BC1697" s="1106"/>
      <c r="BD1697" s="1106"/>
      <c r="BE1697" s="1106"/>
      <c r="BF1697" s="1106"/>
      <c r="BG1697" s="1106"/>
      <c r="BH1697" s="1106"/>
      <c r="BI1697" s="1106"/>
      <c r="BJ1697" s="1106"/>
      <c r="BK1697" s="1106"/>
      <c r="BL1697" s="1106"/>
      <c r="BM1697" s="1106"/>
      <c r="BN1697" s="1106"/>
      <c r="BO1697" s="1106"/>
      <c r="BP1697" s="1106"/>
      <c r="BQ1697" s="1106"/>
      <c r="BR1697" s="1106"/>
      <c r="BS1697" s="1106"/>
      <c r="BT1697" s="1106"/>
      <c r="BU1697" s="1106"/>
      <c r="BV1697" s="1106"/>
      <c r="BW1697" s="1106"/>
      <c r="BX1697" s="1106"/>
      <c r="BY1697" s="1106"/>
      <c r="BZ1697" s="1106"/>
      <c r="CA1697" s="1106"/>
    </row>
    <row r="1698" spans="3:79" ht="9" customHeight="1" x14ac:dyDescent="0.2">
      <c r="C1698" s="1106"/>
      <c r="D1698" s="1106"/>
      <c r="E1698" s="1106"/>
      <c r="F1698" s="1106"/>
      <c r="G1698" s="1106"/>
      <c r="H1698" s="1106"/>
      <c r="I1698" s="1106"/>
      <c r="J1698" s="1106"/>
      <c r="K1698" s="1106"/>
      <c r="L1698" s="1106"/>
      <c r="M1698" s="1106"/>
      <c r="N1698" s="1106"/>
      <c r="O1698" s="1106"/>
      <c r="U1698" s="1106"/>
      <c r="AB1698" s="1106"/>
      <c r="AC1698" s="1106"/>
      <c r="AD1698" s="1106"/>
      <c r="AE1698" s="1106"/>
      <c r="AF1698" s="1106"/>
      <c r="AG1698" s="1106"/>
      <c r="AH1698" s="1106"/>
      <c r="AL1698" s="1106"/>
      <c r="AT1698" s="1106"/>
      <c r="AU1698" s="1106"/>
      <c r="AV1698" s="1106"/>
      <c r="AW1698" s="1106"/>
      <c r="AX1698" s="1106"/>
      <c r="AY1698" s="1106"/>
      <c r="AZ1698" s="1106"/>
      <c r="BA1698" s="1106"/>
      <c r="BB1698" s="1106"/>
      <c r="BC1698" s="1106"/>
      <c r="BD1698" s="1106"/>
      <c r="BE1698" s="1106"/>
      <c r="BF1698" s="1106"/>
      <c r="BG1698" s="1106"/>
      <c r="BH1698" s="1106"/>
      <c r="BI1698" s="1106"/>
      <c r="BJ1698" s="1106"/>
      <c r="BK1698" s="1106"/>
      <c r="BL1698" s="1106"/>
      <c r="BM1698" s="1106"/>
      <c r="BN1698" s="1106"/>
      <c r="BO1698" s="1106"/>
      <c r="BP1698" s="1106"/>
      <c r="BQ1698" s="1106"/>
      <c r="BR1698" s="1106"/>
      <c r="BS1698" s="1106"/>
      <c r="BT1698" s="1106"/>
      <c r="BU1698" s="1106"/>
      <c r="BV1698" s="1106"/>
      <c r="BW1698" s="1106"/>
      <c r="BX1698" s="1106"/>
      <c r="BY1698" s="1106"/>
      <c r="BZ1698" s="1106"/>
      <c r="CA1698" s="1106"/>
    </row>
    <row r="1699" spans="3:79" ht="9" customHeight="1" x14ac:dyDescent="0.2">
      <c r="C1699" s="1106"/>
      <c r="D1699" s="1106"/>
      <c r="E1699" s="1106"/>
      <c r="F1699" s="1106"/>
      <c r="G1699" s="1106"/>
      <c r="H1699" s="1106"/>
      <c r="I1699" s="1106"/>
      <c r="J1699" s="1106"/>
      <c r="K1699" s="1106"/>
      <c r="L1699" s="1106"/>
      <c r="M1699" s="1106"/>
      <c r="N1699" s="1106"/>
      <c r="O1699" s="1106"/>
      <c r="AB1699" s="1106"/>
      <c r="AC1699" s="1106"/>
      <c r="AD1699" s="1106"/>
      <c r="AE1699" s="1106"/>
      <c r="AF1699" s="1106"/>
      <c r="AG1699" s="1106"/>
      <c r="AH1699" s="1106"/>
      <c r="AL1699" s="1106"/>
      <c r="AZ1699" s="1106"/>
      <c r="BA1699" s="1106"/>
      <c r="BB1699" s="1106"/>
      <c r="BC1699" s="1106"/>
      <c r="BD1699" s="1106"/>
      <c r="BE1699" s="1106"/>
      <c r="BF1699" s="1106"/>
      <c r="BG1699" s="1106"/>
      <c r="BH1699" s="1106"/>
      <c r="BI1699" s="1106"/>
      <c r="BJ1699" s="1106"/>
      <c r="BK1699" s="1106"/>
      <c r="BL1699" s="1106"/>
      <c r="BM1699" s="1106"/>
      <c r="BN1699" s="1106"/>
      <c r="BO1699" s="1106"/>
      <c r="BP1699" s="1106"/>
      <c r="BQ1699" s="1106"/>
      <c r="BR1699" s="1106"/>
      <c r="BS1699" s="1106"/>
      <c r="BT1699" s="1106"/>
      <c r="BU1699" s="1106"/>
      <c r="BV1699" s="1106"/>
      <c r="BW1699" s="1106"/>
      <c r="BX1699" s="1106"/>
      <c r="BY1699" s="1106"/>
      <c r="BZ1699" s="1106"/>
      <c r="CA1699" s="1106"/>
    </row>
    <row r="1700" spans="3:79" ht="9" customHeight="1" x14ac:dyDescent="0.2">
      <c r="C1700" s="1106"/>
      <c r="D1700" s="1106"/>
      <c r="E1700" s="1106"/>
      <c r="F1700" s="1106"/>
      <c r="G1700" s="1106"/>
      <c r="H1700" s="1106"/>
      <c r="I1700" s="1106"/>
      <c r="J1700" s="1106"/>
      <c r="K1700" s="1106"/>
      <c r="L1700" s="1106"/>
      <c r="M1700" s="1106"/>
      <c r="N1700" s="1106"/>
      <c r="O1700" s="1106"/>
      <c r="AB1700" s="1106"/>
      <c r="AC1700" s="1106"/>
      <c r="AD1700" s="1106"/>
      <c r="AE1700" s="1106"/>
      <c r="AF1700" s="1106"/>
      <c r="AG1700" s="1106"/>
      <c r="AH1700" s="1106"/>
      <c r="AL1700" s="1106"/>
      <c r="AZ1700" s="1106"/>
      <c r="BA1700" s="1106"/>
      <c r="BB1700" s="1106"/>
      <c r="BC1700" s="1106"/>
      <c r="BD1700" s="1106"/>
      <c r="BE1700" s="1106"/>
      <c r="BF1700" s="1106"/>
      <c r="BG1700" s="1106"/>
      <c r="BH1700" s="1106"/>
      <c r="BI1700" s="1106"/>
      <c r="BJ1700" s="1106"/>
      <c r="BK1700" s="1106"/>
      <c r="BL1700" s="1106"/>
      <c r="BM1700" s="1106"/>
      <c r="BN1700" s="1106"/>
      <c r="BO1700" s="1106"/>
      <c r="BP1700" s="1106"/>
      <c r="BQ1700" s="1106"/>
      <c r="BR1700" s="1106"/>
      <c r="BS1700" s="1106"/>
      <c r="BT1700" s="1106"/>
      <c r="BU1700" s="1106"/>
      <c r="BV1700" s="1106"/>
      <c r="BW1700" s="1106"/>
      <c r="BX1700" s="1106"/>
      <c r="BY1700" s="1106"/>
      <c r="BZ1700" s="1106"/>
      <c r="CA1700" s="1106"/>
    </row>
    <row r="1701" spans="3:79" ht="9" customHeight="1" x14ac:dyDescent="0.2">
      <c r="C1701" s="1106"/>
      <c r="D1701" s="1106"/>
      <c r="E1701" s="1106"/>
      <c r="F1701" s="1106"/>
      <c r="G1701" s="1106"/>
      <c r="H1701" s="1106"/>
      <c r="I1701" s="1106"/>
      <c r="J1701" s="1106"/>
      <c r="K1701" s="1106"/>
      <c r="L1701" s="1106"/>
      <c r="M1701" s="1106"/>
      <c r="N1701" s="1106"/>
      <c r="O1701" s="1106"/>
      <c r="AB1701" s="1106"/>
      <c r="AC1701" s="1106"/>
      <c r="AD1701" s="1106"/>
      <c r="AE1701" s="1106"/>
      <c r="AF1701" s="1106"/>
      <c r="AG1701" s="1106"/>
      <c r="AH1701" s="1106"/>
      <c r="AL1701" s="1106"/>
      <c r="AZ1701" s="1106"/>
      <c r="BA1701" s="1106"/>
      <c r="BB1701" s="1106"/>
      <c r="BC1701" s="1106"/>
      <c r="BD1701" s="1106"/>
      <c r="BE1701" s="1106"/>
      <c r="BF1701" s="1106"/>
      <c r="BG1701" s="1106"/>
      <c r="BH1701" s="1106"/>
      <c r="BI1701" s="1106"/>
      <c r="BJ1701" s="1106"/>
      <c r="BK1701" s="1106"/>
      <c r="BL1701" s="1106"/>
      <c r="BM1701" s="1106"/>
      <c r="BN1701" s="1106"/>
      <c r="BO1701" s="1106"/>
      <c r="BP1701" s="1106"/>
      <c r="BQ1701" s="1106"/>
      <c r="BR1701" s="1106"/>
      <c r="BS1701" s="1106"/>
      <c r="BT1701" s="1106"/>
      <c r="BU1701" s="1106"/>
      <c r="BV1701" s="1106"/>
      <c r="BW1701" s="1106"/>
      <c r="BX1701" s="1106"/>
      <c r="BY1701" s="1106"/>
      <c r="BZ1701" s="1106"/>
      <c r="CA1701" s="1106"/>
    </row>
    <row r="1702" spans="3:79" ht="9" customHeight="1" x14ac:dyDescent="0.2">
      <c r="C1702" s="1106"/>
      <c r="D1702" s="1106"/>
      <c r="E1702" s="1106"/>
      <c r="F1702" s="1106"/>
      <c r="G1702" s="1106"/>
      <c r="H1702" s="1106"/>
      <c r="I1702" s="1106"/>
      <c r="J1702" s="1106"/>
      <c r="K1702" s="1106"/>
      <c r="L1702" s="1106"/>
      <c r="M1702" s="1106"/>
      <c r="N1702" s="1106"/>
      <c r="O1702" s="1106"/>
      <c r="U1702" s="1106"/>
      <c r="AB1702" s="1106"/>
      <c r="AC1702" s="1106"/>
      <c r="AD1702" s="1106"/>
      <c r="AE1702" s="1106"/>
      <c r="AF1702" s="1106"/>
      <c r="AG1702" s="1106"/>
      <c r="AH1702" s="1106"/>
      <c r="AL1702" s="1106"/>
      <c r="AT1702" s="1106"/>
      <c r="AU1702" s="1106"/>
      <c r="AV1702" s="1106"/>
      <c r="AW1702" s="1106"/>
      <c r="AX1702" s="1106"/>
      <c r="AY1702" s="1106"/>
      <c r="AZ1702" s="1106"/>
      <c r="BA1702" s="1106"/>
      <c r="BB1702" s="1106"/>
      <c r="BC1702" s="1106"/>
      <c r="BD1702" s="1106"/>
      <c r="BE1702" s="1106"/>
      <c r="BF1702" s="1106"/>
      <c r="BG1702" s="1106"/>
      <c r="BH1702" s="1106"/>
      <c r="BI1702" s="1106"/>
      <c r="BJ1702" s="1106"/>
      <c r="BK1702" s="1106"/>
      <c r="BL1702" s="1106"/>
      <c r="BM1702" s="1106"/>
      <c r="BN1702" s="1106"/>
      <c r="BO1702" s="1106"/>
      <c r="BP1702" s="1106"/>
      <c r="BQ1702" s="1106"/>
      <c r="BR1702" s="1106"/>
      <c r="BS1702" s="1106"/>
      <c r="BT1702" s="1106"/>
      <c r="BU1702" s="1106"/>
      <c r="BV1702" s="1106"/>
      <c r="BW1702" s="1106"/>
      <c r="BX1702" s="1106"/>
      <c r="BY1702" s="1106"/>
      <c r="BZ1702" s="1106"/>
      <c r="CA1702" s="1106"/>
    </row>
    <row r="1703" spans="3:79" ht="9" customHeight="1" x14ac:dyDescent="0.2">
      <c r="C1703" s="1106"/>
      <c r="D1703" s="1106"/>
      <c r="E1703" s="1106"/>
      <c r="F1703" s="1106"/>
      <c r="G1703" s="1106"/>
      <c r="H1703" s="1106"/>
      <c r="I1703" s="1106"/>
      <c r="J1703" s="1106"/>
      <c r="K1703" s="1106"/>
      <c r="L1703" s="1106"/>
      <c r="M1703" s="1106"/>
      <c r="N1703" s="1106"/>
      <c r="O1703" s="1106"/>
      <c r="U1703" s="1106"/>
      <c r="AB1703" s="1106"/>
      <c r="AC1703" s="1106"/>
      <c r="AD1703" s="1106"/>
      <c r="AE1703" s="1106"/>
      <c r="AF1703" s="1106"/>
      <c r="AG1703" s="1106"/>
      <c r="AH1703" s="1106"/>
      <c r="AL1703" s="1106"/>
      <c r="AO1703" s="1106"/>
      <c r="AP1703" s="1106"/>
      <c r="AT1703" s="1106"/>
      <c r="AU1703" s="1106"/>
      <c r="AV1703" s="1106"/>
      <c r="AW1703" s="1106"/>
      <c r="AX1703" s="1106"/>
      <c r="AY1703" s="1106"/>
      <c r="AZ1703" s="1106"/>
      <c r="BA1703" s="1106"/>
      <c r="BB1703" s="1106"/>
      <c r="BC1703" s="1106"/>
      <c r="BD1703" s="1106"/>
      <c r="BE1703" s="1106"/>
      <c r="BF1703" s="1106"/>
      <c r="BG1703" s="1106"/>
      <c r="BH1703" s="1106"/>
      <c r="BI1703" s="1106"/>
      <c r="BJ1703" s="1106"/>
      <c r="BK1703" s="1106"/>
      <c r="BL1703" s="1106"/>
      <c r="BM1703" s="1106"/>
      <c r="BN1703" s="1106"/>
      <c r="BO1703" s="1106"/>
      <c r="BP1703" s="1106"/>
      <c r="BQ1703" s="1106"/>
      <c r="BR1703" s="1106"/>
      <c r="BS1703" s="1106"/>
      <c r="BT1703" s="1106"/>
      <c r="BU1703" s="1106"/>
      <c r="BV1703" s="1106"/>
      <c r="BW1703" s="1106"/>
      <c r="BX1703" s="1106"/>
      <c r="BY1703" s="1106"/>
      <c r="BZ1703" s="1106"/>
      <c r="CA1703" s="1106"/>
    </row>
    <row r="1704" spans="3:79" ht="9" customHeight="1" x14ac:dyDescent="0.2">
      <c r="C1704" s="1106"/>
      <c r="D1704" s="1106"/>
      <c r="E1704" s="1106"/>
      <c r="F1704" s="1106"/>
      <c r="G1704" s="1106"/>
      <c r="H1704" s="1106"/>
      <c r="I1704" s="1106"/>
      <c r="J1704" s="1106"/>
      <c r="K1704" s="1106"/>
      <c r="L1704" s="1106"/>
      <c r="M1704" s="1106"/>
      <c r="N1704" s="1106"/>
      <c r="O1704" s="1106"/>
      <c r="U1704" s="1106"/>
      <c r="AB1704" s="1106"/>
      <c r="AC1704" s="1106"/>
      <c r="AD1704" s="1106"/>
      <c r="AE1704" s="1106"/>
      <c r="AF1704" s="1106"/>
      <c r="AG1704" s="1106"/>
      <c r="AH1704" s="1106"/>
      <c r="AL1704" s="1106"/>
      <c r="AT1704" s="1106"/>
      <c r="AU1704" s="1106"/>
      <c r="AV1704" s="1106"/>
      <c r="AW1704" s="1106"/>
      <c r="AX1704" s="1106"/>
      <c r="AY1704" s="1106"/>
      <c r="AZ1704" s="1106"/>
      <c r="BA1704" s="1106"/>
      <c r="BB1704" s="1106"/>
      <c r="BC1704" s="1106"/>
      <c r="BD1704" s="1106"/>
      <c r="BE1704" s="1106"/>
      <c r="BF1704" s="1106"/>
      <c r="BG1704" s="1106"/>
      <c r="BH1704" s="1106"/>
      <c r="BI1704" s="1106"/>
      <c r="BJ1704" s="1106"/>
      <c r="BK1704" s="1106"/>
      <c r="BL1704" s="1106"/>
      <c r="BM1704" s="1106"/>
      <c r="BN1704" s="1106"/>
      <c r="BO1704" s="1106"/>
      <c r="BP1704" s="1106"/>
      <c r="BQ1704" s="1106"/>
      <c r="BR1704" s="1106"/>
      <c r="BS1704" s="1106"/>
      <c r="BT1704" s="1106"/>
      <c r="BU1704" s="1106"/>
      <c r="BV1704" s="1106"/>
      <c r="BW1704" s="1106"/>
      <c r="BX1704" s="1106"/>
      <c r="BY1704" s="1106"/>
      <c r="BZ1704" s="1106"/>
      <c r="CA1704" s="1106"/>
    </row>
    <row r="1705" spans="3:79" ht="9" customHeight="1" x14ac:dyDescent="0.2">
      <c r="C1705" s="1106"/>
      <c r="D1705" s="1106"/>
      <c r="E1705" s="1106"/>
      <c r="F1705" s="1106"/>
      <c r="G1705" s="1106"/>
      <c r="H1705" s="1106"/>
      <c r="I1705" s="1106"/>
      <c r="J1705" s="1106"/>
      <c r="K1705" s="1106"/>
      <c r="L1705" s="1106"/>
      <c r="M1705" s="1106"/>
      <c r="N1705" s="1106"/>
      <c r="O1705" s="1106"/>
      <c r="AB1705" s="1106"/>
      <c r="AC1705" s="1106"/>
      <c r="AD1705" s="1106"/>
      <c r="AE1705" s="1106"/>
      <c r="AF1705" s="1106"/>
      <c r="AG1705" s="1106"/>
      <c r="AH1705" s="1106"/>
      <c r="AL1705" s="1106"/>
      <c r="AZ1705" s="1106"/>
      <c r="BA1705" s="1106"/>
      <c r="BB1705" s="1106"/>
      <c r="BC1705" s="1106"/>
      <c r="BD1705" s="1106"/>
      <c r="BE1705" s="1106"/>
      <c r="BF1705" s="1106"/>
      <c r="BG1705" s="1106"/>
      <c r="BH1705" s="1106"/>
      <c r="BI1705" s="1106"/>
      <c r="BJ1705" s="1106"/>
      <c r="BK1705" s="1106"/>
      <c r="BL1705" s="1106"/>
      <c r="BM1705" s="1106"/>
      <c r="BN1705" s="1106"/>
      <c r="BO1705" s="1106"/>
      <c r="BP1705" s="1106"/>
      <c r="BQ1705" s="1106"/>
      <c r="BR1705" s="1106"/>
      <c r="BS1705" s="1106"/>
      <c r="BT1705" s="1106"/>
      <c r="BU1705" s="1106"/>
      <c r="BV1705" s="1106"/>
      <c r="BW1705" s="1106"/>
      <c r="BX1705" s="1106"/>
      <c r="BY1705" s="1106"/>
      <c r="BZ1705" s="1106"/>
      <c r="CA1705" s="1106"/>
    </row>
    <row r="1706" spans="3:79" ht="9" customHeight="1" x14ac:dyDescent="0.2">
      <c r="C1706" s="1106"/>
      <c r="D1706" s="1106"/>
      <c r="E1706" s="1106"/>
      <c r="F1706" s="1106"/>
      <c r="G1706" s="1106"/>
      <c r="H1706" s="1106"/>
      <c r="I1706" s="1106"/>
      <c r="J1706" s="1106"/>
      <c r="K1706" s="1106"/>
      <c r="L1706" s="1106"/>
      <c r="M1706" s="1106"/>
      <c r="N1706" s="1106"/>
      <c r="O1706" s="1106"/>
      <c r="AB1706" s="1106"/>
      <c r="AC1706" s="1106"/>
      <c r="AD1706" s="1106"/>
      <c r="AE1706" s="1106"/>
      <c r="AF1706" s="1106"/>
      <c r="AG1706" s="1106"/>
      <c r="AH1706" s="1106"/>
      <c r="AL1706" s="1106"/>
      <c r="AZ1706" s="1106"/>
      <c r="BA1706" s="1106"/>
      <c r="BB1706" s="1106"/>
      <c r="BC1706" s="1106"/>
      <c r="BD1706" s="1106"/>
      <c r="BE1706" s="1106"/>
      <c r="BF1706" s="1106"/>
      <c r="BG1706" s="1106"/>
      <c r="BH1706" s="1106"/>
      <c r="BI1706" s="1106"/>
      <c r="BJ1706" s="1106"/>
      <c r="BK1706" s="1106"/>
      <c r="BL1706" s="1106"/>
      <c r="BM1706" s="1106"/>
      <c r="BN1706" s="1106"/>
      <c r="BO1706" s="1106"/>
      <c r="BP1706" s="1106"/>
      <c r="BQ1706" s="1106"/>
      <c r="BR1706" s="1106"/>
      <c r="BS1706" s="1106"/>
      <c r="BT1706" s="1106"/>
      <c r="BU1706" s="1106"/>
      <c r="BV1706" s="1106"/>
      <c r="BW1706" s="1106"/>
      <c r="BX1706" s="1106"/>
      <c r="BY1706" s="1106"/>
      <c r="BZ1706" s="1106"/>
      <c r="CA1706" s="1106"/>
    </row>
    <row r="1707" spans="3:79" ht="9" customHeight="1" x14ac:dyDescent="0.2">
      <c r="C1707" s="1106"/>
      <c r="D1707" s="1106"/>
      <c r="E1707" s="1106"/>
      <c r="F1707" s="1106"/>
      <c r="G1707" s="1106"/>
      <c r="H1707" s="1106"/>
      <c r="I1707" s="1106"/>
      <c r="J1707" s="1106"/>
      <c r="K1707" s="1106"/>
      <c r="L1707" s="1106"/>
      <c r="M1707" s="1106"/>
      <c r="N1707" s="1106"/>
      <c r="O1707" s="1106"/>
      <c r="AB1707" s="1106"/>
      <c r="AC1707" s="1106"/>
      <c r="AD1707" s="1106"/>
      <c r="AE1707" s="1106"/>
      <c r="AF1707" s="1106"/>
      <c r="AG1707" s="1106"/>
      <c r="AH1707" s="1106"/>
      <c r="AL1707" s="1106"/>
      <c r="AZ1707" s="1106"/>
      <c r="BA1707" s="1106"/>
      <c r="BB1707" s="1106"/>
      <c r="BC1707" s="1106"/>
      <c r="BD1707" s="1106"/>
      <c r="BE1707" s="1106"/>
      <c r="BF1707" s="1106"/>
      <c r="BG1707" s="1106"/>
      <c r="BH1707" s="1106"/>
      <c r="BI1707" s="1106"/>
      <c r="BJ1707" s="1106"/>
      <c r="BK1707" s="1106"/>
      <c r="BL1707" s="1106"/>
      <c r="BM1707" s="1106"/>
      <c r="BN1707" s="1106"/>
      <c r="BO1707" s="1106"/>
      <c r="BP1707" s="1106"/>
      <c r="BQ1707" s="1106"/>
      <c r="BR1707" s="1106"/>
      <c r="BS1707" s="1106"/>
      <c r="BT1707" s="1106"/>
      <c r="BU1707" s="1106"/>
      <c r="BV1707" s="1106"/>
      <c r="BW1707" s="1106"/>
      <c r="BX1707" s="1106"/>
      <c r="BY1707" s="1106"/>
      <c r="BZ1707" s="1106"/>
      <c r="CA1707" s="1106"/>
    </row>
    <row r="1708" spans="3:79" ht="9" customHeight="1" x14ac:dyDescent="0.2">
      <c r="C1708" s="1106"/>
      <c r="D1708" s="1106"/>
      <c r="E1708" s="1106"/>
      <c r="F1708" s="1106"/>
      <c r="G1708" s="1106"/>
      <c r="H1708" s="1106"/>
      <c r="I1708" s="1106"/>
      <c r="J1708" s="1106"/>
      <c r="K1708" s="1106"/>
      <c r="L1708" s="1106"/>
      <c r="M1708" s="1106"/>
      <c r="N1708" s="1106"/>
      <c r="O1708" s="1106"/>
      <c r="U1708" s="1106"/>
      <c r="AB1708" s="1106"/>
      <c r="AC1708" s="1106"/>
      <c r="AD1708" s="1106"/>
      <c r="AE1708" s="1106"/>
      <c r="AF1708" s="1106"/>
      <c r="AG1708" s="1106"/>
      <c r="AH1708" s="1106"/>
      <c r="AL1708" s="1106"/>
      <c r="AT1708" s="1106"/>
      <c r="AU1708" s="1106"/>
      <c r="AV1708" s="1106"/>
      <c r="AW1708" s="1106"/>
      <c r="AX1708" s="1106"/>
      <c r="AY1708" s="1106"/>
      <c r="AZ1708" s="1106"/>
      <c r="BA1708" s="1106"/>
      <c r="BB1708" s="1106"/>
      <c r="BC1708" s="1106"/>
      <c r="BD1708" s="1106"/>
      <c r="BE1708" s="1106"/>
      <c r="BF1708" s="1106"/>
      <c r="BG1708" s="1106"/>
      <c r="BH1708" s="1106"/>
      <c r="BI1708" s="1106"/>
      <c r="BJ1708" s="1106"/>
      <c r="BK1708" s="1106"/>
      <c r="BL1708" s="1106"/>
      <c r="BM1708" s="1106"/>
      <c r="BN1708" s="1106"/>
      <c r="BO1708" s="1106"/>
      <c r="BP1708" s="1106"/>
      <c r="BQ1708" s="1106"/>
      <c r="BR1708" s="1106"/>
      <c r="BS1708" s="1106"/>
      <c r="BT1708" s="1106"/>
      <c r="BU1708" s="1106"/>
      <c r="BV1708" s="1106"/>
      <c r="BW1708" s="1106"/>
      <c r="BX1708" s="1106"/>
      <c r="BY1708" s="1106"/>
      <c r="BZ1708" s="1106"/>
      <c r="CA1708" s="1106"/>
    </row>
    <row r="1709" spans="3:79" ht="9" customHeight="1" x14ac:dyDescent="0.2">
      <c r="C1709" s="1106"/>
      <c r="D1709" s="1106"/>
      <c r="E1709" s="1106"/>
      <c r="F1709" s="1106"/>
      <c r="G1709" s="1106"/>
      <c r="H1709" s="1106"/>
      <c r="I1709" s="1106"/>
      <c r="J1709" s="1106"/>
      <c r="K1709" s="1106"/>
      <c r="L1709" s="1106"/>
      <c r="M1709" s="1106"/>
      <c r="N1709" s="1106"/>
      <c r="O1709" s="1106"/>
      <c r="U1709" s="1106"/>
      <c r="AB1709" s="1106"/>
      <c r="AC1709" s="1106"/>
      <c r="AD1709" s="1106"/>
      <c r="AE1709" s="1106"/>
      <c r="AF1709" s="1106"/>
      <c r="AG1709" s="1106"/>
      <c r="AH1709" s="1106"/>
      <c r="AL1709" s="1106"/>
      <c r="AO1709" s="1106"/>
      <c r="AP1709" s="1106"/>
      <c r="AT1709" s="1106"/>
      <c r="AU1709" s="1106"/>
      <c r="AV1709" s="1106"/>
      <c r="AW1709" s="1106"/>
      <c r="AX1709" s="1106"/>
      <c r="AY1709" s="1106"/>
      <c r="AZ1709" s="1106"/>
      <c r="BA1709" s="1106"/>
      <c r="BB1709" s="1106"/>
      <c r="BC1709" s="1106"/>
      <c r="BD1709" s="1106"/>
      <c r="BE1709" s="1106"/>
      <c r="BF1709" s="1106"/>
      <c r="BG1709" s="1106"/>
      <c r="BH1709" s="1106"/>
      <c r="BI1709" s="1106"/>
      <c r="BJ1709" s="1106"/>
      <c r="BK1709" s="1106"/>
      <c r="BL1709" s="1106"/>
      <c r="BM1709" s="1106"/>
      <c r="BN1709" s="1106"/>
      <c r="BO1709" s="1106"/>
      <c r="BP1709" s="1106"/>
      <c r="BQ1709" s="1106"/>
      <c r="BR1709" s="1106"/>
      <c r="BS1709" s="1106"/>
      <c r="BT1709" s="1106"/>
      <c r="BU1709" s="1106"/>
      <c r="BV1709" s="1106"/>
      <c r="BW1709" s="1106"/>
      <c r="BX1709" s="1106"/>
      <c r="BY1709" s="1106"/>
      <c r="BZ1709" s="1106"/>
      <c r="CA1709" s="1106"/>
    </row>
    <row r="1710" spans="3:79" ht="9" customHeight="1" x14ac:dyDescent="0.2">
      <c r="C1710" s="1106"/>
      <c r="D1710" s="1106"/>
      <c r="E1710" s="1106"/>
      <c r="F1710" s="1106"/>
      <c r="G1710" s="1106"/>
      <c r="H1710" s="1106"/>
      <c r="I1710" s="1106"/>
      <c r="J1710" s="1106"/>
      <c r="K1710" s="1106"/>
      <c r="L1710" s="1106"/>
      <c r="M1710" s="1106"/>
      <c r="N1710" s="1106"/>
      <c r="O1710" s="1106"/>
      <c r="U1710" s="1106"/>
      <c r="AB1710" s="1106"/>
      <c r="AC1710" s="1106"/>
      <c r="AD1710" s="1106"/>
      <c r="AE1710" s="1106"/>
      <c r="AF1710" s="1106"/>
      <c r="AG1710" s="1106"/>
      <c r="AH1710" s="1106"/>
      <c r="AL1710" s="1106"/>
      <c r="AT1710" s="1106"/>
      <c r="AU1710" s="1106"/>
      <c r="AV1710" s="1106"/>
      <c r="AW1710" s="1106"/>
      <c r="AX1710" s="1106"/>
      <c r="AY1710" s="1106"/>
      <c r="AZ1710" s="1106"/>
      <c r="BA1710" s="1106"/>
      <c r="BB1710" s="1106"/>
      <c r="BC1710" s="1106"/>
      <c r="BD1710" s="1106"/>
      <c r="BE1710" s="1106"/>
      <c r="BF1710" s="1106"/>
      <c r="BG1710" s="1106"/>
      <c r="BH1710" s="1106"/>
      <c r="BI1710" s="1106"/>
      <c r="BJ1710" s="1106"/>
      <c r="BK1710" s="1106"/>
      <c r="BL1710" s="1106"/>
      <c r="BM1710" s="1106"/>
      <c r="BN1710" s="1106"/>
      <c r="BO1710" s="1106"/>
      <c r="BP1710" s="1106"/>
      <c r="BQ1710" s="1106"/>
      <c r="BR1710" s="1106"/>
      <c r="BS1710" s="1106"/>
      <c r="BT1710" s="1106"/>
      <c r="BU1710" s="1106"/>
      <c r="BV1710" s="1106"/>
      <c r="BW1710" s="1106"/>
      <c r="BX1710" s="1106"/>
      <c r="BY1710" s="1106"/>
      <c r="BZ1710" s="1106"/>
      <c r="CA1710" s="1106"/>
    </row>
    <row r="1711" spans="3:79" ht="9" customHeight="1" x14ac:dyDescent="0.2">
      <c r="C1711" s="1106"/>
      <c r="D1711" s="1106"/>
      <c r="E1711" s="1106"/>
      <c r="F1711" s="1106"/>
      <c r="G1711" s="1106"/>
      <c r="H1711" s="1106"/>
      <c r="I1711" s="1106"/>
      <c r="J1711" s="1106"/>
      <c r="K1711" s="1106"/>
      <c r="L1711" s="1106"/>
      <c r="M1711" s="1106"/>
      <c r="N1711" s="1106"/>
      <c r="O1711" s="1106"/>
      <c r="AB1711" s="1106"/>
      <c r="AC1711" s="1106"/>
      <c r="AD1711" s="1106"/>
      <c r="AE1711" s="1106"/>
      <c r="AF1711" s="1106"/>
      <c r="AG1711" s="1106"/>
      <c r="AH1711" s="1106"/>
      <c r="AL1711" s="1106"/>
      <c r="AZ1711" s="1106"/>
      <c r="BA1711" s="1106"/>
      <c r="BB1711" s="1106"/>
      <c r="BC1711" s="1106"/>
      <c r="BD1711" s="1106"/>
      <c r="BE1711" s="1106"/>
      <c r="BF1711" s="1106"/>
      <c r="BG1711" s="1106"/>
      <c r="BH1711" s="1106"/>
      <c r="BI1711" s="1106"/>
      <c r="BJ1711" s="1106"/>
      <c r="BK1711" s="1106"/>
      <c r="BL1711" s="1106"/>
      <c r="BM1711" s="1106"/>
      <c r="BN1711" s="1106"/>
      <c r="BO1711" s="1106"/>
      <c r="BP1711" s="1106"/>
      <c r="BQ1711" s="1106"/>
      <c r="BR1711" s="1106"/>
      <c r="BS1711" s="1106"/>
      <c r="BT1711" s="1106"/>
      <c r="BU1711" s="1106"/>
      <c r="BV1711" s="1106"/>
      <c r="BW1711" s="1106"/>
      <c r="BX1711" s="1106"/>
      <c r="BY1711" s="1106"/>
      <c r="BZ1711" s="1106"/>
      <c r="CA1711" s="1106"/>
    </row>
    <row r="1712" spans="3:79" ht="9" customHeight="1" x14ac:dyDescent="0.2">
      <c r="C1712" s="1106"/>
      <c r="D1712" s="1106"/>
      <c r="E1712" s="1106"/>
      <c r="F1712" s="1106"/>
      <c r="G1712" s="1106"/>
      <c r="H1712" s="1106"/>
      <c r="I1712" s="1106"/>
      <c r="J1712" s="1106"/>
      <c r="K1712" s="1106"/>
      <c r="L1712" s="1106"/>
      <c r="M1712" s="1106"/>
      <c r="N1712" s="1106"/>
      <c r="O1712" s="1106"/>
      <c r="AB1712" s="1106"/>
      <c r="AC1712" s="1106"/>
      <c r="AD1712" s="1106"/>
      <c r="AE1712" s="1106"/>
      <c r="AF1712" s="1106"/>
      <c r="AG1712" s="1106"/>
      <c r="AH1712" s="1106"/>
      <c r="AL1712" s="1106"/>
      <c r="AZ1712" s="1106"/>
      <c r="BA1712" s="1106"/>
      <c r="BB1712" s="1106"/>
      <c r="BC1712" s="1106"/>
      <c r="BD1712" s="1106"/>
      <c r="BE1712" s="1106"/>
      <c r="BF1712" s="1106"/>
      <c r="BG1712" s="1106"/>
      <c r="BH1712" s="1106"/>
      <c r="BI1712" s="1106"/>
      <c r="BJ1712" s="1106"/>
      <c r="BK1712" s="1106"/>
      <c r="BL1712" s="1106"/>
      <c r="BM1712" s="1106"/>
      <c r="BN1712" s="1106"/>
      <c r="BO1712" s="1106"/>
      <c r="BP1712" s="1106"/>
      <c r="BQ1712" s="1106"/>
      <c r="BR1712" s="1106"/>
      <c r="BS1712" s="1106"/>
      <c r="BT1712" s="1106"/>
      <c r="BU1712" s="1106"/>
      <c r="BV1712" s="1106"/>
      <c r="BW1712" s="1106"/>
      <c r="BX1712" s="1106"/>
      <c r="BY1712" s="1106"/>
      <c r="BZ1712" s="1106"/>
      <c r="CA1712" s="1106"/>
    </row>
    <row r="1713" spans="3:79" ht="9" customHeight="1" x14ac:dyDescent="0.2">
      <c r="C1713" s="1106"/>
      <c r="D1713" s="1106"/>
      <c r="E1713" s="1106"/>
      <c r="F1713" s="1106"/>
      <c r="G1713" s="1106"/>
      <c r="H1713" s="1106"/>
      <c r="I1713" s="1106"/>
      <c r="J1713" s="1106"/>
      <c r="K1713" s="1106"/>
      <c r="L1713" s="1106"/>
      <c r="M1713" s="1106"/>
      <c r="N1713" s="1106"/>
      <c r="O1713" s="1106"/>
      <c r="AB1713" s="1106"/>
      <c r="AC1713" s="1106"/>
      <c r="AD1713" s="1106"/>
      <c r="AE1713" s="1106"/>
      <c r="AF1713" s="1106"/>
      <c r="AG1713" s="1106"/>
      <c r="AH1713" s="1106"/>
      <c r="AL1713" s="1106"/>
      <c r="AZ1713" s="1106"/>
      <c r="BA1713" s="1106"/>
      <c r="BB1713" s="1106"/>
      <c r="BC1713" s="1106"/>
      <c r="BD1713" s="1106"/>
      <c r="BE1713" s="1106"/>
      <c r="BF1713" s="1106"/>
      <c r="BG1713" s="1106"/>
      <c r="BH1713" s="1106"/>
      <c r="BI1713" s="1106"/>
      <c r="BJ1713" s="1106"/>
      <c r="BK1713" s="1106"/>
      <c r="BL1713" s="1106"/>
      <c r="BM1713" s="1106"/>
      <c r="BN1713" s="1106"/>
      <c r="BO1713" s="1106"/>
      <c r="BP1713" s="1106"/>
      <c r="BQ1713" s="1106"/>
      <c r="BR1713" s="1106"/>
      <c r="BS1713" s="1106"/>
      <c r="BT1713" s="1106"/>
      <c r="BU1713" s="1106"/>
      <c r="BV1713" s="1106"/>
      <c r="BW1713" s="1106"/>
      <c r="BX1713" s="1106"/>
      <c r="BY1713" s="1106"/>
      <c r="BZ1713" s="1106"/>
      <c r="CA1713" s="1106"/>
    </row>
    <row r="1714" spans="3:79" ht="9" customHeight="1" x14ac:dyDescent="0.2">
      <c r="C1714" s="1106"/>
      <c r="D1714" s="1106"/>
      <c r="E1714" s="1106"/>
      <c r="F1714" s="1106"/>
      <c r="G1714" s="1106"/>
      <c r="H1714" s="1106"/>
      <c r="I1714" s="1106"/>
      <c r="J1714" s="1106"/>
      <c r="K1714" s="1106"/>
      <c r="L1714" s="1106"/>
      <c r="M1714" s="1106"/>
      <c r="N1714" s="1106"/>
      <c r="O1714" s="1106"/>
      <c r="U1714" s="1106"/>
      <c r="AB1714" s="1106"/>
      <c r="AC1714" s="1106"/>
      <c r="AD1714" s="1106"/>
      <c r="AE1714" s="1106"/>
      <c r="AF1714" s="1106"/>
      <c r="AG1714" s="1106"/>
      <c r="AH1714" s="1106"/>
      <c r="AL1714" s="1106"/>
      <c r="AT1714" s="1106"/>
      <c r="AU1714" s="1106"/>
      <c r="AV1714" s="1106"/>
      <c r="AW1714" s="1106"/>
      <c r="AX1714" s="1106"/>
      <c r="AY1714" s="1106"/>
      <c r="AZ1714" s="1106"/>
      <c r="BA1714" s="1106"/>
      <c r="BB1714" s="1106"/>
      <c r="BC1714" s="1106"/>
      <c r="BD1714" s="1106"/>
      <c r="BE1714" s="1106"/>
      <c r="BF1714" s="1106"/>
      <c r="BG1714" s="1106"/>
      <c r="BH1714" s="1106"/>
      <c r="BI1714" s="1106"/>
      <c r="BJ1714" s="1106"/>
      <c r="BK1714" s="1106"/>
      <c r="BL1714" s="1106"/>
      <c r="BM1714" s="1106"/>
      <c r="BN1714" s="1106"/>
      <c r="BO1714" s="1106"/>
      <c r="BP1714" s="1106"/>
      <c r="BQ1714" s="1106"/>
      <c r="BR1714" s="1106"/>
      <c r="BS1714" s="1106"/>
      <c r="BT1714" s="1106"/>
      <c r="BU1714" s="1106"/>
      <c r="BV1714" s="1106"/>
      <c r="BW1714" s="1106"/>
      <c r="BX1714" s="1106"/>
      <c r="BY1714" s="1106"/>
      <c r="BZ1714" s="1106"/>
      <c r="CA1714" s="1106"/>
    </row>
    <row r="1715" spans="3:79" ht="9" customHeight="1" x14ac:dyDescent="0.2">
      <c r="C1715" s="1106"/>
      <c r="D1715" s="1106"/>
      <c r="E1715" s="1106"/>
      <c r="F1715" s="1106"/>
      <c r="G1715" s="1106"/>
      <c r="H1715" s="1106"/>
      <c r="I1715" s="1106"/>
      <c r="J1715" s="1106"/>
      <c r="K1715" s="1106"/>
      <c r="L1715" s="1106"/>
      <c r="M1715" s="1106"/>
      <c r="N1715" s="1106"/>
      <c r="O1715" s="1106"/>
      <c r="U1715" s="1106"/>
      <c r="AB1715" s="1106"/>
      <c r="AC1715" s="1106"/>
      <c r="AD1715" s="1106"/>
      <c r="AE1715" s="1106"/>
      <c r="AF1715" s="1106"/>
      <c r="AG1715" s="1106"/>
      <c r="AH1715" s="1106"/>
      <c r="AL1715" s="1106"/>
      <c r="AO1715" s="1106"/>
      <c r="AP1715" s="1106"/>
      <c r="AT1715" s="1106"/>
      <c r="AU1715" s="1106"/>
      <c r="AV1715" s="1106"/>
      <c r="AW1715" s="1106"/>
      <c r="AX1715" s="1106"/>
      <c r="AY1715" s="1106"/>
      <c r="AZ1715" s="1106"/>
      <c r="BA1715" s="1106"/>
      <c r="BB1715" s="1106"/>
      <c r="BC1715" s="1106"/>
      <c r="BD1715" s="1106"/>
      <c r="BE1715" s="1106"/>
      <c r="BF1715" s="1106"/>
      <c r="BG1715" s="1106"/>
      <c r="BH1715" s="1106"/>
      <c r="BI1715" s="1106"/>
      <c r="BJ1715" s="1106"/>
      <c r="BK1715" s="1106"/>
      <c r="BL1715" s="1106"/>
      <c r="BM1715" s="1106"/>
      <c r="BN1715" s="1106"/>
      <c r="BO1715" s="1106"/>
      <c r="BP1715" s="1106"/>
      <c r="BQ1715" s="1106"/>
      <c r="BR1715" s="1106"/>
      <c r="BS1715" s="1106"/>
      <c r="BT1715" s="1106"/>
      <c r="BU1715" s="1106"/>
      <c r="BV1715" s="1106"/>
      <c r="BW1715" s="1106"/>
      <c r="BX1715" s="1106"/>
      <c r="BY1715" s="1106"/>
      <c r="BZ1715" s="1106"/>
      <c r="CA1715" s="1106"/>
    </row>
    <row r="1716" spans="3:79" ht="9" customHeight="1" x14ac:dyDescent="0.2">
      <c r="C1716" s="1106"/>
      <c r="D1716" s="1106"/>
      <c r="E1716" s="1106"/>
      <c r="F1716" s="1106"/>
      <c r="G1716" s="1106"/>
      <c r="H1716" s="1106"/>
      <c r="I1716" s="1106"/>
      <c r="J1716" s="1106"/>
      <c r="K1716" s="1106"/>
      <c r="L1716" s="1106"/>
      <c r="M1716" s="1106"/>
      <c r="N1716" s="1106"/>
      <c r="O1716" s="1106"/>
      <c r="U1716" s="1106"/>
      <c r="AB1716" s="1106"/>
      <c r="AC1716" s="1106"/>
      <c r="AD1716" s="1106"/>
      <c r="AE1716" s="1106"/>
      <c r="AF1716" s="1106"/>
      <c r="AG1716" s="1106"/>
      <c r="AH1716" s="1106"/>
      <c r="AL1716" s="1106"/>
      <c r="AT1716" s="1106"/>
      <c r="AU1716" s="1106"/>
      <c r="AV1716" s="1106"/>
      <c r="AW1716" s="1106"/>
      <c r="AX1716" s="1106"/>
      <c r="AY1716" s="1106"/>
      <c r="AZ1716" s="1106"/>
      <c r="BA1716" s="1106"/>
      <c r="BB1716" s="1106"/>
      <c r="BC1716" s="1106"/>
      <c r="BD1716" s="1106"/>
      <c r="BE1716" s="1106"/>
      <c r="BF1716" s="1106"/>
      <c r="BG1716" s="1106"/>
      <c r="BH1716" s="1106"/>
      <c r="BI1716" s="1106"/>
      <c r="BJ1716" s="1106"/>
      <c r="BK1716" s="1106"/>
      <c r="BL1716" s="1106"/>
      <c r="BM1716" s="1106"/>
      <c r="BN1716" s="1106"/>
      <c r="BO1716" s="1106"/>
      <c r="BP1716" s="1106"/>
      <c r="BQ1716" s="1106"/>
      <c r="BR1716" s="1106"/>
      <c r="BS1716" s="1106"/>
      <c r="BT1716" s="1106"/>
      <c r="BU1716" s="1106"/>
      <c r="BV1716" s="1106"/>
      <c r="BW1716" s="1106"/>
      <c r="BX1716" s="1106"/>
      <c r="BY1716" s="1106"/>
      <c r="BZ1716" s="1106"/>
      <c r="CA1716" s="1106"/>
    </row>
    <row r="1717" spans="3:79" ht="9" customHeight="1" x14ac:dyDescent="0.2">
      <c r="C1717" s="1106"/>
      <c r="D1717" s="1106"/>
      <c r="E1717" s="1106"/>
      <c r="F1717" s="1106"/>
      <c r="G1717" s="1106"/>
      <c r="H1717" s="1106"/>
      <c r="I1717" s="1106"/>
      <c r="J1717" s="1106"/>
      <c r="K1717" s="1106"/>
      <c r="L1717" s="1106"/>
      <c r="M1717" s="1106"/>
      <c r="N1717" s="1106"/>
      <c r="O1717" s="1106"/>
      <c r="AB1717" s="1106"/>
      <c r="AC1717" s="1106"/>
      <c r="AD1717" s="1106"/>
      <c r="AE1717" s="1106"/>
      <c r="AF1717" s="1106"/>
      <c r="AG1717" s="1106"/>
      <c r="AH1717" s="1106"/>
      <c r="AL1717" s="1106"/>
      <c r="AZ1717" s="1106"/>
      <c r="BA1717" s="1106"/>
      <c r="BB1717" s="1106"/>
      <c r="BC1717" s="1106"/>
      <c r="BD1717" s="1106"/>
      <c r="BE1717" s="1106"/>
      <c r="BF1717" s="1106"/>
      <c r="BG1717" s="1106"/>
      <c r="BH1717" s="1106"/>
      <c r="BI1717" s="1106"/>
      <c r="BJ1717" s="1106"/>
      <c r="BK1717" s="1106"/>
      <c r="BL1717" s="1106"/>
      <c r="BM1717" s="1106"/>
      <c r="BN1717" s="1106"/>
      <c r="BO1717" s="1106"/>
      <c r="BP1717" s="1106"/>
      <c r="BQ1717" s="1106"/>
      <c r="BR1717" s="1106"/>
      <c r="BS1717" s="1106"/>
      <c r="BT1717" s="1106"/>
      <c r="BU1717" s="1106"/>
      <c r="BV1717" s="1106"/>
      <c r="BW1717" s="1106"/>
      <c r="BX1717" s="1106"/>
      <c r="BY1717" s="1106"/>
      <c r="BZ1717" s="1106"/>
      <c r="CA1717" s="1106"/>
    </row>
    <row r="1718" spans="3:79" ht="9" customHeight="1" x14ac:dyDescent="0.2">
      <c r="C1718" s="1106"/>
      <c r="D1718" s="1106"/>
      <c r="E1718" s="1106"/>
      <c r="F1718" s="1106"/>
      <c r="G1718" s="1106"/>
      <c r="H1718" s="1106"/>
      <c r="I1718" s="1106"/>
      <c r="J1718" s="1106"/>
      <c r="K1718" s="1106"/>
      <c r="L1718" s="1106"/>
      <c r="M1718" s="1106"/>
      <c r="N1718" s="1106"/>
      <c r="O1718" s="1106"/>
      <c r="AB1718" s="1106"/>
      <c r="AC1718" s="1106"/>
      <c r="AD1718" s="1106"/>
      <c r="AE1718" s="1106"/>
      <c r="AF1718" s="1106"/>
      <c r="AG1718" s="1106"/>
      <c r="AH1718" s="1106"/>
      <c r="AL1718" s="1106"/>
      <c r="AZ1718" s="1106"/>
      <c r="BA1718" s="1106"/>
      <c r="BB1718" s="1106"/>
      <c r="BC1718" s="1106"/>
      <c r="BD1718" s="1106"/>
      <c r="BE1718" s="1106"/>
      <c r="BF1718" s="1106"/>
      <c r="BG1718" s="1106"/>
      <c r="BH1718" s="1106"/>
      <c r="BI1718" s="1106"/>
      <c r="BJ1718" s="1106"/>
      <c r="BK1718" s="1106"/>
      <c r="BL1718" s="1106"/>
      <c r="BM1718" s="1106"/>
      <c r="BN1718" s="1106"/>
      <c r="BO1718" s="1106"/>
      <c r="BP1718" s="1106"/>
      <c r="BQ1718" s="1106"/>
      <c r="BR1718" s="1106"/>
      <c r="BS1718" s="1106"/>
      <c r="BT1718" s="1106"/>
      <c r="BU1718" s="1106"/>
      <c r="BV1718" s="1106"/>
      <c r="BW1718" s="1106"/>
      <c r="BX1718" s="1106"/>
      <c r="BY1718" s="1106"/>
      <c r="BZ1718" s="1106"/>
      <c r="CA1718" s="1106"/>
    </row>
    <row r="1719" spans="3:79" ht="9" customHeight="1" x14ac:dyDescent="0.2">
      <c r="C1719" s="1106"/>
      <c r="D1719" s="1106"/>
      <c r="E1719" s="1106"/>
      <c r="F1719" s="1106"/>
      <c r="G1719" s="1106"/>
      <c r="H1719" s="1106"/>
      <c r="I1719" s="1106"/>
      <c r="J1719" s="1106"/>
      <c r="K1719" s="1106"/>
      <c r="L1719" s="1106"/>
      <c r="M1719" s="1106"/>
      <c r="N1719" s="1106"/>
      <c r="O1719" s="1106"/>
      <c r="AB1719" s="1106"/>
      <c r="AC1719" s="1106"/>
      <c r="AD1719" s="1106"/>
      <c r="AE1719" s="1106"/>
      <c r="AF1719" s="1106"/>
      <c r="AG1719" s="1106"/>
      <c r="AH1719" s="1106"/>
      <c r="AL1719" s="1106"/>
      <c r="AZ1719" s="1106"/>
      <c r="BA1719" s="1106"/>
      <c r="BB1719" s="1106"/>
      <c r="BC1719" s="1106"/>
      <c r="BD1719" s="1106"/>
      <c r="BE1719" s="1106"/>
      <c r="BF1719" s="1106"/>
      <c r="BG1719" s="1106"/>
      <c r="BH1719" s="1106"/>
      <c r="BI1719" s="1106"/>
      <c r="BJ1719" s="1106"/>
      <c r="BK1719" s="1106"/>
      <c r="BL1719" s="1106"/>
      <c r="BM1719" s="1106"/>
      <c r="BN1719" s="1106"/>
      <c r="BO1719" s="1106"/>
      <c r="BP1719" s="1106"/>
      <c r="BQ1719" s="1106"/>
      <c r="BR1719" s="1106"/>
      <c r="BS1719" s="1106"/>
      <c r="BT1719" s="1106"/>
      <c r="BU1719" s="1106"/>
      <c r="BV1719" s="1106"/>
      <c r="BW1719" s="1106"/>
      <c r="BX1719" s="1106"/>
      <c r="BY1719" s="1106"/>
      <c r="BZ1719" s="1106"/>
      <c r="CA1719" s="1106"/>
    </row>
    <row r="1720" spans="3:79" ht="9" customHeight="1" x14ac:dyDescent="0.2">
      <c r="C1720" s="1106"/>
      <c r="D1720" s="1106"/>
      <c r="E1720" s="1106"/>
      <c r="F1720" s="1106"/>
      <c r="G1720" s="1106"/>
      <c r="H1720" s="1106"/>
      <c r="I1720" s="1106"/>
      <c r="J1720" s="1106"/>
      <c r="K1720" s="1106"/>
      <c r="L1720" s="1106"/>
      <c r="M1720" s="1106"/>
      <c r="N1720" s="1106"/>
      <c r="O1720" s="1106"/>
      <c r="U1720" s="1106"/>
      <c r="AB1720" s="1106"/>
      <c r="AC1720" s="1106"/>
      <c r="AD1720" s="1106"/>
      <c r="AE1720" s="1106"/>
      <c r="AF1720" s="1106"/>
      <c r="AG1720" s="1106"/>
      <c r="AH1720" s="1106"/>
      <c r="AL1720" s="1106"/>
      <c r="AT1720" s="1106"/>
      <c r="AU1720" s="1106"/>
      <c r="AV1720" s="1106"/>
      <c r="AW1720" s="1106"/>
      <c r="AX1720" s="1106"/>
      <c r="AY1720" s="1106"/>
      <c r="AZ1720" s="1106"/>
      <c r="BA1720" s="1106"/>
      <c r="BB1720" s="1106"/>
      <c r="BC1720" s="1106"/>
      <c r="BD1720" s="1106"/>
      <c r="BE1720" s="1106"/>
      <c r="BF1720" s="1106"/>
      <c r="BG1720" s="1106"/>
      <c r="BH1720" s="1106"/>
      <c r="BI1720" s="1106"/>
      <c r="BJ1720" s="1106"/>
      <c r="BK1720" s="1106"/>
      <c r="BL1720" s="1106"/>
      <c r="BM1720" s="1106"/>
      <c r="BN1720" s="1106"/>
      <c r="BO1720" s="1106"/>
      <c r="BP1720" s="1106"/>
      <c r="BQ1720" s="1106"/>
      <c r="BR1720" s="1106"/>
      <c r="BS1720" s="1106"/>
      <c r="BT1720" s="1106"/>
      <c r="BU1720" s="1106"/>
      <c r="BV1720" s="1106"/>
      <c r="BW1720" s="1106"/>
      <c r="BX1720" s="1106"/>
      <c r="BY1720" s="1106"/>
      <c r="BZ1720" s="1106"/>
      <c r="CA1720" s="1106"/>
    </row>
    <row r="1721" spans="3:79" ht="9" customHeight="1" x14ac:dyDescent="0.2">
      <c r="C1721" s="1106"/>
      <c r="D1721" s="1106"/>
      <c r="E1721" s="1106"/>
      <c r="F1721" s="1106"/>
      <c r="G1721" s="1106"/>
      <c r="H1721" s="1106"/>
      <c r="I1721" s="1106"/>
      <c r="J1721" s="1106"/>
      <c r="K1721" s="1106"/>
      <c r="L1721" s="1106"/>
      <c r="M1721" s="1106"/>
      <c r="N1721" s="1106"/>
      <c r="O1721" s="1106"/>
      <c r="U1721" s="1106"/>
      <c r="AB1721" s="1106"/>
      <c r="AC1721" s="1106"/>
      <c r="AD1721" s="1106"/>
      <c r="AE1721" s="1106"/>
      <c r="AF1721" s="1106"/>
      <c r="AG1721" s="1106"/>
      <c r="AH1721" s="1106"/>
      <c r="AL1721" s="1106"/>
      <c r="AO1721" s="1106"/>
      <c r="AP1721" s="1106"/>
      <c r="AT1721" s="1106"/>
      <c r="AU1721" s="1106"/>
      <c r="AV1721" s="1106"/>
      <c r="AW1721" s="1106"/>
      <c r="AX1721" s="1106"/>
      <c r="AY1721" s="1106"/>
      <c r="AZ1721" s="1106"/>
      <c r="BA1721" s="1106"/>
      <c r="BB1721" s="1106"/>
      <c r="BC1721" s="1106"/>
      <c r="BD1721" s="1106"/>
      <c r="BE1721" s="1106"/>
      <c r="BF1721" s="1106"/>
      <c r="BG1721" s="1106"/>
      <c r="BH1721" s="1106"/>
      <c r="BI1721" s="1106"/>
      <c r="BJ1721" s="1106"/>
      <c r="BK1721" s="1106"/>
      <c r="BL1721" s="1106"/>
      <c r="BM1721" s="1106"/>
      <c r="BN1721" s="1106"/>
      <c r="BO1721" s="1106"/>
      <c r="BP1721" s="1106"/>
      <c r="BQ1721" s="1106"/>
      <c r="BR1721" s="1106"/>
      <c r="BS1721" s="1106"/>
      <c r="BT1721" s="1106"/>
      <c r="BU1721" s="1106"/>
      <c r="BV1721" s="1106"/>
      <c r="BW1721" s="1106"/>
      <c r="BX1721" s="1106"/>
      <c r="BY1721" s="1106"/>
      <c r="BZ1721" s="1106"/>
      <c r="CA1721" s="1106"/>
    </row>
    <row r="1722" spans="3:79" ht="9" customHeight="1" x14ac:dyDescent="0.2">
      <c r="C1722" s="1106"/>
      <c r="D1722" s="1106"/>
      <c r="E1722" s="1106"/>
      <c r="F1722" s="1106"/>
      <c r="G1722" s="1106"/>
      <c r="H1722" s="1106"/>
      <c r="I1722" s="1106"/>
      <c r="J1722" s="1106"/>
      <c r="K1722" s="1106"/>
      <c r="L1722" s="1106"/>
      <c r="M1722" s="1106"/>
      <c r="N1722" s="1106"/>
      <c r="O1722" s="1106"/>
      <c r="U1722" s="1106"/>
      <c r="AB1722" s="1106"/>
      <c r="AC1722" s="1106"/>
      <c r="AD1722" s="1106"/>
      <c r="AE1722" s="1106"/>
      <c r="AF1722" s="1106"/>
      <c r="AG1722" s="1106"/>
      <c r="AH1722" s="1106"/>
      <c r="AL1722" s="1106"/>
      <c r="AT1722" s="1106"/>
      <c r="AU1722" s="1106"/>
      <c r="AV1722" s="1106"/>
      <c r="AW1722" s="1106"/>
      <c r="AX1722" s="1106"/>
      <c r="AY1722" s="1106"/>
      <c r="AZ1722" s="1106"/>
      <c r="BA1722" s="1106"/>
      <c r="BB1722" s="1106"/>
      <c r="BC1722" s="1106"/>
      <c r="BD1722" s="1106"/>
      <c r="BE1722" s="1106"/>
      <c r="BF1722" s="1106"/>
      <c r="BG1722" s="1106"/>
      <c r="BH1722" s="1106"/>
      <c r="BI1722" s="1106"/>
      <c r="BJ1722" s="1106"/>
      <c r="BK1722" s="1106"/>
      <c r="BL1722" s="1106"/>
      <c r="BM1722" s="1106"/>
      <c r="BN1722" s="1106"/>
      <c r="BO1722" s="1106"/>
      <c r="BP1722" s="1106"/>
      <c r="BQ1722" s="1106"/>
      <c r="BR1722" s="1106"/>
      <c r="BS1722" s="1106"/>
      <c r="BT1722" s="1106"/>
      <c r="BU1722" s="1106"/>
      <c r="BV1722" s="1106"/>
      <c r="BW1722" s="1106"/>
      <c r="BX1722" s="1106"/>
      <c r="BY1722" s="1106"/>
      <c r="BZ1722" s="1106"/>
      <c r="CA1722" s="1106"/>
    </row>
    <row r="1723" spans="3:79" ht="9" customHeight="1" x14ac:dyDescent="0.2">
      <c r="C1723" s="1106"/>
      <c r="D1723" s="1106"/>
      <c r="E1723" s="1106"/>
      <c r="F1723" s="1106"/>
      <c r="G1723" s="1106"/>
      <c r="H1723" s="1106"/>
      <c r="I1723" s="1106"/>
      <c r="J1723" s="1106"/>
      <c r="K1723" s="1106"/>
      <c r="L1723" s="1106"/>
      <c r="M1723" s="1106"/>
      <c r="N1723" s="1106"/>
      <c r="O1723" s="1106"/>
      <c r="AB1723" s="1106"/>
      <c r="AC1723" s="1106"/>
      <c r="AD1723" s="1106"/>
      <c r="AE1723" s="1106"/>
      <c r="AF1723" s="1106"/>
      <c r="AG1723" s="1106"/>
      <c r="AH1723" s="1106"/>
      <c r="AL1723" s="1106"/>
      <c r="AZ1723" s="1106"/>
      <c r="BA1723" s="1106"/>
      <c r="BB1723" s="1106"/>
      <c r="BC1723" s="1106"/>
      <c r="BD1723" s="1106"/>
      <c r="BE1723" s="1106"/>
      <c r="BF1723" s="1106"/>
      <c r="BG1723" s="1106"/>
      <c r="BH1723" s="1106"/>
      <c r="BI1723" s="1106"/>
      <c r="BJ1723" s="1106"/>
      <c r="BK1723" s="1106"/>
      <c r="BL1723" s="1106"/>
      <c r="BM1723" s="1106"/>
      <c r="BN1723" s="1106"/>
      <c r="BO1723" s="1106"/>
      <c r="BP1723" s="1106"/>
      <c r="BQ1723" s="1106"/>
      <c r="BR1723" s="1106"/>
      <c r="BS1723" s="1106"/>
      <c r="BT1723" s="1106"/>
      <c r="BU1723" s="1106"/>
      <c r="BV1723" s="1106"/>
      <c r="BW1723" s="1106"/>
      <c r="BX1723" s="1106"/>
      <c r="BY1723" s="1106"/>
      <c r="BZ1723" s="1106"/>
      <c r="CA1723" s="1106"/>
    </row>
    <row r="1724" spans="3:79" ht="9" customHeight="1" x14ac:dyDescent="0.2">
      <c r="C1724" s="1106"/>
      <c r="D1724" s="1106"/>
      <c r="E1724" s="1106"/>
      <c r="F1724" s="1106"/>
      <c r="G1724" s="1106"/>
      <c r="H1724" s="1106"/>
      <c r="I1724" s="1106"/>
      <c r="J1724" s="1106"/>
      <c r="K1724" s="1106"/>
      <c r="L1724" s="1106"/>
      <c r="M1724" s="1106"/>
      <c r="N1724" s="1106"/>
      <c r="O1724" s="1106"/>
      <c r="AB1724" s="1106"/>
      <c r="AC1724" s="1106"/>
      <c r="AD1724" s="1106"/>
      <c r="AE1724" s="1106"/>
      <c r="AF1724" s="1106"/>
      <c r="AG1724" s="1106"/>
      <c r="AH1724" s="1106"/>
      <c r="AL1724" s="1106"/>
      <c r="AZ1724" s="1106"/>
      <c r="BA1724" s="1106"/>
      <c r="BB1724" s="1106"/>
      <c r="BC1724" s="1106"/>
      <c r="BD1724" s="1106"/>
      <c r="BE1724" s="1106"/>
      <c r="BF1724" s="1106"/>
      <c r="BG1724" s="1106"/>
      <c r="BH1724" s="1106"/>
      <c r="BI1724" s="1106"/>
      <c r="BJ1724" s="1106"/>
      <c r="BK1724" s="1106"/>
      <c r="BL1724" s="1106"/>
      <c r="BM1724" s="1106"/>
      <c r="BN1724" s="1106"/>
      <c r="BO1724" s="1106"/>
      <c r="BP1724" s="1106"/>
      <c r="BQ1724" s="1106"/>
      <c r="BR1724" s="1106"/>
      <c r="BS1724" s="1106"/>
      <c r="BT1724" s="1106"/>
      <c r="BU1724" s="1106"/>
      <c r="BV1724" s="1106"/>
      <c r="BW1724" s="1106"/>
      <c r="BX1724" s="1106"/>
      <c r="BY1724" s="1106"/>
      <c r="BZ1724" s="1106"/>
      <c r="CA1724" s="1106"/>
    </row>
    <row r="1725" spans="3:79" ht="9" customHeight="1" x14ac:dyDescent="0.2">
      <c r="C1725" s="1106"/>
      <c r="D1725" s="1106"/>
      <c r="E1725" s="1106"/>
      <c r="F1725" s="1106"/>
      <c r="G1725" s="1106"/>
      <c r="H1725" s="1106"/>
      <c r="I1725" s="1106"/>
      <c r="J1725" s="1106"/>
      <c r="K1725" s="1106"/>
      <c r="L1725" s="1106"/>
      <c r="M1725" s="1106"/>
      <c r="N1725" s="1106"/>
      <c r="O1725" s="1106"/>
      <c r="AB1725" s="1106"/>
      <c r="AC1725" s="1106"/>
      <c r="AD1725" s="1106"/>
      <c r="AE1725" s="1106"/>
      <c r="AF1725" s="1106"/>
      <c r="AG1725" s="1106"/>
      <c r="AH1725" s="1106"/>
      <c r="AL1725" s="1106"/>
      <c r="AZ1725" s="1106"/>
      <c r="BA1725" s="1106"/>
      <c r="BB1725" s="1106"/>
      <c r="BC1725" s="1106"/>
      <c r="BD1725" s="1106"/>
      <c r="BE1725" s="1106"/>
      <c r="BF1725" s="1106"/>
      <c r="BG1725" s="1106"/>
      <c r="BH1725" s="1106"/>
      <c r="BI1725" s="1106"/>
      <c r="BJ1725" s="1106"/>
      <c r="BK1725" s="1106"/>
      <c r="BL1725" s="1106"/>
      <c r="BM1725" s="1106"/>
      <c r="BN1725" s="1106"/>
      <c r="BO1725" s="1106"/>
      <c r="BP1725" s="1106"/>
      <c r="BQ1725" s="1106"/>
      <c r="BR1725" s="1106"/>
      <c r="BS1725" s="1106"/>
      <c r="BT1725" s="1106"/>
      <c r="BU1725" s="1106"/>
      <c r="BV1725" s="1106"/>
      <c r="BW1725" s="1106"/>
      <c r="BX1725" s="1106"/>
      <c r="BY1725" s="1106"/>
      <c r="BZ1725" s="1106"/>
      <c r="CA1725" s="1106"/>
    </row>
    <row r="1726" spans="3:79" ht="9" customHeight="1" x14ac:dyDescent="0.2">
      <c r="C1726" s="1106"/>
      <c r="D1726" s="1106"/>
      <c r="E1726" s="1106"/>
      <c r="F1726" s="1106"/>
      <c r="G1726" s="1106"/>
      <c r="H1726" s="1106"/>
      <c r="I1726" s="1106"/>
      <c r="J1726" s="1106"/>
      <c r="K1726" s="1106"/>
      <c r="L1726" s="1106"/>
      <c r="M1726" s="1106"/>
      <c r="N1726" s="1106"/>
      <c r="O1726" s="1106"/>
      <c r="U1726" s="1106"/>
      <c r="AB1726" s="1106"/>
      <c r="AC1726" s="1106"/>
      <c r="AD1726" s="1106"/>
      <c r="AE1726" s="1106"/>
      <c r="AF1726" s="1106"/>
      <c r="AG1726" s="1106"/>
      <c r="AH1726" s="1106"/>
      <c r="AL1726" s="1106"/>
      <c r="AT1726" s="1106"/>
      <c r="AU1726" s="1106"/>
      <c r="AV1726" s="1106"/>
      <c r="AW1726" s="1106"/>
      <c r="AX1726" s="1106"/>
      <c r="AY1726" s="1106"/>
      <c r="AZ1726" s="1106"/>
      <c r="BA1726" s="1106"/>
      <c r="BB1726" s="1106"/>
      <c r="BC1726" s="1106"/>
      <c r="BD1726" s="1106"/>
      <c r="BE1726" s="1106"/>
      <c r="BF1726" s="1106"/>
      <c r="BG1726" s="1106"/>
      <c r="BH1726" s="1106"/>
      <c r="BI1726" s="1106"/>
      <c r="BJ1726" s="1106"/>
      <c r="BK1726" s="1106"/>
      <c r="BL1726" s="1106"/>
      <c r="BM1726" s="1106"/>
      <c r="BN1726" s="1106"/>
      <c r="BO1726" s="1106"/>
      <c r="BP1726" s="1106"/>
      <c r="BQ1726" s="1106"/>
      <c r="BR1726" s="1106"/>
      <c r="BS1726" s="1106"/>
      <c r="BT1726" s="1106"/>
      <c r="BU1726" s="1106"/>
      <c r="BV1726" s="1106"/>
      <c r="BW1726" s="1106"/>
      <c r="BX1726" s="1106"/>
      <c r="BY1726" s="1106"/>
      <c r="BZ1726" s="1106"/>
      <c r="CA1726" s="1106"/>
    </row>
    <row r="1727" spans="3:79" ht="9" customHeight="1" x14ac:dyDescent="0.2">
      <c r="C1727" s="1106"/>
      <c r="D1727" s="1106"/>
      <c r="E1727" s="1106"/>
      <c r="F1727" s="1106"/>
      <c r="G1727" s="1106"/>
      <c r="H1727" s="1106"/>
      <c r="I1727" s="1106"/>
      <c r="J1727" s="1106"/>
      <c r="K1727" s="1106"/>
      <c r="L1727" s="1106"/>
      <c r="M1727" s="1106"/>
      <c r="N1727" s="1106"/>
      <c r="O1727" s="1106"/>
      <c r="U1727" s="1106"/>
      <c r="AB1727" s="1106"/>
      <c r="AC1727" s="1106"/>
      <c r="AD1727" s="1106"/>
      <c r="AE1727" s="1106"/>
      <c r="AF1727" s="1106"/>
      <c r="AG1727" s="1106"/>
      <c r="AH1727" s="1106"/>
      <c r="AL1727" s="1106"/>
      <c r="AO1727" s="1106"/>
      <c r="AP1727" s="1106"/>
      <c r="AT1727" s="1106"/>
      <c r="AU1727" s="1106"/>
      <c r="AV1727" s="1106"/>
      <c r="AW1727" s="1106"/>
      <c r="AX1727" s="1106"/>
      <c r="AY1727" s="1106"/>
      <c r="AZ1727" s="1106"/>
      <c r="BA1727" s="1106"/>
      <c r="BB1727" s="1106"/>
      <c r="BC1727" s="1106"/>
      <c r="BD1727" s="1106"/>
      <c r="BE1727" s="1106"/>
      <c r="BF1727" s="1106"/>
      <c r="BG1727" s="1106"/>
      <c r="BH1727" s="1106"/>
      <c r="BI1727" s="1106"/>
      <c r="BJ1727" s="1106"/>
      <c r="BK1727" s="1106"/>
      <c r="BL1727" s="1106"/>
      <c r="BM1727" s="1106"/>
      <c r="BN1727" s="1106"/>
      <c r="BO1727" s="1106"/>
      <c r="BP1727" s="1106"/>
      <c r="BQ1727" s="1106"/>
      <c r="BR1727" s="1106"/>
      <c r="BS1727" s="1106"/>
      <c r="BT1727" s="1106"/>
      <c r="BU1727" s="1106"/>
      <c r="BV1727" s="1106"/>
      <c r="BW1727" s="1106"/>
      <c r="BX1727" s="1106"/>
      <c r="BY1727" s="1106"/>
      <c r="BZ1727" s="1106"/>
      <c r="CA1727" s="1106"/>
    </row>
    <row r="1728" spans="3:79" ht="9" customHeight="1" x14ac:dyDescent="0.2">
      <c r="C1728" s="1106"/>
      <c r="D1728" s="1106"/>
      <c r="E1728" s="1106"/>
      <c r="F1728" s="1106"/>
      <c r="G1728" s="1106"/>
      <c r="H1728" s="1106"/>
      <c r="I1728" s="1106"/>
      <c r="J1728" s="1106"/>
      <c r="K1728" s="1106"/>
      <c r="L1728" s="1106"/>
      <c r="M1728" s="1106"/>
      <c r="N1728" s="1106"/>
      <c r="O1728" s="1106"/>
      <c r="U1728" s="1106"/>
      <c r="AB1728" s="1106"/>
      <c r="AC1728" s="1106"/>
      <c r="AD1728" s="1106"/>
      <c r="AE1728" s="1106"/>
      <c r="AF1728" s="1106"/>
      <c r="AG1728" s="1106"/>
      <c r="AH1728" s="1106"/>
      <c r="AL1728" s="1106"/>
      <c r="AT1728" s="1106"/>
      <c r="AU1728" s="1106"/>
      <c r="AV1728" s="1106"/>
      <c r="AW1728" s="1106"/>
      <c r="AX1728" s="1106"/>
      <c r="AY1728" s="1106"/>
      <c r="AZ1728" s="1106"/>
      <c r="BA1728" s="1106"/>
      <c r="BB1728" s="1106"/>
      <c r="BC1728" s="1106"/>
      <c r="BD1728" s="1106"/>
      <c r="BE1728" s="1106"/>
      <c r="BF1728" s="1106"/>
      <c r="BG1728" s="1106"/>
      <c r="BH1728" s="1106"/>
      <c r="BI1728" s="1106"/>
      <c r="BJ1728" s="1106"/>
      <c r="BK1728" s="1106"/>
      <c r="BL1728" s="1106"/>
      <c r="BM1728" s="1106"/>
      <c r="BN1728" s="1106"/>
      <c r="BO1728" s="1106"/>
      <c r="BP1728" s="1106"/>
      <c r="BQ1728" s="1106"/>
      <c r="BR1728" s="1106"/>
      <c r="BS1728" s="1106"/>
      <c r="BT1728" s="1106"/>
      <c r="BU1728" s="1106"/>
      <c r="BV1728" s="1106"/>
      <c r="BW1728" s="1106"/>
      <c r="BX1728" s="1106"/>
      <c r="BY1728" s="1106"/>
      <c r="BZ1728" s="1106"/>
      <c r="CA1728" s="1106"/>
    </row>
    <row r="1729" spans="3:79" ht="9" customHeight="1" x14ac:dyDescent="0.2">
      <c r="C1729" s="1106"/>
      <c r="D1729" s="1106"/>
      <c r="E1729" s="1106"/>
      <c r="F1729" s="1106"/>
      <c r="G1729" s="1106"/>
      <c r="H1729" s="1106"/>
      <c r="I1729" s="1106"/>
      <c r="J1729" s="1106"/>
      <c r="K1729" s="1106"/>
      <c r="L1729" s="1106"/>
      <c r="M1729" s="1106"/>
      <c r="N1729" s="1106"/>
      <c r="O1729" s="1106"/>
      <c r="AB1729" s="1106"/>
      <c r="AC1729" s="1106"/>
      <c r="AD1729" s="1106"/>
      <c r="AE1729" s="1106"/>
      <c r="AF1729" s="1106"/>
      <c r="AG1729" s="1106"/>
      <c r="AH1729" s="1106"/>
      <c r="AL1729" s="1106"/>
      <c r="AZ1729" s="1106"/>
      <c r="BA1729" s="1106"/>
      <c r="BB1729" s="1106"/>
      <c r="BC1729" s="1106"/>
      <c r="BD1729" s="1106"/>
      <c r="BE1729" s="1106"/>
      <c r="BF1729" s="1106"/>
      <c r="BG1729" s="1106"/>
      <c r="BH1729" s="1106"/>
      <c r="BI1729" s="1106"/>
      <c r="BJ1729" s="1106"/>
      <c r="BK1729" s="1106"/>
      <c r="BL1729" s="1106"/>
      <c r="BM1729" s="1106"/>
      <c r="BN1729" s="1106"/>
      <c r="BO1729" s="1106"/>
      <c r="BP1729" s="1106"/>
      <c r="BQ1729" s="1106"/>
      <c r="BR1729" s="1106"/>
      <c r="BS1729" s="1106"/>
      <c r="BT1729" s="1106"/>
      <c r="BU1729" s="1106"/>
      <c r="BV1729" s="1106"/>
      <c r="BW1729" s="1106"/>
      <c r="BX1729" s="1106"/>
      <c r="BY1729" s="1106"/>
      <c r="BZ1729" s="1106"/>
      <c r="CA1729" s="1106"/>
    </row>
    <row r="1730" spans="3:79" ht="9" customHeight="1" x14ac:dyDescent="0.2">
      <c r="C1730" s="1106"/>
      <c r="D1730" s="1106"/>
      <c r="E1730" s="1106"/>
      <c r="F1730" s="1106"/>
      <c r="G1730" s="1106"/>
      <c r="H1730" s="1106"/>
      <c r="I1730" s="1106"/>
      <c r="J1730" s="1106"/>
      <c r="K1730" s="1106"/>
      <c r="L1730" s="1106"/>
      <c r="M1730" s="1106"/>
      <c r="N1730" s="1106"/>
      <c r="O1730" s="1106"/>
      <c r="AB1730" s="1106"/>
      <c r="AC1730" s="1106"/>
      <c r="AD1730" s="1106"/>
      <c r="AE1730" s="1106"/>
      <c r="AF1730" s="1106"/>
      <c r="AG1730" s="1106"/>
      <c r="AH1730" s="1106"/>
      <c r="AL1730" s="1106"/>
      <c r="AZ1730" s="1106"/>
      <c r="BA1730" s="1106"/>
      <c r="BB1730" s="1106"/>
      <c r="BC1730" s="1106"/>
      <c r="BD1730" s="1106"/>
      <c r="BE1730" s="1106"/>
      <c r="BF1730" s="1106"/>
      <c r="BG1730" s="1106"/>
      <c r="BH1730" s="1106"/>
      <c r="BI1730" s="1106"/>
      <c r="BJ1730" s="1106"/>
      <c r="BK1730" s="1106"/>
      <c r="BL1730" s="1106"/>
      <c r="BM1730" s="1106"/>
      <c r="BN1730" s="1106"/>
      <c r="BO1730" s="1106"/>
      <c r="BP1730" s="1106"/>
      <c r="BQ1730" s="1106"/>
      <c r="BR1730" s="1106"/>
      <c r="BS1730" s="1106"/>
      <c r="BT1730" s="1106"/>
      <c r="BU1730" s="1106"/>
      <c r="BV1730" s="1106"/>
      <c r="BW1730" s="1106"/>
      <c r="BX1730" s="1106"/>
      <c r="BY1730" s="1106"/>
      <c r="BZ1730" s="1106"/>
      <c r="CA1730" s="1106"/>
    </row>
    <row r="1731" spans="3:79" ht="9" customHeight="1" x14ac:dyDescent="0.2">
      <c r="C1731" s="1106"/>
      <c r="D1731" s="1106"/>
      <c r="E1731" s="1106"/>
      <c r="F1731" s="1106"/>
      <c r="G1731" s="1106"/>
      <c r="H1731" s="1106"/>
      <c r="I1731" s="1106"/>
      <c r="J1731" s="1106"/>
      <c r="K1731" s="1106"/>
      <c r="L1731" s="1106"/>
      <c r="M1731" s="1106"/>
      <c r="N1731" s="1106"/>
      <c r="O1731" s="1106"/>
      <c r="AB1731" s="1106"/>
      <c r="AC1731" s="1106"/>
      <c r="AD1731" s="1106"/>
      <c r="AE1731" s="1106"/>
      <c r="AF1731" s="1106"/>
      <c r="AG1731" s="1106"/>
      <c r="AH1731" s="1106"/>
      <c r="AL1731" s="1106"/>
      <c r="AZ1731" s="1106"/>
      <c r="BA1731" s="1106"/>
      <c r="BB1731" s="1106"/>
      <c r="BC1731" s="1106"/>
      <c r="BD1731" s="1106"/>
      <c r="BE1731" s="1106"/>
      <c r="BF1731" s="1106"/>
      <c r="BG1731" s="1106"/>
      <c r="BH1731" s="1106"/>
      <c r="BI1731" s="1106"/>
      <c r="BJ1731" s="1106"/>
      <c r="BK1731" s="1106"/>
      <c r="BL1731" s="1106"/>
      <c r="BM1731" s="1106"/>
      <c r="BN1731" s="1106"/>
      <c r="BO1731" s="1106"/>
      <c r="BP1731" s="1106"/>
      <c r="BQ1731" s="1106"/>
      <c r="BR1731" s="1106"/>
      <c r="BS1731" s="1106"/>
      <c r="BT1731" s="1106"/>
      <c r="BU1731" s="1106"/>
      <c r="BV1731" s="1106"/>
      <c r="BW1731" s="1106"/>
      <c r="BX1731" s="1106"/>
      <c r="BY1731" s="1106"/>
      <c r="BZ1731" s="1106"/>
      <c r="CA1731" s="1106"/>
    </row>
    <row r="1732" spans="3:79" ht="9" customHeight="1" x14ac:dyDescent="0.2">
      <c r="C1732" s="1106"/>
      <c r="D1732" s="1106"/>
      <c r="E1732" s="1106"/>
      <c r="F1732" s="1106"/>
      <c r="G1732" s="1106"/>
      <c r="H1732" s="1106"/>
      <c r="I1732" s="1106"/>
      <c r="J1732" s="1106"/>
      <c r="K1732" s="1106"/>
      <c r="L1732" s="1106"/>
      <c r="M1732" s="1106"/>
      <c r="N1732" s="1106"/>
      <c r="O1732" s="1106"/>
      <c r="U1732" s="1106"/>
      <c r="AB1732" s="1106"/>
      <c r="AC1732" s="1106"/>
      <c r="AD1732" s="1106"/>
      <c r="AE1732" s="1106"/>
      <c r="AF1732" s="1106"/>
      <c r="AG1732" s="1106"/>
      <c r="AH1732" s="1106"/>
      <c r="AL1732" s="1106"/>
      <c r="AT1732" s="1106"/>
      <c r="AU1732" s="1106"/>
      <c r="AV1732" s="1106"/>
      <c r="AW1732" s="1106"/>
      <c r="AX1732" s="1106"/>
      <c r="AY1732" s="1106"/>
      <c r="AZ1732" s="1106"/>
      <c r="BA1732" s="1106"/>
      <c r="BB1732" s="1106"/>
      <c r="BC1732" s="1106"/>
      <c r="BD1732" s="1106"/>
      <c r="BE1732" s="1106"/>
      <c r="BF1732" s="1106"/>
      <c r="BG1732" s="1106"/>
      <c r="BH1732" s="1106"/>
      <c r="BI1732" s="1106"/>
      <c r="BJ1732" s="1106"/>
      <c r="BK1732" s="1106"/>
      <c r="BL1732" s="1106"/>
      <c r="BM1732" s="1106"/>
      <c r="BN1732" s="1106"/>
      <c r="BO1732" s="1106"/>
      <c r="BP1732" s="1106"/>
      <c r="BQ1732" s="1106"/>
      <c r="BR1732" s="1106"/>
      <c r="BS1732" s="1106"/>
      <c r="BT1732" s="1106"/>
      <c r="BU1732" s="1106"/>
      <c r="BV1732" s="1106"/>
      <c r="BW1732" s="1106"/>
      <c r="BX1732" s="1106"/>
      <c r="BY1732" s="1106"/>
      <c r="BZ1732" s="1106"/>
      <c r="CA1732" s="1106"/>
    </row>
    <row r="1733" spans="3:79" ht="9" customHeight="1" x14ac:dyDescent="0.2">
      <c r="C1733" s="1106"/>
      <c r="D1733" s="1106"/>
      <c r="E1733" s="1106"/>
      <c r="F1733" s="1106"/>
      <c r="G1733" s="1106"/>
      <c r="H1733" s="1106"/>
      <c r="I1733" s="1106"/>
      <c r="J1733" s="1106"/>
      <c r="K1733" s="1106"/>
      <c r="L1733" s="1106"/>
      <c r="M1733" s="1106"/>
      <c r="N1733" s="1106"/>
      <c r="O1733" s="1106"/>
      <c r="U1733" s="1106"/>
      <c r="AB1733" s="1106"/>
      <c r="AC1733" s="1106"/>
      <c r="AD1733" s="1106"/>
      <c r="AE1733" s="1106"/>
      <c r="AF1733" s="1106"/>
      <c r="AG1733" s="1106"/>
      <c r="AH1733" s="1106"/>
      <c r="AL1733" s="1106"/>
      <c r="AO1733" s="1106"/>
      <c r="AP1733" s="1106"/>
      <c r="AT1733" s="1106"/>
      <c r="AU1733" s="1106"/>
      <c r="AV1733" s="1106"/>
      <c r="AW1733" s="1106"/>
      <c r="AX1733" s="1106"/>
      <c r="AY1733" s="1106"/>
      <c r="AZ1733" s="1106"/>
      <c r="BA1733" s="1106"/>
      <c r="BB1733" s="1106"/>
      <c r="BC1733" s="1106"/>
      <c r="BD1733" s="1106"/>
      <c r="BE1733" s="1106"/>
      <c r="BF1733" s="1106"/>
      <c r="BG1733" s="1106"/>
      <c r="BH1733" s="1106"/>
      <c r="BI1733" s="1106"/>
      <c r="BJ1733" s="1106"/>
      <c r="BK1733" s="1106"/>
      <c r="BL1733" s="1106"/>
      <c r="BM1733" s="1106"/>
      <c r="BN1733" s="1106"/>
      <c r="BO1733" s="1106"/>
      <c r="BP1733" s="1106"/>
      <c r="BQ1733" s="1106"/>
      <c r="BR1733" s="1106"/>
      <c r="BS1733" s="1106"/>
      <c r="BT1733" s="1106"/>
      <c r="BU1733" s="1106"/>
      <c r="BV1733" s="1106"/>
      <c r="BW1733" s="1106"/>
      <c r="BX1733" s="1106"/>
      <c r="BY1733" s="1106"/>
      <c r="BZ1733" s="1106"/>
      <c r="CA1733" s="1106"/>
    </row>
    <row r="1734" spans="3:79" ht="9" customHeight="1" x14ac:dyDescent="0.2">
      <c r="C1734" s="1106"/>
      <c r="D1734" s="1106"/>
      <c r="E1734" s="1106"/>
      <c r="F1734" s="1106"/>
      <c r="G1734" s="1106"/>
      <c r="H1734" s="1106"/>
      <c r="I1734" s="1106"/>
      <c r="J1734" s="1106"/>
      <c r="K1734" s="1106"/>
      <c r="L1734" s="1106"/>
      <c r="M1734" s="1106"/>
      <c r="N1734" s="1106"/>
      <c r="O1734" s="1106"/>
      <c r="U1734" s="1106"/>
      <c r="AB1734" s="1106"/>
      <c r="AC1734" s="1106"/>
      <c r="AD1734" s="1106"/>
      <c r="AE1734" s="1106"/>
      <c r="AF1734" s="1106"/>
      <c r="AG1734" s="1106"/>
      <c r="AH1734" s="1106"/>
      <c r="AL1734" s="1106"/>
      <c r="AT1734" s="1106"/>
      <c r="AU1734" s="1106"/>
      <c r="AV1734" s="1106"/>
      <c r="AW1734" s="1106"/>
      <c r="AX1734" s="1106"/>
      <c r="AY1734" s="1106"/>
      <c r="AZ1734" s="1106"/>
      <c r="BA1734" s="1106"/>
      <c r="BB1734" s="1106"/>
      <c r="BC1734" s="1106"/>
      <c r="BD1734" s="1106"/>
      <c r="BE1734" s="1106"/>
      <c r="BF1734" s="1106"/>
      <c r="BG1734" s="1106"/>
      <c r="BH1734" s="1106"/>
      <c r="BI1734" s="1106"/>
      <c r="BJ1734" s="1106"/>
      <c r="BK1734" s="1106"/>
      <c r="BL1734" s="1106"/>
      <c r="BM1734" s="1106"/>
      <c r="BN1734" s="1106"/>
      <c r="BO1734" s="1106"/>
      <c r="BP1734" s="1106"/>
      <c r="BQ1734" s="1106"/>
      <c r="BR1734" s="1106"/>
      <c r="BS1734" s="1106"/>
      <c r="BT1734" s="1106"/>
      <c r="BU1734" s="1106"/>
      <c r="BV1734" s="1106"/>
      <c r="BW1734" s="1106"/>
      <c r="BX1734" s="1106"/>
      <c r="BY1734" s="1106"/>
      <c r="BZ1734" s="1106"/>
      <c r="CA1734" s="1106"/>
    </row>
    <row r="1735" spans="3:79" ht="9" customHeight="1" x14ac:dyDescent="0.2">
      <c r="C1735" s="1106"/>
      <c r="D1735" s="1106"/>
      <c r="E1735" s="1106"/>
      <c r="F1735" s="1106"/>
      <c r="G1735" s="1106"/>
      <c r="H1735" s="1106"/>
      <c r="I1735" s="1106"/>
      <c r="J1735" s="1106"/>
      <c r="K1735" s="1106"/>
      <c r="L1735" s="1106"/>
      <c r="M1735" s="1106"/>
      <c r="N1735" s="1106"/>
      <c r="O1735" s="1106"/>
      <c r="AB1735" s="1106"/>
      <c r="AC1735" s="1106"/>
      <c r="AD1735" s="1106"/>
      <c r="AE1735" s="1106"/>
      <c r="AF1735" s="1106"/>
      <c r="AG1735" s="1106"/>
      <c r="AH1735" s="1106"/>
      <c r="AL1735" s="1106"/>
      <c r="AZ1735" s="1106"/>
      <c r="BA1735" s="1106"/>
      <c r="BB1735" s="1106"/>
      <c r="BC1735" s="1106"/>
      <c r="BD1735" s="1106"/>
      <c r="BE1735" s="1106"/>
      <c r="BF1735" s="1106"/>
      <c r="BG1735" s="1106"/>
      <c r="BH1735" s="1106"/>
      <c r="BI1735" s="1106"/>
      <c r="BJ1735" s="1106"/>
      <c r="BK1735" s="1106"/>
      <c r="BL1735" s="1106"/>
      <c r="BM1735" s="1106"/>
      <c r="BN1735" s="1106"/>
      <c r="BO1735" s="1106"/>
      <c r="BP1735" s="1106"/>
      <c r="BQ1735" s="1106"/>
      <c r="BR1735" s="1106"/>
      <c r="BS1735" s="1106"/>
      <c r="BT1735" s="1106"/>
      <c r="BU1735" s="1106"/>
      <c r="BV1735" s="1106"/>
      <c r="BW1735" s="1106"/>
      <c r="BX1735" s="1106"/>
      <c r="BY1735" s="1106"/>
      <c r="BZ1735" s="1106"/>
      <c r="CA1735" s="1106"/>
    </row>
    <row r="1736" spans="3:79" ht="9" customHeight="1" x14ac:dyDescent="0.2">
      <c r="C1736" s="1106"/>
      <c r="D1736" s="1106"/>
      <c r="E1736" s="1106"/>
      <c r="F1736" s="1106"/>
      <c r="G1736" s="1106"/>
      <c r="H1736" s="1106"/>
      <c r="I1736" s="1106"/>
      <c r="J1736" s="1106"/>
      <c r="K1736" s="1106"/>
      <c r="L1736" s="1106"/>
      <c r="M1736" s="1106"/>
      <c r="N1736" s="1106"/>
      <c r="O1736" s="1106"/>
      <c r="AB1736" s="1106"/>
      <c r="AC1736" s="1106"/>
      <c r="AD1736" s="1106"/>
      <c r="AE1736" s="1106"/>
      <c r="AF1736" s="1106"/>
      <c r="AG1736" s="1106"/>
      <c r="AH1736" s="1106"/>
      <c r="AL1736" s="1106"/>
      <c r="AZ1736" s="1106"/>
      <c r="BA1736" s="1106"/>
      <c r="BB1736" s="1106"/>
      <c r="BC1736" s="1106"/>
      <c r="BD1736" s="1106"/>
      <c r="BE1736" s="1106"/>
      <c r="BF1736" s="1106"/>
      <c r="BG1736" s="1106"/>
      <c r="BH1736" s="1106"/>
      <c r="BI1736" s="1106"/>
      <c r="BJ1736" s="1106"/>
      <c r="BK1736" s="1106"/>
      <c r="BL1736" s="1106"/>
      <c r="BM1736" s="1106"/>
      <c r="BN1736" s="1106"/>
      <c r="BO1736" s="1106"/>
      <c r="BP1736" s="1106"/>
      <c r="BQ1736" s="1106"/>
      <c r="BR1736" s="1106"/>
      <c r="BS1736" s="1106"/>
      <c r="BT1736" s="1106"/>
      <c r="BU1736" s="1106"/>
      <c r="BV1736" s="1106"/>
      <c r="BW1736" s="1106"/>
      <c r="BX1736" s="1106"/>
      <c r="BY1736" s="1106"/>
      <c r="BZ1736" s="1106"/>
      <c r="CA1736" s="1106"/>
    </row>
    <row r="1737" spans="3:79" ht="9" customHeight="1" x14ac:dyDescent="0.2">
      <c r="C1737" s="1106"/>
      <c r="D1737" s="1106"/>
      <c r="E1737" s="1106"/>
      <c r="F1737" s="1106"/>
      <c r="G1737" s="1106"/>
      <c r="H1737" s="1106"/>
      <c r="I1737" s="1106"/>
      <c r="J1737" s="1106"/>
      <c r="K1737" s="1106"/>
      <c r="L1737" s="1106"/>
      <c r="M1737" s="1106"/>
      <c r="N1737" s="1106"/>
      <c r="O1737" s="1106"/>
      <c r="AB1737" s="1106"/>
      <c r="AC1737" s="1106"/>
      <c r="AD1737" s="1106"/>
      <c r="AE1737" s="1106"/>
      <c r="AF1737" s="1106"/>
      <c r="AG1737" s="1106"/>
      <c r="AH1737" s="1106"/>
      <c r="AL1737" s="1106"/>
      <c r="AZ1737" s="1106"/>
      <c r="BA1737" s="1106"/>
      <c r="BB1737" s="1106"/>
      <c r="BC1737" s="1106"/>
      <c r="BD1737" s="1106"/>
      <c r="BE1737" s="1106"/>
      <c r="BF1737" s="1106"/>
      <c r="BG1737" s="1106"/>
      <c r="BH1737" s="1106"/>
      <c r="BI1737" s="1106"/>
      <c r="BJ1737" s="1106"/>
      <c r="BK1737" s="1106"/>
      <c r="BL1737" s="1106"/>
      <c r="BM1737" s="1106"/>
      <c r="BN1737" s="1106"/>
      <c r="BO1737" s="1106"/>
      <c r="BP1737" s="1106"/>
      <c r="BQ1737" s="1106"/>
      <c r="BR1737" s="1106"/>
      <c r="BS1737" s="1106"/>
      <c r="BT1737" s="1106"/>
      <c r="BU1737" s="1106"/>
      <c r="BV1737" s="1106"/>
      <c r="BW1737" s="1106"/>
      <c r="BX1737" s="1106"/>
      <c r="BY1737" s="1106"/>
      <c r="BZ1737" s="1106"/>
      <c r="CA1737" s="1106"/>
    </row>
    <row r="1738" spans="3:79" ht="9" customHeight="1" x14ac:dyDescent="0.2">
      <c r="C1738" s="1106"/>
      <c r="D1738" s="1106"/>
      <c r="E1738" s="1106"/>
      <c r="F1738" s="1106"/>
      <c r="G1738" s="1106"/>
      <c r="H1738" s="1106"/>
      <c r="I1738" s="1106"/>
      <c r="J1738" s="1106"/>
      <c r="K1738" s="1106"/>
      <c r="L1738" s="1106"/>
      <c r="M1738" s="1106"/>
      <c r="N1738" s="1106"/>
      <c r="O1738" s="1106"/>
      <c r="U1738" s="1106"/>
      <c r="AB1738" s="1106"/>
      <c r="AC1738" s="1106"/>
      <c r="AD1738" s="1106"/>
      <c r="AE1738" s="1106"/>
      <c r="AF1738" s="1106"/>
      <c r="AG1738" s="1106"/>
      <c r="AH1738" s="1106"/>
      <c r="AL1738" s="1106"/>
      <c r="AT1738" s="1106"/>
      <c r="AU1738" s="1106"/>
      <c r="AV1738" s="1106"/>
      <c r="AW1738" s="1106"/>
      <c r="AX1738" s="1106"/>
      <c r="AY1738" s="1106"/>
      <c r="AZ1738" s="1106"/>
      <c r="BA1738" s="1106"/>
      <c r="BB1738" s="1106"/>
      <c r="BC1738" s="1106"/>
      <c r="BD1738" s="1106"/>
      <c r="BE1738" s="1106"/>
      <c r="BF1738" s="1106"/>
      <c r="BG1738" s="1106"/>
      <c r="BH1738" s="1106"/>
      <c r="BI1738" s="1106"/>
      <c r="BJ1738" s="1106"/>
      <c r="BK1738" s="1106"/>
      <c r="BL1738" s="1106"/>
      <c r="BM1738" s="1106"/>
      <c r="BN1738" s="1106"/>
      <c r="BO1738" s="1106"/>
      <c r="BP1738" s="1106"/>
      <c r="BQ1738" s="1106"/>
      <c r="BR1738" s="1106"/>
      <c r="BS1738" s="1106"/>
      <c r="BT1738" s="1106"/>
      <c r="BU1738" s="1106"/>
      <c r="BV1738" s="1106"/>
      <c r="BW1738" s="1106"/>
      <c r="BX1738" s="1106"/>
      <c r="BY1738" s="1106"/>
      <c r="BZ1738" s="1106"/>
      <c r="CA1738" s="1106"/>
    </row>
    <row r="1739" spans="3:79" ht="9" customHeight="1" x14ac:dyDescent="0.2">
      <c r="C1739" s="1106"/>
      <c r="D1739" s="1106"/>
      <c r="E1739" s="1106"/>
      <c r="F1739" s="1106"/>
      <c r="G1739" s="1106"/>
      <c r="H1739" s="1106"/>
      <c r="I1739" s="1106"/>
      <c r="J1739" s="1106"/>
      <c r="K1739" s="1106"/>
      <c r="L1739" s="1106"/>
      <c r="M1739" s="1106"/>
      <c r="N1739" s="1106"/>
      <c r="O1739" s="1106"/>
      <c r="U1739" s="1106"/>
      <c r="AB1739" s="1106"/>
      <c r="AC1739" s="1106"/>
      <c r="AD1739" s="1106"/>
      <c r="AE1739" s="1106"/>
      <c r="AF1739" s="1106"/>
      <c r="AG1739" s="1106"/>
      <c r="AH1739" s="1106"/>
      <c r="AL1739" s="1106"/>
      <c r="AO1739" s="1106"/>
      <c r="AP1739" s="1106"/>
      <c r="AT1739" s="1106"/>
      <c r="AU1739" s="1106"/>
      <c r="AV1739" s="1106"/>
      <c r="AW1739" s="1106"/>
      <c r="AX1739" s="1106"/>
      <c r="AY1739" s="1106"/>
      <c r="AZ1739" s="1106"/>
      <c r="BA1739" s="1106"/>
      <c r="BB1739" s="1106"/>
      <c r="BC1739" s="1106"/>
      <c r="BD1739" s="1106"/>
      <c r="BE1739" s="1106"/>
      <c r="BF1739" s="1106"/>
      <c r="BG1739" s="1106"/>
      <c r="BH1739" s="1106"/>
      <c r="BI1739" s="1106"/>
      <c r="BJ1739" s="1106"/>
      <c r="BK1739" s="1106"/>
      <c r="BL1739" s="1106"/>
      <c r="BM1739" s="1106"/>
      <c r="BN1739" s="1106"/>
      <c r="BO1739" s="1106"/>
      <c r="BP1739" s="1106"/>
      <c r="BQ1739" s="1106"/>
      <c r="BR1739" s="1106"/>
      <c r="BS1739" s="1106"/>
      <c r="BT1739" s="1106"/>
      <c r="BU1739" s="1106"/>
      <c r="BV1739" s="1106"/>
      <c r="BW1739" s="1106"/>
      <c r="BX1739" s="1106"/>
      <c r="BY1739" s="1106"/>
      <c r="BZ1739" s="1106"/>
      <c r="CA1739" s="1106"/>
    </row>
    <row r="1740" spans="3:79" ht="9" customHeight="1" x14ac:dyDescent="0.2">
      <c r="C1740" s="1106"/>
      <c r="D1740" s="1106"/>
      <c r="E1740" s="1106"/>
      <c r="F1740" s="1106"/>
      <c r="G1740" s="1106"/>
      <c r="H1740" s="1106"/>
      <c r="I1740" s="1106"/>
      <c r="J1740" s="1106"/>
      <c r="K1740" s="1106"/>
      <c r="L1740" s="1106"/>
      <c r="M1740" s="1106"/>
      <c r="N1740" s="1106"/>
      <c r="O1740" s="1106"/>
      <c r="U1740" s="1106"/>
      <c r="AB1740" s="1106"/>
      <c r="AC1740" s="1106"/>
      <c r="AD1740" s="1106"/>
      <c r="AE1740" s="1106"/>
      <c r="AF1740" s="1106"/>
      <c r="AG1740" s="1106"/>
      <c r="AH1740" s="1106"/>
      <c r="AL1740" s="1106"/>
      <c r="AT1740" s="1106"/>
      <c r="AU1740" s="1106"/>
      <c r="AV1740" s="1106"/>
      <c r="AW1740" s="1106"/>
      <c r="AX1740" s="1106"/>
      <c r="AY1740" s="1106"/>
      <c r="AZ1740" s="1106"/>
      <c r="BA1740" s="1106"/>
      <c r="BB1740" s="1106"/>
      <c r="BC1740" s="1106"/>
      <c r="BD1740" s="1106"/>
      <c r="BE1740" s="1106"/>
      <c r="BF1740" s="1106"/>
      <c r="BG1740" s="1106"/>
      <c r="BH1740" s="1106"/>
      <c r="BI1740" s="1106"/>
      <c r="BJ1740" s="1106"/>
      <c r="BK1740" s="1106"/>
      <c r="BL1740" s="1106"/>
      <c r="BM1740" s="1106"/>
      <c r="BN1740" s="1106"/>
      <c r="BO1740" s="1106"/>
      <c r="BP1740" s="1106"/>
      <c r="BQ1740" s="1106"/>
      <c r="BR1740" s="1106"/>
      <c r="BS1740" s="1106"/>
      <c r="BT1740" s="1106"/>
      <c r="BU1740" s="1106"/>
      <c r="BV1740" s="1106"/>
      <c r="BW1740" s="1106"/>
      <c r="BX1740" s="1106"/>
      <c r="BY1740" s="1106"/>
      <c r="BZ1740" s="1106"/>
      <c r="CA1740" s="1106"/>
    </row>
    <row r="1741" spans="3:79" ht="9" customHeight="1" x14ac:dyDescent="0.2">
      <c r="C1741" s="1106"/>
      <c r="D1741" s="1106"/>
      <c r="E1741" s="1106"/>
      <c r="F1741" s="1106"/>
      <c r="G1741" s="1106"/>
      <c r="H1741" s="1106"/>
      <c r="I1741" s="1106"/>
      <c r="J1741" s="1106"/>
      <c r="K1741" s="1106"/>
      <c r="L1741" s="1106"/>
      <c r="M1741" s="1106"/>
      <c r="N1741" s="1106"/>
      <c r="O1741" s="1106"/>
      <c r="AB1741" s="1106"/>
      <c r="AC1741" s="1106"/>
      <c r="AD1741" s="1106"/>
      <c r="AE1741" s="1106"/>
      <c r="AF1741" s="1106"/>
      <c r="AG1741" s="1106"/>
      <c r="AH1741" s="1106"/>
      <c r="AL1741" s="1106"/>
      <c r="AZ1741" s="1106"/>
      <c r="BA1741" s="1106"/>
      <c r="BB1741" s="1106"/>
      <c r="BC1741" s="1106"/>
      <c r="BD1741" s="1106"/>
      <c r="BE1741" s="1106"/>
      <c r="BF1741" s="1106"/>
      <c r="BG1741" s="1106"/>
      <c r="BH1741" s="1106"/>
      <c r="BI1741" s="1106"/>
      <c r="BJ1741" s="1106"/>
      <c r="BK1741" s="1106"/>
      <c r="BL1741" s="1106"/>
      <c r="BM1741" s="1106"/>
      <c r="BN1741" s="1106"/>
      <c r="BO1741" s="1106"/>
      <c r="BP1741" s="1106"/>
      <c r="BQ1741" s="1106"/>
      <c r="BR1741" s="1106"/>
      <c r="BS1741" s="1106"/>
      <c r="BT1741" s="1106"/>
      <c r="BU1741" s="1106"/>
      <c r="BV1741" s="1106"/>
      <c r="BW1741" s="1106"/>
      <c r="BX1741" s="1106"/>
      <c r="BY1741" s="1106"/>
      <c r="BZ1741" s="1106"/>
      <c r="CA1741" s="1106"/>
    </row>
    <row r="1742" spans="3:79" ht="9" customHeight="1" x14ac:dyDescent="0.2">
      <c r="C1742" s="1106"/>
      <c r="D1742" s="1106"/>
      <c r="E1742" s="1106"/>
      <c r="F1742" s="1106"/>
      <c r="G1742" s="1106"/>
      <c r="H1742" s="1106"/>
      <c r="I1742" s="1106"/>
      <c r="J1742" s="1106"/>
      <c r="K1742" s="1106"/>
      <c r="L1742" s="1106"/>
      <c r="M1742" s="1106"/>
      <c r="N1742" s="1106"/>
      <c r="O1742" s="1106"/>
      <c r="AB1742" s="1106"/>
      <c r="AC1742" s="1106"/>
      <c r="AD1742" s="1106"/>
      <c r="AE1742" s="1106"/>
      <c r="AF1742" s="1106"/>
      <c r="AG1742" s="1106"/>
      <c r="AH1742" s="1106"/>
      <c r="AL1742" s="1106"/>
      <c r="AZ1742" s="1106"/>
      <c r="BA1742" s="1106"/>
      <c r="BB1742" s="1106"/>
      <c r="BC1742" s="1106"/>
      <c r="BD1742" s="1106"/>
      <c r="BE1742" s="1106"/>
      <c r="BF1742" s="1106"/>
      <c r="BG1742" s="1106"/>
      <c r="BH1742" s="1106"/>
      <c r="BI1742" s="1106"/>
      <c r="BJ1742" s="1106"/>
      <c r="BK1742" s="1106"/>
      <c r="BL1742" s="1106"/>
      <c r="BM1742" s="1106"/>
      <c r="BN1742" s="1106"/>
      <c r="BO1742" s="1106"/>
      <c r="BP1742" s="1106"/>
      <c r="BQ1742" s="1106"/>
      <c r="BR1742" s="1106"/>
      <c r="BS1742" s="1106"/>
      <c r="BT1742" s="1106"/>
      <c r="BU1742" s="1106"/>
      <c r="BV1742" s="1106"/>
      <c r="BW1742" s="1106"/>
      <c r="BX1742" s="1106"/>
      <c r="BY1742" s="1106"/>
      <c r="BZ1742" s="1106"/>
      <c r="CA1742" s="1106"/>
    </row>
    <row r="1743" spans="3:79" ht="9" customHeight="1" x14ac:dyDescent="0.2">
      <c r="C1743" s="1106"/>
      <c r="D1743" s="1106"/>
      <c r="E1743" s="1106"/>
      <c r="F1743" s="1106"/>
      <c r="G1743" s="1106"/>
      <c r="H1743" s="1106"/>
      <c r="I1743" s="1106"/>
      <c r="J1743" s="1106"/>
      <c r="K1743" s="1106"/>
      <c r="L1743" s="1106"/>
      <c r="M1743" s="1106"/>
      <c r="N1743" s="1106"/>
      <c r="O1743" s="1106"/>
      <c r="AB1743" s="1106"/>
      <c r="AC1743" s="1106"/>
      <c r="AD1743" s="1106"/>
      <c r="AE1743" s="1106"/>
      <c r="AF1743" s="1106"/>
      <c r="AG1743" s="1106"/>
      <c r="AH1743" s="1106"/>
      <c r="AL1743" s="1106"/>
      <c r="AZ1743" s="1106"/>
      <c r="BA1743" s="1106"/>
      <c r="BB1743" s="1106"/>
      <c r="BC1743" s="1106"/>
      <c r="BD1743" s="1106"/>
      <c r="BE1743" s="1106"/>
      <c r="BF1743" s="1106"/>
      <c r="BG1743" s="1106"/>
      <c r="BH1743" s="1106"/>
      <c r="BI1743" s="1106"/>
      <c r="BJ1743" s="1106"/>
      <c r="BK1743" s="1106"/>
      <c r="BL1743" s="1106"/>
      <c r="BM1743" s="1106"/>
      <c r="BN1743" s="1106"/>
      <c r="BO1743" s="1106"/>
      <c r="BP1743" s="1106"/>
      <c r="BQ1743" s="1106"/>
      <c r="BR1743" s="1106"/>
      <c r="BS1743" s="1106"/>
      <c r="BT1743" s="1106"/>
      <c r="BU1743" s="1106"/>
      <c r="BV1743" s="1106"/>
      <c r="BW1743" s="1106"/>
      <c r="BX1743" s="1106"/>
      <c r="BY1743" s="1106"/>
      <c r="BZ1743" s="1106"/>
      <c r="CA1743" s="1106"/>
    </row>
    <row r="1744" spans="3:79" ht="9" customHeight="1" x14ac:dyDescent="0.2">
      <c r="C1744" s="1106"/>
      <c r="D1744" s="1106"/>
      <c r="E1744" s="1106"/>
      <c r="F1744" s="1106"/>
      <c r="G1744" s="1106"/>
      <c r="H1744" s="1106"/>
      <c r="I1744" s="1106"/>
      <c r="J1744" s="1106"/>
      <c r="K1744" s="1106"/>
      <c r="L1744" s="1106"/>
      <c r="M1744" s="1106"/>
      <c r="N1744" s="1106"/>
      <c r="O1744" s="1106"/>
      <c r="U1744" s="1106"/>
      <c r="AB1744" s="1106"/>
      <c r="AC1744" s="1106"/>
      <c r="AD1744" s="1106"/>
      <c r="AE1744" s="1106"/>
      <c r="AF1744" s="1106"/>
      <c r="AG1744" s="1106"/>
      <c r="AH1744" s="1106"/>
      <c r="AL1744" s="1106"/>
      <c r="AT1744" s="1106"/>
      <c r="AU1744" s="1106"/>
      <c r="AV1744" s="1106"/>
      <c r="AW1744" s="1106"/>
      <c r="AX1744" s="1106"/>
      <c r="AY1744" s="1106"/>
      <c r="AZ1744" s="1106"/>
      <c r="BA1744" s="1106"/>
      <c r="BB1744" s="1106"/>
      <c r="BC1744" s="1106"/>
      <c r="BD1744" s="1106"/>
      <c r="BE1744" s="1106"/>
      <c r="BF1744" s="1106"/>
      <c r="BG1744" s="1106"/>
      <c r="BH1744" s="1106"/>
      <c r="BI1744" s="1106"/>
      <c r="BJ1744" s="1106"/>
      <c r="BK1744" s="1106"/>
      <c r="BL1744" s="1106"/>
      <c r="BM1744" s="1106"/>
      <c r="BN1744" s="1106"/>
      <c r="BO1744" s="1106"/>
      <c r="BP1744" s="1106"/>
      <c r="BQ1744" s="1106"/>
      <c r="BR1744" s="1106"/>
      <c r="BS1744" s="1106"/>
      <c r="BT1744" s="1106"/>
      <c r="BU1744" s="1106"/>
      <c r="BV1744" s="1106"/>
      <c r="BW1744" s="1106"/>
      <c r="BX1744" s="1106"/>
      <c r="BY1744" s="1106"/>
      <c r="BZ1744" s="1106"/>
      <c r="CA1744" s="1106"/>
    </row>
    <row r="1745" spans="3:79" ht="9" customHeight="1" x14ac:dyDescent="0.2">
      <c r="C1745" s="1106"/>
      <c r="D1745" s="1106"/>
      <c r="E1745" s="1106"/>
      <c r="F1745" s="1106"/>
      <c r="G1745" s="1106"/>
      <c r="H1745" s="1106"/>
      <c r="I1745" s="1106"/>
      <c r="J1745" s="1106"/>
      <c r="K1745" s="1106"/>
      <c r="L1745" s="1106"/>
      <c r="M1745" s="1106"/>
      <c r="N1745" s="1106"/>
      <c r="O1745" s="1106"/>
      <c r="U1745" s="1106"/>
      <c r="AB1745" s="1106"/>
      <c r="AC1745" s="1106"/>
      <c r="AD1745" s="1106"/>
      <c r="AE1745" s="1106"/>
      <c r="AF1745" s="1106"/>
      <c r="AG1745" s="1106"/>
      <c r="AH1745" s="1106"/>
      <c r="AL1745" s="1106"/>
      <c r="AO1745" s="1106"/>
      <c r="AP1745" s="1106"/>
      <c r="AT1745" s="1106"/>
      <c r="AU1745" s="1106"/>
      <c r="AV1745" s="1106"/>
      <c r="AW1745" s="1106"/>
      <c r="AX1745" s="1106"/>
      <c r="AY1745" s="1106"/>
      <c r="AZ1745" s="1106"/>
      <c r="BA1745" s="1106"/>
      <c r="BB1745" s="1106"/>
      <c r="BC1745" s="1106"/>
      <c r="BD1745" s="1106"/>
      <c r="BE1745" s="1106"/>
      <c r="BF1745" s="1106"/>
      <c r="BG1745" s="1106"/>
      <c r="BH1745" s="1106"/>
      <c r="BI1745" s="1106"/>
      <c r="BJ1745" s="1106"/>
      <c r="BK1745" s="1106"/>
      <c r="BL1745" s="1106"/>
      <c r="BM1745" s="1106"/>
      <c r="BN1745" s="1106"/>
      <c r="BO1745" s="1106"/>
      <c r="BP1745" s="1106"/>
      <c r="BQ1745" s="1106"/>
      <c r="BR1745" s="1106"/>
      <c r="BS1745" s="1106"/>
      <c r="BT1745" s="1106"/>
      <c r="BU1745" s="1106"/>
      <c r="BV1745" s="1106"/>
      <c r="BW1745" s="1106"/>
      <c r="BX1745" s="1106"/>
      <c r="BY1745" s="1106"/>
      <c r="BZ1745" s="1106"/>
      <c r="CA1745" s="1106"/>
    </row>
    <row r="1746" spans="3:79" ht="9" customHeight="1" x14ac:dyDescent="0.2">
      <c r="C1746" s="1106"/>
      <c r="D1746" s="1106"/>
      <c r="E1746" s="1106"/>
      <c r="F1746" s="1106"/>
      <c r="G1746" s="1106"/>
      <c r="H1746" s="1106"/>
      <c r="I1746" s="1106"/>
      <c r="J1746" s="1106"/>
      <c r="K1746" s="1106"/>
      <c r="L1746" s="1106"/>
      <c r="M1746" s="1106"/>
      <c r="N1746" s="1106"/>
      <c r="O1746" s="1106"/>
      <c r="U1746" s="1106"/>
      <c r="AB1746" s="1106"/>
      <c r="AC1746" s="1106"/>
      <c r="AD1746" s="1106"/>
      <c r="AE1746" s="1106"/>
      <c r="AF1746" s="1106"/>
      <c r="AG1746" s="1106"/>
      <c r="AH1746" s="1106"/>
      <c r="AL1746" s="1106"/>
      <c r="AT1746" s="1106"/>
      <c r="AU1746" s="1106"/>
      <c r="AV1746" s="1106"/>
      <c r="AW1746" s="1106"/>
      <c r="AX1746" s="1106"/>
      <c r="AY1746" s="1106"/>
      <c r="AZ1746" s="1106"/>
      <c r="BA1746" s="1106"/>
      <c r="BB1746" s="1106"/>
      <c r="BC1746" s="1106"/>
      <c r="BD1746" s="1106"/>
      <c r="BE1746" s="1106"/>
      <c r="BF1746" s="1106"/>
      <c r="BG1746" s="1106"/>
      <c r="BH1746" s="1106"/>
      <c r="BI1746" s="1106"/>
      <c r="BJ1746" s="1106"/>
      <c r="BK1746" s="1106"/>
      <c r="BL1746" s="1106"/>
      <c r="BM1746" s="1106"/>
      <c r="BN1746" s="1106"/>
      <c r="BO1746" s="1106"/>
      <c r="BP1746" s="1106"/>
      <c r="BQ1746" s="1106"/>
      <c r="BR1746" s="1106"/>
      <c r="BS1746" s="1106"/>
      <c r="BT1746" s="1106"/>
      <c r="BU1746" s="1106"/>
      <c r="BV1746" s="1106"/>
      <c r="BW1746" s="1106"/>
      <c r="BX1746" s="1106"/>
      <c r="BY1746" s="1106"/>
      <c r="BZ1746" s="1106"/>
      <c r="CA1746" s="1106"/>
    </row>
    <row r="1747" spans="3:79" ht="9" customHeight="1" x14ac:dyDescent="0.2">
      <c r="C1747" s="1106"/>
      <c r="D1747" s="1106"/>
      <c r="E1747" s="1106"/>
      <c r="F1747" s="1106"/>
      <c r="G1747" s="1106"/>
      <c r="H1747" s="1106"/>
      <c r="I1747" s="1106"/>
      <c r="J1747" s="1106"/>
      <c r="K1747" s="1106"/>
      <c r="L1747" s="1106"/>
      <c r="M1747" s="1106"/>
      <c r="N1747" s="1106"/>
      <c r="O1747" s="1106"/>
      <c r="AB1747" s="1106"/>
      <c r="AC1747" s="1106"/>
      <c r="AD1747" s="1106"/>
      <c r="AE1747" s="1106"/>
      <c r="AF1747" s="1106"/>
      <c r="AG1747" s="1106"/>
      <c r="AH1747" s="1106"/>
      <c r="AL1747" s="1106"/>
      <c r="AZ1747" s="1106"/>
      <c r="BA1747" s="1106"/>
      <c r="BB1747" s="1106"/>
      <c r="BC1747" s="1106"/>
      <c r="BD1747" s="1106"/>
      <c r="BE1747" s="1106"/>
      <c r="BF1747" s="1106"/>
      <c r="BG1747" s="1106"/>
      <c r="BH1747" s="1106"/>
      <c r="BI1747" s="1106"/>
      <c r="BJ1747" s="1106"/>
      <c r="BK1747" s="1106"/>
      <c r="BL1747" s="1106"/>
      <c r="BM1747" s="1106"/>
      <c r="BN1747" s="1106"/>
      <c r="BO1747" s="1106"/>
      <c r="BP1747" s="1106"/>
      <c r="BQ1747" s="1106"/>
      <c r="BR1747" s="1106"/>
      <c r="BS1747" s="1106"/>
      <c r="BT1747" s="1106"/>
      <c r="BU1747" s="1106"/>
      <c r="BV1747" s="1106"/>
      <c r="BW1747" s="1106"/>
      <c r="BX1747" s="1106"/>
      <c r="BY1747" s="1106"/>
      <c r="BZ1747" s="1106"/>
      <c r="CA1747" s="1106"/>
    </row>
    <row r="1748" spans="3:79" ht="9" customHeight="1" x14ac:dyDescent="0.2">
      <c r="C1748" s="1106"/>
      <c r="D1748" s="1106"/>
      <c r="E1748" s="1106"/>
      <c r="F1748" s="1106"/>
      <c r="G1748" s="1106"/>
      <c r="H1748" s="1106"/>
      <c r="I1748" s="1106"/>
      <c r="J1748" s="1106"/>
      <c r="K1748" s="1106"/>
      <c r="L1748" s="1106"/>
      <c r="M1748" s="1106"/>
      <c r="N1748" s="1106"/>
      <c r="O1748" s="1106"/>
      <c r="AB1748" s="1106"/>
      <c r="AC1748" s="1106"/>
      <c r="AD1748" s="1106"/>
      <c r="AE1748" s="1106"/>
      <c r="AF1748" s="1106"/>
      <c r="AG1748" s="1106"/>
      <c r="AH1748" s="1106"/>
      <c r="AL1748" s="1106"/>
      <c r="AZ1748" s="1106"/>
      <c r="BA1748" s="1106"/>
      <c r="BB1748" s="1106"/>
      <c r="BC1748" s="1106"/>
      <c r="BD1748" s="1106"/>
      <c r="BE1748" s="1106"/>
      <c r="BF1748" s="1106"/>
      <c r="BG1748" s="1106"/>
      <c r="BH1748" s="1106"/>
      <c r="BI1748" s="1106"/>
      <c r="BJ1748" s="1106"/>
      <c r="BK1748" s="1106"/>
      <c r="BL1748" s="1106"/>
      <c r="BM1748" s="1106"/>
      <c r="BN1748" s="1106"/>
      <c r="BO1748" s="1106"/>
      <c r="BP1748" s="1106"/>
      <c r="BQ1748" s="1106"/>
      <c r="BR1748" s="1106"/>
      <c r="BS1748" s="1106"/>
      <c r="BT1748" s="1106"/>
      <c r="BU1748" s="1106"/>
      <c r="BV1748" s="1106"/>
      <c r="BW1748" s="1106"/>
      <c r="BX1748" s="1106"/>
      <c r="BY1748" s="1106"/>
      <c r="BZ1748" s="1106"/>
      <c r="CA1748" s="1106"/>
    </row>
    <row r="1749" spans="3:79" ht="9" customHeight="1" x14ac:dyDescent="0.2">
      <c r="C1749" s="1106"/>
      <c r="D1749" s="1106"/>
      <c r="E1749" s="1106"/>
      <c r="F1749" s="1106"/>
      <c r="G1749" s="1106"/>
      <c r="H1749" s="1106"/>
      <c r="I1749" s="1106"/>
      <c r="J1749" s="1106"/>
      <c r="K1749" s="1106"/>
      <c r="L1749" s="1106"/>
      <c r="M1749" s="1106"/>
      <c r="N1749" s="1106"/>
      <c r="O1749" s="1106"/>
      <c r="AB1749" s="1106"/>
      <c r="AC1749" s="1106"/>
      <c r="AD1749" s="1106"/>
      <c r="AE1749" s="1106"/>
      <c r="AF1749" s="1106"/>
      <c r="AG1749" s="1106"/>
      <c r="AH1749" s="1106"/>
      <c r="AL1749" s="1106"/>
      <c r="AZ1749" s="1106"/>
      <c r="BA1749" s="1106"/>
      <c r="BB1749" s="1106"/>
      <c r="BC1749" s="1106"/>
      <c r="BD1749" s="1106"/>
      <c r="BE1749" s="1106"/>
      <c r="BF1749" s="1106"/>
      <c r="BG1749" s="1106"/>
      <c r="BH1749" s="1106"/>
      <c r="BI1749" s="1106"/>
      <c r="BJ1749" s="1106"/>
      <c r="BK1749" s="1106"/>
      <c r="BL1749" s="1106"/>
      <c r="BM1749" s="1106"/>
      <c r="BN1749" s="1106"/>
      <c r="BO1749" s="1106"/>
      <c r="BP1749" s="1106"/>
      <c r="BQ1749" s="1106"/>
      <c r="BR1749" s="1106"/>
      <c r="BS1749" s="1106"/>
      <c r="BT1749" s="1106"/>
      <c r="BU1749" s="1106"/>
      <c r="BV1749" s="1106"/>
      <c r="BW1749" s="1106"/>
      <c r="BX1749" s="1106"/>
      <c r="BY1749" s="1106"/>
      <c r="BZ1749" s="1106"/>
      <c r="CA1749" s="1106"/>
    </row>
    <row r="1750" spans="3:79" ht="9" customHeight="1" x14ac:dyDescent="0.2">
      <c r="C1750" s="1106"/>
      <c r="D1750" s="1106"/>
      <c r="E1750" s="1106"/>
      <c r="F1750" s="1106"/>
      <c r="G1750" s="1106"/>
      <c r="H1750" s="1106"/>
      <c r="I1750" s="1106"/>
      <c r="J1750" s="1106"/>
      <c r="K1750" s="1106"/>
      <c r="L1750" s="1106"/>
      <c r="M1750" s="1106"/>
      <c r="N1750" s="1106"/>
      <c r="O1750" s="1106"/>
      <c r="U1750" s="1106"/>
      <c r="AB1750" s="1106"/>
      <c r="AC1750" s="1106"/>
      <c r="AD1750" s="1106"/>
      <c r="AE1750" s="1106"/>
      <c r="AF1750" s="1106"/>
      <c r="AG1750" s="1106"/>
      <c r="AH1750" s="1106"/>
      <c r="AL1750" s="1106"/>
      <c r="AT1750" s="1106"/>
      <c r="AU1750" s="1106"/>
      <c r="AV1750" s="1106"/>
      <c r="AW1750" s="1106"/>
      <c r="AX1750" s="1106"/>
      <c r="AY1750" s="1106"/>
      <c r="AZ1750" s="1106"/>
      <c r="BA1750" s="1106"/>
      <c r="BB1750" s="1106"/>
      <c r="BC1750" s="1106"/>
      <c r="BD1750" s="1106"/>
      <c r="BE1750" s="1106"/>
      <c r="BF1750" s="1106"/>
      <c r="BG1750" s="1106"/>
      <c r="BH1750" s="1106"/>
      <c r="BI1750" s="1106"/>
      <c r="BJ1750" s="1106"/>
      <c r="BK1750" s="1106"/>
      <c r="BL1750" s="1106"/>
      <c r="BM1750" s="1106"/>
      <c r="BN1750" s="1106"/>
      <c r="BO1750" s="1106"/>
      <c r="BP1750" s="1106"/>
      <c r="BQ1750" s="1106"/>
      <c r="BR1750" s="1106"/>
      <c r="BS1750" s="1106"/>
      <c r="BT1750" s="1106"/>
      <c r="BU1750" s="1106"/>
      <c r="BV1750" s="1106"/>
      <c r="BW1750" s="1106"/>
      <c r="BX1750" s="1106"/>
      <c r="BY1750" s="1106"/>
      <c r="BZ1750" s="1106"/>
      <c r="CA1750" s="1106"/>
    </row>
    <row r="1751" spans="3:79" ht="9" customHeight="1" x14ac:dyDescent="0.2">
      <c r="C1751" s="1106"/>
      <c r="D1751" s="1106"/>
      <c r="E1751" s="1106"/>
      <c r="F1751" s="1106"/>
      <c r="G1751" s="1106"/>
      <c r="H1751" s="1106"/>
      <c r="I1751" s="1106"/>
      <c r="J1751" s="1106"/>
      <c r="K1751" s="1106"/>
      <c r="L1751" s="1106"/>
      <c r="M1751" s="1106"/>
      <c r="N1751" s="1106"/>
      <c r="O1751" s="1106"/>
      <c r="U1751" s="1106"/>
      <c r="AB1751" s="1106"/>
      <c r="AC1751" s="1106"/>
      <c r="AD1751" s="1106"/>
      <c r="AE1751" s="1106"/>
      <c r="AF1751" s="1106"/>
      <c r="AG1751" s="1106"/>
      <c r="AH1751" s="1106"/>
      <c r="AL1751" s="1106"/>
      <c r="AO1751" s="1106"/>
      <c r="AP1751" s="1106"/>
      <c r="AT1751" s="1106"/>
      <c r="AU1751" s="1106"/>
      <c r="AV1751" s="1106"/>
      <c r="AW1751" s="1106"/>
      <c r="AX1751" s="1106"/>
      <c r="AY1751" s="1106"/>
      <c r="AZ1751" s="1106"/>
      <c r="BA1751" s="1106"/>
      <c r="BB1751" s="1106"/>
      <c r="BC1751" s="1106"/>
      <c r="BD1751" s="1106"/>
      <c r="BE1751" s="1106"/>
      <c r="BF1751" s="1106"/>
      <c r="BG1751" s="1106"/>
      <c r="BH1751" s="1106"/>
      <c r="BI1751" s="1106"/>
      <c r="BJ1751" s="1106"/>
      <c r="BK1751" s="1106"/>
      <c r="BL1751" s="1106"/>
      <c r="BM1751" s="1106"/>
      <c r="BN1751" s="1106"/>
      <c r="BO1751" s="1106"/>
      <c r="BP1751" s="1106"/>
      <c r="BQ1751" s="1106"/>
      <c r="BR1751" s="1106"/>
      <c r="BS1751" s="1106"/>
      <c r="BT1751" s="1106"/>
      <c r="BU1751" s="1106"/>
      <c r="BV1751" s="1106"/>
      <c r="BW1751" s="1106"/>
      <c r="BX1751" s="1106"/>
      <c r="BY1751" s="1106"/>
      <c r="BZ1751" s="1106"/>
      <c r="CA1751" s="1106"/>
    </row>
    <row r="1752" spans="3:79" ht="9" customHeight="1" x14ac:dyDescent="0.2">
      <c r="C1752" s="1106"/>
      <c r="D1752" s="1106"/>
      <c r="E1752" s="1106"/>
      <c r="F1752" s="1106"/>
      <c r="G1752" s="1106"/>
      <c r="H1752" s="1106"/>
      <c r="I1752" s="1106"/>
      <c r="J1752" s="1106"/>
      <c r="K1752" s="1106"/>
      <c r="L1752" s="1106"/>
      <c r="M1752" s="1106"/>
      <c r="N1752" s="1106"/>
      <c r="O1752" s="1106"/>
      <c r="U1752" s="1106"/>
      <c r="AB1752" s="1106"/>
      <c r="AC1752" s="1106"/>
      <c r="AD1752" s="1106"/>
      <c r="AE1752" s="1106"/>
      <c r="AF1752" s="1106"/>
      <c r="AG1752" s="1106"/>
      <c r="AH1752" s="1106"/>
      <c r="AL1752" s="1106"/>
      <c r="AT1752" s="1106"/>
      <c r="AU1752" s="1106"/>
      <c r="AV1752" s="1106"/>
      <c r="AW1752" s="1106"/>
      <c r="AX1752" s="1106"/>
      <c r="AY1752" s="1106"/>
      <c r="AZ1752" s="1106"/>
      <c r="BA1752" s="1106"/>
      <c r="BB1752" s="1106"/>
      <c r="BC1752" s="1106"/>
      <c r="BD1752" s="1106"/>
      <c r="BE1752" s="1106"/>
      <c r="BF1752" s="1106"/>
      <c r="BG1752" s="1106"/>
      <c r="BH1752" s="1106"/>
      <c r="BI1752" s="1106"/>
      <c r="BJ1752" s="1106"/>
      <c r="BK1752" s="1106"/>
      <c r="BL1752" s="1106"/>
      <c r="BM1752" s="1106"/>
      <c r="BN1752" s="1106"/>
      <c r="BO1752" s="1106"/>
      <c r="BP1752" s="1106"/>
      <c r="BQ1752" s="1106"/>
      <c r="BR1752" s="1106"/>
      <c r="BS1752" s="1106"/>
      <c r="BT1752" s="1106"/>
      <c r="BU1752" s="1106"/>
      <c r="BV1752" s="1106"/>
      <c r="BW1752" s="1106"/>
      <c r="BX1752" s="1106"/>
      <c r="BY1752" s="1106"/>
      <c r="BZ1752" s="1106"/>
      <c r="CA1752" s="1106"/>
    </row>
    <row r="1753" spans="3:79" ht="9" customHeight="1" x14ac:dyDescent="0.2">
      <c r="C1753" s="1106"/>
      <c r="D1753" s="1106"/>
      <c r="E1753" s="1106"/>
      <c r="F1753" s="1106"/>
      <c r="G1753" s="1106"/>
      <c r="H1753" s="1106"/>
      <c r="I1753" s="1106"/>
      <c r="J1753" s="1106"/>
      <c r="K1753" s="1106"/>
      <c r="L1753" s="1106"/>
      <c r="M1753" s="1106"/>
      <c r="N1753" s="1106"/>
      <c r="O1753" s="1106"/>
      <c r="AB1753" s="1106"/>
      <c r="AC1753" s="1106"/>
      <c r="AD1753" s="1106"/>
      <c r="AE1753" s="1106"/>
      <c r="AF1753" s="1106"/>
      <c r="AG1753" s="1106"/>
      <c r="AH1753" s="1106"/>
      <c r="AL1753" s="1106"/>
      <c r="AZ1753" s="1106"/>
      <c r="BA1753" s="1106"/>
      <c r="BB1753" s="1106"/>
      <c r="BC1753" s="1106"/>
      <c r="BD1753" s="1106"/>
      <c r="BE1753" s="1106"/>
      <c r="BF1753" s="1106"/>
      <c r="BG1753" s="1106"/>
      <c r="BH1753" s="1106"/>
      <c r="BI1753" s="1106"/>
      <c r="BJ1753" s="1106"/>
      <c r="BK1753" s="1106"/>
      <c r="BL1753" s="1106"/>
      <c r="BM1753" s="1106"/>
      <c r="BN1753" s="1106"/>
      <c r="BO1753" s="1106"/>
      <c r="BP1753" s="1106"/>
      <c r="BQ1753" s="1106"/>
      <c r="BR1753" s="1106"/>
      <c r="BS1753" s="1106"/>
      <c r="BT1753" s="1106"/>
      <c r="BU1753" s="1106"/>
      <c r="BV1753" s="1106"/>
      <c r="BW1753" s="1106"/>
      <c r="BX1753" s="1106"/>
      <c r="BY1753" s="1106"/>
      <c r="BZ1753" s="1106"/>
      <c r="CA1753" s="1106"/>
    </row>
    <row r="1754" spans="3:79" ht="9" customHeight="1" x14ac:dyDescent="0.2">
      <c r="C1754" s="1106"/>
      <c r="D1754" s="1106"/>
      <c r="E1754" s="1106"/>
      <c r="F1754" s="1106"/>
      <c r="G1754" s="1106"/>
      <c r="H1754" s="1106"/>
      <c r="I1754" s="1106"/>
      <c r="J1754" s="1106"/>
      <c r="K1754" s="1106"/>
      <c r="L1754" s="1106"/>
      <c r="M1754" s="1106"/>
      <c r="N1754" s="1106"/>
      <c r="O1754" s="1106"/>
      <c r="AB1754" s="1106"/>
      <c r="AC1754" s="1106"/>
      <c r="AD1754" s="1106"/>
      <c r="AE1754" s="1106"/>
      <c r="AF1754" s="1106"/>
      <c r="AG1754" s="1106"/>
      <c r="AH1754" s="1106"/>
      <c r="AL1754" s="1106"/>
      <c r="AZ1754" s="1106"/>
      <c r="BA1754" s="1106"/>
      <c r="BB1754" s="1106"/>
      <c r="BC1754" s="1106"/>
      <c r="BD1754" s="1106"/>
      <c r="BE1754" s="1106"/>
      <c r="BF1754" s="1106"/>
      <c r="BG1754" s="1106"/>
      <c r="BH1754" s="1106"/>
      <c r="BI1754" s="1106"/>
      <c r="BJ1754" s="1106"/>
      <c r="BK1754" s="1106"/>
      <c r="BL1754" s="1106"/>
      <c r="BM1754" s="1106"/>
      <c r="BN1754" s="1106"/>
      <c r="BO1754" s="1106"/>
      <c r="BP1754" s="1106"/>
      <c r="BQ1754" s="1106"/>
      <c r="BR1754" s="1106"/>
      <c r="BS1754" s="1106"/>
      <c r="BT1754" s="1106"/>
      <c r="BU1754" s="1106"/>
      <c r="BV1754" s="1106"/>
      <c r="BW1754" s="1106"/>
      <c r="BX1754" s="1106"/>
      <c r="BY1754" s="1106"/>
      <c r="BZ1754" s="1106"/>
      <c r="CA1754" s="1106"/>
    </row>
    <row r="1755" spans="3:79" ht="9" customHeight="1" x14ac:dyDescent="0.2">
      <c r="C1755" s="1106"/>
      <c r="D1755" s="1106"/>
      <c r="E1755" s="1106"/>
      <c r="F1755" s="1106"/>
      <c r="G1755" s="1106"/>
      <c r="H1755" s="1106"/>
      <c r="I1755" s="1106"/>
      <c r="J1755" s="1106"/>
      <c r="K1755" s="1106"/>
      <c r="L1755" s="1106"/>
      <c r="M1755" s="1106"/>
      <c r="N1755" s="1106"/>
      <c r="O1755" s="1106"/>
      <c r="AB1755" s="1106"/>
      <c r="AC1755" s="1106"/>
      <c r="AD1755" s="1106"/>
      <c r="AE1755" s="1106"/>
      <c r="AF1755" s="1106"/>
      <c r="AG1755" s="1106"/>
      <c r="AH1755" s="1106"/>
      <c r="AL1755" s="1106"/>
      <c r="AZ1755" s="1106"/>
      <c r="BA1755" s="1106"/>
      <c r="BB1755" s="1106"/>
      <c r="BC1755" s="1106"/>
      <c r="BD1755" s="1106"/>
      <c r="BE1755" s="1106"/>
      <c r="BF1755" s="1106"/>
      <c r="BG1755" s="1106"/>
      <c r="BH1755" s="1106"/>
      <c r="BI1755" s="1106"/>
      <c r="BJ1755" s="1106"/>
      <c r="BK1755" s="1106"/>
      <c r="BL1755" s="1106"/>
      <c r="BM1755" s="1106"/>
      <c r="BN1755" s="1106"/>
      <c r="BO1755" s="1106"/>
      <c r="BP1755" s="1106"/>
      <c r="BQ1755" s="1106"/>
      <c r="BR1755" s="1106"/>
      <c r="BS1755" s="1106"/>
      <c r="BT1755" s="1106"/>
      <c r="BU1755" s="1106"/>
      <c r="BV1755" s="1106"/>
      <c r="BW1755" s="1106"/>
      <c r="BX1755" s="1106"/>
      <c r="BY1755" s="1106"/>
      <c r="BZ1755" s="1106"/>
      <c r="CA1755" s="1106"/>
    </row>
    <row r="1756" spans="3:79" ht="9" customHeight="1" x14ac:dyDescent="0.2">
      <c r="C1756" s="1106"/>
      <c r="D1756" s="1106"/>
      <c r="E1756" s="1106"/>
      <c r="F1756" s="1106"/>
      <c r="G1756" s="1106"/>
      <c r="H1756" s="1106"/>
      <c r="I1756" s="1106"/>
      <c r="J1756" s="1106"/>
      <c r="K1756" s="1106"/>
      <c r="L1756" s="1106"/>
      <c r="M1756" s="1106"/>
      <c r="N1756" s="1106"/>
      <c r="O1756" s="1106"/>
      <c r="U1756" s="1106"/>
      <c r="AB1756" s="1106"/>
      <c r="AC1756" s="1106"/>
      <c r="AD1756" s="1106"/>
      <c r="AE1756" s="1106"/>
      <c r="AF1756" s="1106"/>
      <c r="AG1756" s="1106"/>
      <c r="AH1756" s="1106"/>
      <c r="AL1756" s="1106"/>
      <c r="AT1756" s="1106"/>
      <c r="AU1756" s="1106"/>
      <c r="AV1756" s="1106"/>
      <c r="AW1756" s="1106"/>
      <c r="AX1756" s="1106"/>
      <c r="AY1756" s="1106"/>
      <c r="AZ1756" s="1106"/>
      <c r="BA1756" s="1106"/>
      <c r="BB1756" s="1106"/>
      <c r="BC1756" s="1106"/>
      <c r="BD1756" s="1106"/>
      <c r="BE1756" s="1106"/>
      <c r="BF1756" s="1106"/>
      <c r="BG1756" s="1106"/>
      <c r="BH1756" s="1106"/>
      <c r="BI1756" s="1106"/>
      <c r="BJ1756" s="1106"/>
      <c r="BK1756" s="1106"/>
      <c r="BL1756" s="1106"/>
      <c r="BM1756" s="1106"/>
      <c r="BN1756" s="1106"/>
      <c r="BO1756" s="1106"/>
      <c r="BP1756" s="1106"/>
      <c r="BQ1756" s="1106"/>
      <c r="BR1756" s="1106"/>
      <c r="BS1756" s="1106"/>
      <c r="BT1756" s="1106"/>
      <c r="BU1756" s="1106"/>
      <c r="BV1756" s="1106"/>
      <c r="BW1756" s="1106"/>
      <c r="BX1756" s="1106"/>
      <c r="BY1756" s="1106"/>
      <c r="BZ1756" s="1106"/>
      <c r="CA1756" s="1106"/>
    </row>
    <row r="1757" spans="3:79" ht="9" customHeight="1" x14ac:dyDescent="0.2">
      <c r="C1757" s="1106"/>
      <c r="D1757" s="1106"/>
      <c r="E1757" s="1106"/>
      <c r="F1757" s="1106"/>
      <c r="G1757" s="1106"/>
      <c r="H1757" s="1106"/>
      <c r="I1757" s="1106"/>
      <c r="J1757" s="1106"/>
      <c r="K1757" s="1106"/>
      <c r="L1757" s="1106"/>
      <c r="M1757" s="1106"/>
      <c r="N1757" s="1106"/>
      <c r="O1757" s="1106"/>
      <c r="U1757" s="1106"/>
      <c r="AB1757" s="1106"/>
      <c r="AC1757" s="1106"/>
      <c r="AD1757" s="1106"/>
      <c r="AE1757" s="1106"/>
      <c r="AF1757" s="1106"/>
      <c r="AG1757" s="1106"/>
      <c r="AH1757" s="1106"/>
      <c r="AL1757" s="1106"/>
      <c r="AO1757" s="1106"/>
      <c r="AP1757" s="1106"/>
      <c r="AT1757" s="1106"/>
      <c r="AU1757" s="1106"/>
      <c r="AV1757" s="1106"/>
      <c r="AW1757" s="1106"/>
      <c r="AX1757" s="1106"/>
      <c r="AY1757" s="1106"/>
      <c r="AZ1757" s="1106"/>
      <c r="BA1757" s="1106"/>
      <c r="BB1757" s="1106"/>
      <c r="BC1757" s="1106"/>
      <c r="BD1757" s="1106"/>
      <c r="BE1757" s="1106"/>
      <c r="BF1757" s="1106"/>
      <c r="BG1757" s="1106"/>
      <c r="BH1757" s="1106"/>
      <c r="BI1757" s="1106"/>
      <c r="BJ1757" s="1106"/>
      <c r="BK1757" s="1106"/>
      <c r="BL1757" s="1106"/>
      <c r="BM1757" s="1106"/>
      <c r="BN1757" s="1106"/>
      <c r="BO1757" s="1106"/>
      <c r="BP1757" s="1106"/>
      <c r="BQ1757" s="1106"/>
      <c r="BR1757" s="1106"/>
      <c r="BS1757" s="1106"/>
      <c r="BT1757" s="1106"/>
      <c r="BU1757" s="1106"/>
      <c r="BV1757" s="1106"/>
      <c r="BW1757" s="1106"/>
      <c r="BX1757" s="1106"/>
      <c r="BY1757" s="1106"/>
      <c r="BZ1757" s="1106"/>
      <c r="CA1757" s="1106"/>
    </row>
    <row r="1758" spans="3:79" ht="9" customHeight="1" x14ac:dyDescent="0.2">
      <c r="C1758" s="1106"/>
      <c r="D1758" s="1106"/>
      <c r="E1758" s="1106"/>
      <c r="F1758" s="1106"/>
      <c r="G1758" s="1106"/>
      <c r="H1758" s="1106"/>
      <c r="I1758" s="1106"/>
      <c r="J1758" s="1106"/>
      <c r="K1758" s="1106"/>
      <c r="L1758" s="1106"/>
      <c r="M1758" s="1106"/>
      <c r="N1758" s="1106"/>
      <c r="O1758" s="1106"/>
      <c r="U1758" s="1106"/>
      <c r="AB1758" s="1106"/>
      <c r="AC1758" s="1106"/>
      <c r="AD1758" s="1106"/>
      <c r="AE1758" s="1106"/>
      <c r="AF1758" s="1106"/>
      <c r="AG1758" s="1106"/>
      <c r="AH1758" s="1106"/>
      <c r="AL1758" s="1106"/>
      <c r="AT1758" s="1106"/>
      <c r="AU1758" s="1106"/>
      <c r="AV1758" s="1106"/>
      <c r="AW1758" s="1106"/>
      <c r="AX1758" s="1106"/>
      <c r="AY1758" s="1106"/>
      <c r="AZ1758" s="1106"/>
      <c r="BA1758" s="1106"/>
      <c r="BB1758" s="1106"/>
      <c r="BC1758" s="1106"/>
      <c r="BD1758" s="1106"/>
      <c r="BE1758" s="1106"/>
      <c r="BF1758" s="1106"/>
      <c r="BG1758" s="1106"/>
      <c r="BH1758" s="1106"/>
      <c r="BI1758" s="1106"/>
      <c r="BJ1758" s="1106"/>
      <c r="BK1758" s="1106"/>
      <c r="BL1758" s="1106"/>
      <c r="BM1758" s="1106"/>
      <c r="BN1758" s="1106"/>
      <c r="BO1758" s="1106"/>
      <c r="BP1758" s="1106"/>
      <c r="BQ1758" s="1106"/>
      <c r="BR1758" s="1106"/>
      <c r="BS1758" s="1106"/>
      <c r="BT1758" s="1106"/>
      <c r="BU1758" s="1106"/>
      <c r="BV1758" s="1106"/>
      <c r="BW1758" s="1106"/>
      <c r="BX1758" s="1106"/>
      <c r="BY1758" s="1106"/>
      <c r="BZ1758" s="1106"/>
      <c r="CA1758" s="1106"/>
    </row>
    <row r="1759" spans="3:79" ht="9" customHeight="1" x14ac:dyDescent="0.2">
      <c r="C1759" s="1106"/>
      <c r="D1759" s="1106"/>
      <c r="E1759" s="1106"/>
      <c r="F1759" s="1106"/>
      <c r="G1759" s="1106"/>
      <c r="H1759" s="1106"/>
      <c r="I1759" s="1106"/>
      <c r="J1759" s="1106"/>
      <c r="K1759" s="1106"/>
      <c r="L1759" s="1106"/>
      <c r="M1759" s="1106"/>
      <c r="N1759" s="1106"/>
      <c r="O1759" s="1106"/>
      <c r="AB1759" s="1106"/>
      <c r="AC1759" s="1106"/>
      <c r="AD1759" s="1106"/>
      <c r="AE1759" s="1106"/>
      <c r="AF1759" s="1106"/>
      <c r="AG1759" s="1106"/>
      <c r="AH1759" s="1106"/>
      <c r="AL1759" s="1106"/>
      <c r="AZ1759" s="1106"/>
      <c r="BA1759" s="1106"/>
      <c r="BB1759" s="1106"/>
      <c r="BC1759" s="1106"/>
      <c r="BD1759" s="1106"/>
      <c r="BE1759" s="1106"/>
      <c r="BF1759" s="1106"/>
      <c r="BG1759" s="1106"/>
      <c r="BH1759" s="1106"/>
      <c r="BI1759" s="1106"/>
      <c r="BJ1759" s="1106"/>
      <c r="BK1759" s="1106"/>
      <c r="BL1759" s="1106"/>
      <c r="BM1759" s="1106"/>
      <c r="BN1759" s="1106"/>
      <c r="BO1759" s="1106"/>
      <c r="BP1759" s="1106"/>
      <c r="BQ1759" s="1106"/>
      <c r="BR1759" s="1106"/>
      <c r="BS1759" s="1106"/>
      <c r="BT1759" s="1106"/>
      <c r="BU1759" s="1106"/>
      <c r="BV1759" s="1106"/>
      <c r="BW1759" s="1106"/>
      <c r="BX1759" s="1106"/>
      <c r="BY1759" s="1106"/>
      <c r="BZ1759" s="1106"/>
      <c r="CA1759" s="1106"/>
    </row>
    <row r="1760" spans="3:79" ht="9" customHeight="1" x14ac:dyDescent="0.2">
      <c r="C1760" s="1106"/>
      <c r="D1760" s="1106"/>
      <c r="E1760" s="1106"/>
      <c r="F1760" s="1106"/>
      <c r="G1760" s="1106"/>
      <c r="H1760" s="1106"/>
      <c r="I1760" s="1106"/>
      <c r="J1760" s="1106"/>
      <c r="K1760" s="1106"/>
      <c r="L1760" s="1106"/>
      <c r="M1760" s="1106"/>
      <c r="N1760" s="1106"/>
      <c r="O1760" s="1106"/>
      <c r="AB1760" s="1106"/>
      <c r="AC1760" s="1106"/>
      <c r="AD1760" s="1106"/>
      <c r="AE1760" s="1106"/>
      <c r="AF1760" s="1106"/>
      <c r="AG1760" s="1106"/>
      <c r="AH1760" s="1106"/>
      <c r="AL1760" s="1106"/>
      <c r="AZ1760" s="1106"/>
      <c r="BA1760" s="1106"/>
      <c r="BB1760" s="1106"/>
      <c r="BC1760" s="1106"/>
      <c r="BD1760" s="1106"/>
      <c r="BE1760" s="1106"/>
      <c r="BF1760" s="1106"/>
      <c r="BG1760" s="1106"/>
      <c r="BH1760" s="1106"/>
      <c r="BI1760" s="1106"/>
      <c r="BJ1760" s="1106"/>
      <c r="BK1760" s="1106"/>
      <c r="BL1760" s="1106"/>
      <c r="BM1760" s="1106"/>
      <c r="BN1760" s="1106"/>
      <c r="BO1760" s="1106"/>
      <c r="BP1760" s="1106"/>
      <c r="BQ1760" s="1106"/>
      <c r="BR1760" s="1106"/>
      <c r="BS1760" s="1106"/>
      <c r="BT1760" s="1106"/>
      <c r="BU1760" s="1106"/>
      <c r="BV1760" s="1106"/>
      <c r="BW1760" s="1106"/>
      <c r="BX1760" s="1106"/>
      <c r="BY1760" s="1106"/>
      <c r="BZ1760" s="1106"/>
      <c r="CA1760" s="1106"/>
    </row>
    <row r="1761" spans="3:79" ht="9" customHeight="1" x14ac:dyDescent="0.2">
      <c r="C1761" s="1106"/>
      <c r="D1761" s="1106"/>
      <c r="E1761" s="1106"/>
      <c r="F1761" s="1106"/>
      <c r="G1761" s="1106"/>
      <c r="H1761" s="1106"/>
      <c r="I1761" s="1106"/>
      <c r="J1761" s="1106"/>
      <c r="K1761" s="1106"/>
      <c r="L1761" s="1106"/>
      <c r="M1761" s="1106"/>
      <c r="N1761" s="1106"/>
      <c r="O1761" s="1106"/>
      <c r="AB1761" s="1106"/>
      <c r="AC1761" s="1106"/>
      <c r="AD1761" s="1106"/>
      <c r="AE1761" s="1106"/>
      <c r="AF1761" s="1106"/>
      <c r="AG1761" s="1106"/>
      <c r="AH1761" s="1106"/>
      <c r="AL1761" s="1106"/>
      <c r="AZ1761" s="1106"/>
      <c r="BA1761" s="1106"/>
      <c r="BB1761" s="1106"/>
      <c r="BC1761" s="1106"/>
      <c r="BD1761" s="1106"/>
      <c r="BE1761" s="1106"/>
      <c r="BF1761" s="1106"/>
      <c r="BG1761" s="1106"/>
      <c r="BH1761" s="1106"/>
      <c r="BI1761" s="1106"/>
      <c r="BJ1761" s="1106"/>
      <c r="BK1761" s="1106"/>
      <c r="BL1761" s="1106"/>
      <c r="BM1761" s="1106"/>
      <c r="BN1761" s="1106"/>
      <c r="BO1761" s="1106"/>
      <c r="BP1761" s="1106"/>
      <c r="BQ1761" s="1106"/>
      <c r="BR1761" s="1106"/>
      <c r="BS1761" s="1106"/>
      <c r="BT1761" s="1106"/>
      <c r="BU1761" s="1106"/>
      <c r="BV1761" s="1106"/>
      <c r="BW1761" s="1106"/>
      <c r="BX1761" s="1106"/>
      <c r="BY1761" s="1106"/>
      <c r="BZ1761" s="1106"/>
      <c r="CA1761" s="1106"/>
    </row>
    <row r="1762" spans="3:79" ht="9" customHeight="1" x14ac:dyDescent="0.2">
      <c r="C1762" s="1106"/>
      <c r="D1762" s="1106"/>
      <c r="E1762" s="1106"/>
      <c r="F1762" s="1106"/>
      <c r="G1762" s="1106"/>
      <c r="H1762" s="1106"/>
      <c r="I1762" s="1106"/>
      <c r="J1762" s="1106"/>
      <c r="K1762" s="1106"/>
      <c r="L1762" s="1106"/>
      <c r="M1762" s="1106"/>
      <c r="N1762" s="1106"/>
      <c r="O1762" s="1106"/>
      <c r="U1762" s="1106"/>
      <c r="AB1762" s="1106"/>
      <c r="AC1762" s="1106"/>
      <c r="AD1762" s="1106"/>
      <c r="AE1762" s="1106"/>
      <c r="AF1762" s="1106"/>
      <c r="AG1762" s="1106"/>
      <c r="AH1762" s="1106"/>
      <c r="AL1762" s="1106"/>
      <c r="AT1762" s="1106"/>
      <c r="AU1762" s="1106"/>
      <c r="AV1762" s="1106"/>
      <c r="AW1762" s="1106"/>
      <c r="AX1762" s="1106"/>
      <c r="AY1762" s="1106"/>
      <c r="AZ1762" s="1106"/>
      <c r="BA1762" s="1106"/>
      <c r="BB1762" s="1106"/>
      <c r="BC1762" s="1106"/>
      <c r="BD1762" s="1106"/>
      <c r="BE1762" s="1106"/>
      <c r="BF1762" s="1106"/>
      <c r="BG1762" s="1106"/>
      <c r="BH1762" s="1106"/>
      <c r="BI1762" s="1106"/>
      <c r="BJ1762" s="1106"/>
      <c r="BK1762" s="1106"/>
      <c r="BL1762" s="1106"/>
      <c r="BM1762" s="1106"/>
      <c r="BN1762" s="1106"/>
      <c r="BO1762" s="1106"/>
      <c r="BP1762" s="1106"/>
      <c r="BQ1762" s="1106"/>
      <c r="BR1762" s="1106"/>
      <c r="BS1762" s="1106"/>
      <c r="BT1762" s="1106"/>
      <c r="BU1762" s="1106"/>
      <c r="BV1762" s="1106"/>
      <c r="BW1762" s="1106"/>
      <c r="BX1762" s="1106"/>
      <c r="BY1762" s="1106"/>
      <c r="BZ1762" s="1106"/>
      <c r="CA1762" s="1106"/>
    </row>
    <row r="1763" spans="3:79" ht="9" customHeight="1" x14ac:dyDescent="0.2">
      <c r="C1763" s="1106"/>
      <c r="D1763" s="1106"/>
      <c r="E1763" s="1106"/>
      <c r="F1763" s="1106"/>
      <c r="G1763" s="1106"/>
      <c r="H1763" s="1106"/>
      <c r="I1763" s="1106"/>
      <c r="J1763" s="1106"/>
      <c r="K1763" s="1106"/>
      <c r="L1763" s="1106"/>
      <c r="M1763" s="1106"/>
      <c r="N1763" s="1106"/>
      <c r="O1763" s="1106"/>
      <c r="U1763" s="1106"/>
      <c r="AB1763" s="1106"/>
      <c r="AC1763" s="1106"/>
      <c r="AD1763" s="1106"/>
      <c r="AE1763" s="1106"/>
      <c r="AF1763" s="1106"/>
      <c r="AG1763" s="1106"/>
      <c r="AH1763" s="1106"/>
      <c r="AL1763" s="1106"/>
      <c r="AO1763" s="1106"/>
      <c r="AP1763" s="1106"/>
      <c r="AT1763" s="1106"/>
      <c r="AU1763" s="1106"/>
      <c r="AV1763" s="1106"/>
      <c r="AW1763" s="1106"/>
      <c r="AX1763" s="1106"/>
      <c r="AY1763" s="1106"/>
      <c r="AZ1763" s="1106"/>
      <c r="BA1763" s="1106"/>
      <c r="BB1763" s="1106"/>
      <c r="BC1763" s="1106"/>
      <c r="BD1763" s="1106"/>
      <c r="BE1763" s="1106"/>
      <c r="BF1763" s="1106"/>
      <c r="BG1763" s="1106"/>
      <c r="BH1763" s="1106"/>
      <c r="BI1763" s="1106"/>
      <c r="BJ1763" s="1106"/>
      <c r="BK1763" s="1106"/>
      <c r="BL1763" s="1106"/>
      <c r="BM1763" s="1106"/>
      <c r="BN1763" s="1106"/>
      <c r="BO1763" s="1106"/>
      <c r="BP1763" s="1106"/>
      <c r="BQ1763" s="1106"/>
      <c r="BR1763" s="1106"/>
      <c r="BS1763" s="1106"/>
      <c r="BT1763" s="1106"/>
      <c r="BU1763" s="1106"/>
      <c r="BV1763" s="1106"/>
      <c r="BW1763" s="1106"/>
      <c r="BX1763" s="1106"/>
      <c r="BY1763" s="1106"/>
      <c r="BZ1763" s="1106"/>
      <c r="CA1763" s="1106"/>
    </row>
    <row r="1764" spans="3:79" ht="9" customHeight="1" x14ac:dyDescent="0.2">
      <c r="C1764" s="1106"/>
      <c r="D1764" s="1106"/>
      <c r="E1764" s="1106"/>
      <c r="F1764" s="1106"/>
      <c r="G1764" s="1106"/>
      <c r="H1764" s="1106"/>
      <c r="I1764" s="1106"/>
      <c r="J1764" s="1106"/>
      <c r="K1764" s="1106"/>
      <c r="L1764" s="1106"/>
      <c r="M1764" s="1106"/>
      <c r="N1764" s="1106"/>
      <c r="O1764" s="1106"/>
      <c r="U1764" s="1106"/>
      <c r="AB1764" s="1106"/>
      <c r="AC1764" s="1106"/>
      <c r="AD1764" s="1106"/>
      <c r="AE1764" s="1106"/>
      <c r="AF1764" s="1106"/>
      <c r="AG1764" s="1106"/>
      <c r="AH1764" s="1106"/>
      <c r="AL1764" s="1106"/>
      <c r="AT1764" s="1106"/>
      <c r="AU1764" s="1106"/>
      <c r="AV1764" s="1106"/>
      <c r="AW1764" s="1106"/>
      <c r="AX1764" s="1106"/>
      <c r="AY1764" s="1106"/>
      <c r="AZ1764" s="1106"/>
      <c r="BA1764" s="1106"/>
      <c r="BB1764" s="1106"/>
      <c r="BC1764" s="1106"/>
      <c r="BD1764" s="1106"/>
      <c r="BE1764" s="1106"/>
      <c r="BF1764" s="1106"/>
      <c r="BG1764" s="1106"/>
      <c r="BH1764" s="1106"/>
      <c r="BI1764" s="1106"/>
      <c r="BJ1764" s="1106"/>
      <c r="BK1764" s="1106"/>
      <c r="BL1764" s="1106"/>
      <c r="BM1764" s="1106"/>
      <c r="BN1764" s="1106"/>
      <c r="BO1764" s="1106"/>
      <c r="BP1764" s="1106"/>
      <c r="BQ1764" s="1106"/>
      <c r="BR1764" s="1106"/>
      <c r="BS1764" s="1106"/>
      <c r="BT1764" s="1106"/>
      <c r="BU1764" s="1106"/>
      <c r="BV1764" s="1106"/>
      <c r="BW1764" s="1106"/>
      <c r="BX1764" s="1106"/>
      <c r="BY1764" s="1106"/>
      <c r="BZ1764" s="1106"/>
      <c r="CA1764" s="1106"/>
    </row>
    <row r="1765" spans="3:79" ht="9" customHeight="1" x14ac:dyDescent="0.2">
      <c r="C1765" s="1106"/>
      <c r="D1765" s="1106"/>
      <c r="E1765" s="1106"/>
      <c r="F1765" s="1106"/>
      <c r="G1765" s="1106"/>
      <c r="H1765" s="1106"/>
      <c r="I1765" s="1106"/>
      <c r="J1765" s="1106"/>
      <c r="K1765" s="1106"/>
      <c r="L1765" s="1106"/>
      <c r="M1765" s="1106"/>
      <c r="N1765" s="1106"/>
      <c r="O1765" s="1106"/>
      <c r="AB1765" s="1106"/>
      <c r="AC1765" s="1106"/>
      <c r="AD1765" s="1106"/>
      <c r="AE1765" s="1106"/>
      <c r="AF1765" s="1106"/>
      <c r="AG1765" s="1106"/>
      <c r="AH1765" s="1106"/>
      <c r="AL1765" s="1106"/>
      <c r="AZ1765" s="1106"/>
      <c r="BA1765" s="1106"/>
      <c r="BB1765" s="1106"/>
      <c r="BC1765" s="1106"/>
      <c r="BD1765" s="1106"/>
      <c r="BE1765" s="1106"/>
      <c r="BF1765" s="1106"/>
      <c r="BG1765" s="1106"/>
      <c r="BH1765" s="1106"/>
      <c r="BI1765" s="1106"/>
      <c r="BJ1765" s="1106"/>
      <c r="BK1765" s="1106"/>
      <c r="BL1765" s="1106"/>
      <c r="BM1765" s="1106"/>
      <c r="BN1765" s="1106"/>
      <c r="BO1765" s="1106"/>
      <c r="BP1765" s="1106"/>
      <c r="BQ1765" s="1106"/>
      <c r="BR1765" s="1106"/>
      <c r="BS1765" s="1106"/>
      <c r="BT1765" s="1106"/>
      <c r="BU1765" s="1106"/>
      <c r="BV1765" s="1106"/>
      <c r="BW1765" s="1106"/>
      <c r="BX1765" s="1106"/>
      <c r="BY1765" s="1106"/>
      <c r="BZ1765" s="1106"/>
      <c r="CA1765" s="1106"/>
    </row>
    <row r="1766" spans="3:79" ht="9" customHeight="1" x14ac:dyDescent="0.2">
      <c r="C1766" s="1106"/>
      <c r="D1766" s="1106"/>
      <c r="E1766" s="1106"/>
      <c r="F1766" s="1106"/>
      <c r="G1766" s="1106"/>
      <c r="H1766" s="1106"/>
      <c r="I1766" s="1106"/>
      <c r="J1766" s="1106"/>
      <c r="K1766" s="1106"/>
      <c r="L1766" s="1106"/>
      <c r="M1766" s="1106"/>
      <c r="N1766" s="1106"/>
      <c r="O1766" s="1106"/>
      <c r="AB1766" s="1106"/>
      <c r="AC1766" s="1106"/>
      <c r="AD1766" s="1106"/>
      <c r="AE1766" s="1106"/>
      <c r="AF1766" s="1106"/>
      <c r="AG1766" s="1106"/>
      <c r="AH1766" s="1106"/>
      <c r="AL1766" s="1106"/>
      <c r="AZ1766" s="1106"/>
      <c r="BA1766" s="1106"/>
      <c r="BB1766" s="1106"/>
      <c r="BC1766" s="1106"/>
      <c r="BD1766" s="1106"/>
      <c r="BE1766" s="1106"/>
      <c r="BF1766" s="1106"/>
      <c r="BG1766" s="1106"/>
      <c r="BH1766" s="1106"/>
      <c r="BI1766" s="1106"/>
      <c r="BJ1766" s="1106"/>
      <c r="BK1766" s="1106"/>
      <c r="BL1766" s="1106"/>
      <c r="BM1766" s="1106"/>
      <c r="BN1766" s="1106"/>
      <c r="BO1766" s="1106"/>
      <c r="BP1766" s="1106"/>
      <c r="BQ1766" s="1106"/>
      <c r="BR1766" s="1106"/>
      <c r="BS1766" s="1106"/>
      <c r="BT1766" s="1106"/>
      <c r="BU1766" s="1106"/>
      <c r="BV1766" s="1106"/>
      <c r="BW1766" s="1106"/>
      <c r="BX1766" s="1106"/>
      <c r="BY1766" s="1106"/>
      <c r="BZ1766" s="1106"/>
      <c r="CA1766" s="1106"/>
    </row>
    <row r="1767" spans="3:79" ht="9" customHeight="1" x14ac:dyDescent="0.2">
      <c r="C1767" s="1106"/>
      <c r="D1767" s="1106"/>
      <c r="E1767" s="1106"/>
      <c r="F1767" s="1106"/>
      <c r="G1767" s="1106"/>
      <c r="H1767" s="1106"/>
      <c r="I1767" s="1106"/>
      <c r="J1767" s="1106"/>
      <c r="K1767" s="1106"/>
      <c r="L1767" s="1106"/>
      <c r="M1767" s="1106"/>
      <c r="N1767" s="1106"/>
      <c r="O1767" s="1106"/>
      <c r="AB1767" s="1106"/>
      <c r="AC1767" s="1106"/>
      <c r="AD1767" s="1106"/>
      <c r="AE1767" s="1106"/>
      <c r="AF1767" s="1106"/>
      <c r="AG1767" s="1106"/>
      <c r="AH1767" s="1106"/>
      <c r="AL1767" s="1106"/>
      <c r="AZ1767" s="1106"/>
      <c r="BA1767" s="1106"/>
      <c r="BB1767" s="1106"/>
      <c r="BC1767" s="1106"/>
      <c r="BD1767" s="1106"/>
      <c r="BE1767" s="1106"/>
      <c r="BF1767" s="1106"/>
      <c r="BG1767" s="1106"/>
      <c r="BH1767" s="1106"/>
      <c r="BI1767" s="1106"/>
      <c r="BJ1767" s="1106"/>
      <c r="BK1767" s="1106"/>
      <c r="BL1767" s="1106"/>
      <c r="BM1767" s="1106"/>
      <c r="BN1767" s="1106"/>
      <c r="BO1767" s="1106"/>
      <c r="BP1767" s="1106"/>
      <c r="BQ1767" s="1106"/>
      <c r="BR1767" s="1106"/>
      <c r="BS1767" s="1106"/>
      <c r="BT1767" s="1106"/>
      <c r="BU1767" s="1106"/>
      <c r="BV1767" s="1106"/>
      <c r="BW1767" s="1106"/>
      <c r="BX1767" s="1106"/>
      <c r="BY1767" s="1106"/>
      <c r="BZ1767" s="1106"/>
      <c r="CA1767" s="1106"/>
    </row>
    <row r="1768" spans="3:79" ht="9" customHeight="1" x14ac:dyDescent="0.2">
      <c r="C1768" s="1106"/>
      <c r="D1768" s="1106"/>
      <c r="E1768" s="1106"/>
      <c r="F1768" s="1106"/>
      <c r="G1768" s="1106"/>
      <c r="H1768" s="1106"/>
      <c r="I1768" s="1106"/>
      <c r="J1768" s="1106"/>
      <c r="K1768" s="1106"/>
      <c r="L1768" s="1106"/>
      <c r="M1768" s="1106"/>
      <c r="N1768" s="1106"/>
      <c r="O1768" s="1106"/>
      <c r="U1768" s="1106"/>
      <c r="AB1768" s="1106"/>
      <c r="AC1768" s="1106"/>
      <c r="AD1768" s="1106"/>
      <c r="AE1768" s="1106"/>
      <c r="AF1768" s="1106"/>
      <c r="AG1768" s="1106"/>
      <c r="AH1768" s="1106"/>
      <c r="AL1768" s="1106"/>
      <c r="AT1768" s="1106"/>
      <c r="AU1768" s="1106"/>
      <c r="AV1768" s="1106"/>
      <c r="AW1768" s="1106"/>
      <c r="AX1768" s="1106"/>
      <c r="AY1768" s="1106"/>
      <c r="AZ1768" s="1106"/>
      <c r="BA1768" s="1106"/>
      <c r="BB1768" s="1106"/>
      <c r="BC1768" s="1106"/>
      <c r="BD1768" s="1106"/>
      <c r="BE1768" s="1106"/>
      <c r="BF1768" s="1106"/>
      <c r="BG1768" s="1106"/>
      <c r="BH1768" s="1106"/>
      <c r="BI1768" s="1106"/>
      <c r="BJ1768" s="1106"/>
      <c r="BK1768" s="1106"/>
      <c r="BL1768" s="1106"/>
      <c r="BM1768" s="1106"/>
      <c r="BN1768" s="1106"/>
      <c r="BO1768" s="1106"/>
      <c r="BP1768" s="1106"/>
      <c r="BQ1768" s="1106"/>
      <c r="BR1768" s="1106"/>
      <c r="BS1768" s="1106"/>
      <c r="BT1768" s="1106"/>
      <c r="BU1768" s="1106"/>
      <c r="BV1768" s="1106"/>
      <c r="BW1768" s="1106"/>
      <c r="BX1768" s="1106"/>
      <c r="BY1768" s="1106"/>
      <c r="BZ1768" s="1106"/>
      <c r="CA1768" s="1106"/>
    </row>
    <row r="1769" spans="3:79" ht="9" customHeight="1" x14ac:dyDescent="0.2">
      <c r="C1769" s="1106"/>
      <c r="D1769" s="1106"/>
      <c r="E1769" s="1106"/>
      <c r="F1769" s="1106"/>
      <c r="G1769" s="1106"/>
      <c r="H1769" s="1106"/>
      <c r="I1769" s="1106"/>
      <c r="J1769" s="1106"/>
      <c r="K1769" s="1106"/>
      <c r="L1769" s="1106"/>
      <c r="M1769" s="1106"/>
      <c r="N1769" s="1106"/>
      <c r="O1769" s="1106"/>
      <c r="U1769" s="1106"/>
      <c r="AB1769" s="1106"/>
      <c r="AC1769" s="1106"/>
      <c r="AD1769" s="1106"/>
      <c r="AE1769" s="1106"/>
      <c r="AF1769" s="1106"/>
      <c r="AG1769" s="1106"/>
      <c r="AH1769" s="1106"/>
      <c r="AL1769" s="1106"/>
      <c r="AO1769" s="1106"/>
      <c r="AP1769" s="1106"/>
      <c r="AT1769" s="1106"/>
      <c r="AU1769" s="1106"/>
      <c r="AV1769" s="1106"/>
      <c r="AW1769" s="1106"/>
      <c r="AX1769" s="1106"/>
      <c r="AY1769" s="1106"/>
      <c r="AZ1769" s="1106"/>
      <c r="BA1769" s="1106"/>
      <c r="BB1769" s="1106"/>
      <c r="BC1769" s="1106"/>
      <c r="BD1769" s="1106"/>
      <c r="BE1769" s="1106"/>
      <c r="BF1769" s="1106"/>
      <c r="BG1769" s="1106"/>
      <c r="BH1769" s="1106"/>
      <c r="BI1769" s="1106"/>
      <c r="BJ1769" s="1106"/>
      <c r="BK1769" s="1106"/>
      <c r="BL1769" s="1106"/>
      <c r="BM1769" s="1106"/>
      <c r="BN1769" s="1106"/>
      <c r="BO1769" s="1106"/>
      <c r="BP1769" s="1106"/>
      <c r="BQ1769" s="1106"/>
      <c r="BR1769" s="1106"/>
      <c r="BS1769" s="1106"/>
      <c r="BT1769" s="1106"/>
      <c r="BU1769" s="1106"/>
      <c r="BV1769" s="1106"/>
      <c r="BW1769" s="1106"/>
      <c r="BX1769" s="1106"/>
      <c r="BY1769" s="1106"/>
      <c r="BZ1769" s="1106"/>
      <c r="CA1769" s="1106"/>
    </row>
    <row r="1770" spans="3:79" ht="9" customHeight="1" x14ac:dyDescent="0.2">
      <c r="C1770" s="1106"/>
      <c r="D1770" s="1106"/>
      <c r="E1770" s="1106"/>
      <c r="F1770" s="1106"/>
      <c r="G1770" s="1106"/>
      <c r="H1770" s="1106"/>
      <c r="I1770" s="1106"/>
      <c r="J1770" s="1106"/>
      <c r="K1770" s="1106"/>
      <c r="L1770" s="1106"/>
      <c r="M1770" s="1106"/>
      <c r="N1770" s="1106"/>
      <c r="O1770" s="1106"/>
      <c r="U1770" s="1106"/>
      <c r="AB1770" s="1106"/>
      <c r="AC1770" s="1106"/>
      <c r="AD1770" s="1106"/>
      <c r="AE1770" s="1106"/>
      <c r="AF1770" s="1106"/>
      <c r="AG1770" s="1106"/>
      <c r="AH1770" s="1106"/>
      <c r="AL1770" s="1106"/>
      <c r="AT1770" s="1106"/>
      <c r="AU1770" s="1106"/>
      <c r="AV1770" s="1106"/>
      <c r="AW1770" s="1106"/>
      <c r="AX1770" s="1106"/>
      <c r="AY1770" s="1106"/>
      <c r="AZ1770" s="1106"/>
      <c r="BA1770" s="1106"/>
      <c r="BB1770" s="1106"/>
      <c r="BC1770" s="1106"/>
      <c r="BD1770" s="1106"/>
      <c r="BE1770" s="1106"/>
      <c r="BF1770" s="1106"/>
      <c r="BG1770" s="1106"/>
      <c r="BH1770" s="1106"/>
      <c r="BI1770" s="1106"/>
      <c r="BJ1770" s="1106"/>
      <c r="BK1770" s="1106"/>
      <c r="BL1770" s="1106"/>
      <c r="BM1770" s="1106"/>
      <c r="BN1770" s="1106"/>
      <c r="BO1770" s="1106"/>
      <c r="BP1770" s="1106"/>
      <c r="BQ1770" s="1106"/>
      <c r="BR1770" s="1106"/>
      <c r="BS1770" s="1106"/>
      <c r="BT1770" s="1106"/>
      <c r="BU1770" s="1106"/>
      <c r="BV1770" s="1106"/>
      <c r="BW1770" s="1106"/>
      <c r="BX1770" s="1106"/>
      <c r="BY1770" s="1106"/>
      <c r="BZ1770" s="1106"/>
      <c r="CA1770" s="1106"/>
    </row>
    <row r="1771" spans="3:79" ht="9" customHeight="1" x14ac:dyDescent="0.2">
      <c r="C1771" s="1106"/>
      <c r="D1771" s="1106"/>
      <c r="E1771" s="1106"/>
      <c r="F1771" s="1106"/>
      <c r="G1771" s="1106"/>
      <c r="H1771" s="1106"/>
      <c r="I1771" s="1106"/>
      <c r="J1771" s="1106"/>
      <c r="K1771" s="1106"/>
      <c r="L1771" s="1106"/>
      <c r="M1771" s="1106"/>
      <c r="N1771" s="1106"/>
      <c r="O1771" s="1106"/>
      <c r="AB1771" s="1106"/>
      <c r="AC1771" s="1106"/>
      <c r="AD1771" s="1106"/>
      <c r="AE1771" s="1106"/>
      <c r="AF1771" s="1106"/>
      <c r="AG1771" s="1106"/>
      <c r="AH1771" s="1106"/>
      <c r="AL1771" s="1106"/>
      <c r="AZ1771" s="1106"/>
      <c r="BA1771" s="1106"/>
      <c r="BB1771" s="1106"/>
      <c r="BC1771" s="1106"/>
      <c r="BD1771" s="1106"/>
      <c r="BE1771" s="1106"/>
      <c r="BF1771" s="1106"/>
      <c r="BG1771" s="1106"/>
      <c r="BH1771" s="1106"/>
      <c r="BI1771" s="1106"/>
      <c r="BJ1771" s="1106"/>
      <c r="BK1771" s="1106"/>
      <c r="BL1771" s="1106"/>
      <c r="BM1771" s="1106"/>
      <c r="BN1771" s="1106"/>
      <c r="BO1771" s="1106"/>
      <c r="BP1771" s="1106"/>
      <c r="BQ1771" s="1106"/>
      <c r="BR1771" s="1106"/>
      <c r="BS1771" s="1106"/>
      <c r="BT1771" s="1106"/>
      <c r="BU1771" s="1106"/>
      <c r="BV1771" s="1106"/>
      <c r="BW1771" s="1106"/>
      <c r="BX1771" s="1106"/>
      <c r="BY1771" s="1106"/>
      <c r="BZ1771" s="1106"/>
      <c r="CA1771" s="1106"/>
    </row>
    <row r="1772" spans="3:79" ht="9" customHeight="1" x14ac:dyDescent="0.2">
      <c r="C1772" s="1106"/>
      <c r="D1772" s="1106"/>
      <c r="E1772" s="1106"/>
      <c r="F1772" s="1106"/>
      <c r="G1772" s="1106"/>
      <c r="H1772" s="1106"/>
      <c r="I1772" s="1106"/>
      <c r="J1772" s="1106"/>
      <c r="K1772" s="1106"/>
      <c r="L1772" s="1106"/>
      <c r="M1772" s="1106"/>
      <c r="N1772" s="1106"/>
      <c r="O1772" s="1106"/>
      <c r="AB1772" s="1106"/>
      <c r="AC1772" s="1106"/>
      <c r="AD1772" s="1106"/>
      <c r="AE1772" s="1106"/>
      <c r="AF1772" s="1106"/>
      <c r="AG1772" s="1106"/>
      <c r="AH1772" s="1106"/>
      <c r="AL1772" s="1106"/>
      <c r="AZ1772" s="1106"/>
      <c r="BA1772" s="1106"/>
      <c r="BB1772" s="1106"/>
      <c r="BC1772" s="1106"/>
      <c r="BD1772" s="1106"/>
      <c r="BE1772" s="1106"/>
      <c r="BF1772" s="1106"/>
      <c r="BG1772" s="1106"/>
      <c r="BH1772" s="1106"/>
      <c r="BI1772" s="1106"/>
      <c r="BJ1772" s="1106"/>
      <c r="BK1772" s="1106"/>
      <c r="BL1772" s="1106"/>
      <c r="BM1772" s="1106"/>
      <c r="BN1772" s="1106"/>
      <c r="BO1772" s="1106"/>
      <c r="BP1772" s="1106"/>
      <c r="BQ1772" s="1106"/>
      <c r="BR1772" s="1106"/>
      <c r="BS1772" s="1106"/>
      <c r="BT1772" s="1106"/>
      <c r="BU1772" s="1106"/>
      <c r="BV1772" s="1106"/>
      <c r="BW1772" s="1106"/>
      <c r="BX1772" s="1106"/>
      <c r="BY1772" s="1106"/>
      <c r="BZ1772" s="1106"/>
      <c r="CA1772" s="1106"/>
    </row>
    <row r="1773" spans="3:79" ht="9" customHeight="1" x14ac:dyDescent="0.2">
      <c r="C1773" s="1106"/>
      <c r="D1773" s="1106"/>
      <c r="E1773" s="1106"/>
      <c r="F1773" s="1106"/>
      <c r="G1773" s="1106"/>
      <c r="H1773" s="1106"/>
      <c r="I1773" s="1106"/>
      <c r="J1773" s="1106"/>
      <c r="K1773" s="1106"/>
      <c r="L1773" s="1106"/>
      <c r="M1773" s="1106"/>
      <c r="N1773" s="1106"/>
      <c r="O1773" s="1106"/>
      <c r="AB1773" s="1106"/>
      <c r="AC1773" s="1106"/>
      <c r="AD1773" s="1106"/>
      <c r="AE1773" s="1106"/>
      <c r="AF1773" s="1106"/>
      <c r="AG1773" s="1106"/>
      <c r="AH1773" s="1106"/>
      <c r="AL1773" s="1106"/>
      <c r="AZ1773" s="1106"/>
      <c r="BA1773" s="1106"/>
      <c r="BB1773" s="1106"/>
      <c r="BC1773" s="1106"/>
      <c r="BD1773" s="1106"/>
      <c r="BE1773" s="1106"/>
      <c r="BF1773" s="1106"/>
      <c r="BG1773" s="1106"/>
      <c r="BH1773" s="1106"/>
      <c r="BI1773" s="1106"/>
      <c r="BJ1773" s="1106"/>
      <c r="BK1773" s="1106"/>
      <c r="BL1773" s="1106"/>
      <c r="BM1773" s="1106"/>
      <c r="BN1773" s="1106"/>
      <c r="BO1773" s="1106"/>
      <c r="BP1773" s="1106"/>
      <c r="BQ1773" s="1106"/>
      <c r="BR1773" s="1106"/>
      <c r="BS1773" s="1106"/>
      <c r="BT1773" s="1106"/>
      <c r="BU1773" s="1106"/>
      <c r="BV1773" s="1106"/>
      <c r="BW1773" s="1106"/>
      <c r="BX1773" s="1106"/>
      <c r="BY1773" s="1106"/>
      <c r="BZ1773" s="1106"/>
      <c r="CA1773" s="1106"/>
    </row>
    <row r="1774" spans="3:79" ht="9" customHeight="1" x14ac:dyDescent="0.2">
      <c r="C1774" s="1106"/>
      <c r="D1774" s="1106"/>
      <c r="E1774" s="1106"/>
      <c r="F1774" s="1106"/>
      <c r="G1774" s="1106"/>
      <c r="H1774" s="1106"/>
      <c r="I1774" s="1106"/>
      <c r="J1774" s="1106"/>
      <c r="K1774" s="1106"/>
      <c r="L1774" s="1106"/>
      <c r="M1774" s="1106"/>
      <c r="N1774" s="1106"/>
      <c r="O1774" s="1106"/>
      <c r="U1774" s="1106"/>
      <c r="AB1774" s="1106"/>
      <c r="AC1774" s="1106"/>
      <c r="AD1774" s="1106"/>
      <c r="AE1774" s="1106"/>
      <c r="AF1774" s="1106"/>
      <c r="AG1774" s="1106"/>
      <c r="AH1774" s="1106"/>
      <c r="AL1774" s="1106"/>
      <c r="AT1774" s="1106"/>
      <c r="AU1774" s="1106"/>
      <c r="AV1774" s="1106"/>
      <c r="AW1774" s="1106"/>
      <c r="AX1774" s="1106"/>
      <c r="AY1774" s="1106"/>
      <c r="AZ1774" s="1106"/>
      <c r="BA1774" s="1106"/>
      <c r="BB1774" s="1106"/>
      <c r="BC1774" s="1106"/>
      <c r="BD1774" s="1106"/>
      <c r="BE1774" s="1106"/>
      <c r="BF1774" s="1106"/>
      <c r="BG1774" s="1106"/>
      <c r="BH1774" s="1106"/>
      <c r="BI1774" s="1106"/>
      <c r="BJ1774" s="1106"/>
      <c r="BK1774" s="1106"/>
      <c r="BL1774" s="1106"/>
      <c r="BM1774" s="1106"/>
      <c r="BN1774" s="1106"/>
      <c r="BO1774" s="1106"/>
      <c r="BP1774" s="1106"/>
      <c r="BQ1774" s="1106"/>
      <c r="BR1774" s="1106"/>
      <c r="BS1774" s="1106"/>
      <c r="BT1774" s="1106"/>
      <c r="BU1774" s="1106"/>
      <c r="BV1774" s="1106"/>
      <c r="BW1774" s="1106"/>
      <c r="BX1774" s="1106"/>
      <c r="BY1774" s="1106"/>
      <c r="BZ1774" s="1106"/>
      <c r="CA1774" s="1106"/>
    </row>
    <row r="1775" spans="3:79" ht="9" customHeight="1" x14ac:dyDescent="0.2">
      <c r="C1775" s="1106"/>
      <c r="D1775" s="1106"/>
      <c r="E1775" s="1106"/>
      <c r="F1775" s="1106"/>
      <c r="G1775" s="1106"/>
      <c r="H1775" s="1106"/>
      <c r="I1775" s="1106"/>
      <c r="J1775" s="1106"/>
      <c r="K1775" s="1106"/>
      <c r="L1775" s="1106"/>
      <c r="M1775" s="1106"/>
      <c r="N1775" s="1106"/>
      <c r="O1775" s="1106"/>
      <c r="U1775" s="1106"/>
      <c r="AB1775" s="1106"/>
      <c r="AC1775" s="1106"/>
      <c r="AD1775" s="1106"/>
      <c r="AE1775" s="1106"/>
      <c r="AF1775" s="1106"/>
      <c r="AG1775" s="1106"/>
      <c r="AH1775" s="1106"/>
      <c r="AL1775" s="1106"/>
      <c r="AO1775" s="1106"/>
      <c r="AP1775" s="1106"/>
      <c r="AT1775" s="1106"/>
      <c r="AU1775" s="1106"/>
      <c r="AV1775" s="1106"/>
      <c r="AW1775" s="1106"/>
      <c r="AX1775" s="1106"/>
      <c r="AY1775" s="1106"/>
      <c r="AZ1775" s="1106"/>
      <c r="BA1775" s="1106"/>
      <c r="BB1775" s="1106"/>
      <c r="BC1775" s="1106"/>
      <c r="BD1775" s="1106"/>
      <c r="BE1775" s="1106"/>
      <c r="BF1775" s="1106"/>
      <c r="BG1775" s="1106"/>
      <c r="BH1775" s="1106"/>
      <c r="BI1775" s="1106"/>
      <c r="BJ1775" s="1106"/>
      <c r="BK1775" s="1106"/>
      <c r="BL1775" s="1106"/>
      <c r="BM1775" s="1106"/>
      <c r="BN1775" s="1106"/>
      <c r="BO1775" s="1106"/>
      <c r="BP1775" s="1106"/>
      <c r="BQ1775" s="1106"/>
      <c r="BR1775" s="1106"/>
      <c r="BS1775" s="1106"/>
      <c r="BT1775" s="1106"/>
      <c r="BU1775" s="1106"/>
      <c r="BV1775" s="1106"/>
      <c r="BW1775" s="1106"/>
      <c r="BX1775" s="1106"/>
      <c r="BY1775" s="1106"/>
      <c r="BZ1775" s="1106"/>
      <c r="CA1775" s="1106"/>
    </row>
    <row r="1776" spans="3:79" ht="9" customHeight="1" x14ac:dyDescent="0.2">
      <c r="C1776" s="1106"/>
      <c r="D1776" s="1106"/>
      <c r="E1776" s="1106"/>
      <c r="F1776" s="1106"/>
      <c r="G1776" s="1106"/>
      <c r="H1776" s="1106"/>
      <c r="I1776" s="1106"/>
      <c r="J1776" s="1106"/>
      <c r="K1776" s="1106"/>
      <c r="L1776" s="1106"/>
      <c r="M1776" s="1106"/>
      <c r="N1776" s="1106"/>
      <c r="O1776" s="1106"/>
      <c r="U1776" s="1106"/>
      <c r="AB1776" s="1106"/>
      <c r="AC1776" s="1106"/>
      <c r="AD1776" s="1106"/>
      <c r="AE1776" s="1106"/>
      <c r="AF1776" s="1106"/>
      <c r="AG1776" s="1106"/>
      <c r="AH1776" s="1106"/>
      <c r="AL1776" s="1106"/>
      <c r="AT1776" s="1106"/>
      <c r="AU1776" s="1106"/>
      <c r="AV1776" s="1106"/>
      <c r="AW1776" s="1106"/>
      <c r="AX1776" s="1106"/>
      <c r="AY1776" s="1106"/>
      <c r="AZ1776" s="1106"/>
      <c r="BA1776" s="1106"/>
      <c r="BB1776" s="1106"/>
      <c r="BC1776" s="1106"/>
      <c r="BD1776" s="1106"/>
      <c r="BE1776" s="1106"/>
      <c r="BF1776" s="1106"/>
      <c r="BG1776" s="1106"/>
      <c r="BH1776" s="1106"/>
      <c r="BI1776" s="1106"/>
      <c r="BJ1776" s="1106"/>
      <c r="BK1776" s="1106"/>
      <c r="BL1776" s="1106"/>
      <c r="BM1776" s="1106"/>
      <c r="BN1776" s="1106"/>
      <c r="BO1776" s="1106"/>
      <c r="BP1776" s="1106"/>
      <c r="BQ1776" s="1106"/>
      <c r="BR1776" s="1106"/>
      <c r="BS1776" s="1106"/>
      <c r="BT1776" s="1106"/>
      <c r="BU1776" s="1106"/>
      <c r="BV1776" s="1106"/>
      <c r="BW1776" s="1106"/>
      <c r="BX1776" s="1106"/>
      <c r="BY1776" s="1106"/>
      <c r="BZ1776" s="1106"/>
      <c r="CA1776" s="1106"/>
    </row>
    <row r="1777" spans="3:79" ht="9" customHeight="1" x14ac:dyDescent="0.2">
      <c r="C1777" s="1106"/>
      <c r="D1777" s="1106"/>
      <c r="E1777" s="1106"/>
      <c r="F1777" s="1106"/>
      <c r="G1777" s="1106"/>
      <c r="H1777" s="1106"/>
      <c r="I1777" s="1106"/>
      <c r="J1777" s="1106"/>
      <c r="K1777" s="1106"/>
      <c r="L1777" s="1106"/>
      <c r="M1777" s="1106"/>
      <c r="N1777" s="1106"/>
      <c r="O1777" s="1106"/>
      <c r="AB1777" s="1106"/>
      <c r="AC1777" s="1106"/>
      <c r="AD1777" s="1106"/>
      <c r="AE1777" s="1106"/>
      <c r="AF1777" s="1106"/>
      <c r="AG1777" s="1106"/>
      <c r="AH1777" s="1106"/>
      <c r="AL1777" s="1106"/>
      <c r="AZ1777" s="1106"/>
      <c r="BA1777" s="1106"/>
      <c r="BB1777" s="1106"/>
      <c r="BC1777" s="1106"/>
      <c r="BD1777" s="1106"/>
      <c r="BE1777" s="1106"/>
      <c r="BF1777" s="1106"/>
      <c r="BG1777" s="1106"/>
      <c r="BH1777" s="1106"/>
      <c r="BI1777" s="1106"/>
      <c r="BJ1777" s="1106"/>
      <c r="BK1777" s="1106"/>
      <c r="BL1777" s="1106"/>
      <c r="BM1777" s="1106"/>
      <c r="BN1777" s="1106"/>
      <c r="BO1777" s="1106"/>
      <c r="BP1777" s="1106"/>
      <c r="BQ1777" s="1106"/>
      <c r="BR1777" s="1106"/>
      <c r="BS1777" s="1106"/>
      <c r="BT1777" s="1106"/>
      <c r="BU1777" s="1106"/>
      <c r="BV1777" s="1106"/>
      <c r="BW1777" s="1106"/>
      <c r="BX1777" s="1106"/>
      <c r="BY1777" s="1106"/>
      <c r="BZ1777" s="1106"/>
      <c r="CA1777" s="1106"/>
    </row>
    <row r="1778" spans="3:79" ht="9" customHeight="1" x14ac:dyDescent="0.2">
      <c r="C1778" s="1106"/>
      <c r="D1778" s="1106"/>
      <c r="E1778" s="1106"/>
      <c r="F1778" s="1106"/>
      <c r="G1778" s="1106"/>
      <c r="H1778" s="1106"/>
      <c r="I1778" s="1106"/>
      <c r="J1778" s="1106"/>
      <c r="K1778" s="1106"/>
      <c r="L1778" s="1106"/>
      <c r="M1778" s="1106"/>
      <c r="N1778" s="1106"/>
      <c r="O1778" s="1106"/>
      <c r="AB1778" s="1106"/>
      <c r="AC1778" s="1106"/>
      <c r="AD1778" s="1106"/>
      <c r="AE1778" s="1106"/>
      <c r="AF1778" s="1106"/>
      <c r="AG1778" s="1106"/>
      <c r="AH1778" s="1106"/>
      <c r="AL1778" s="1106"/>
      <c r="AZ1778" s="1106"/>
      <c r="BA1778" s="1106"/>
      <c r="BB1778" s="1106"/>
      <c r="BC1778" s="1106"/>
      <c r="BD1778" s="1106"/>
      <c r="BE1778" s="1106"/>
      <c r="BF1778" s="1106"/>
      <c r="BG1778" s="1106"/>
      <c r="BH1778" s="1106"/>
      <c r="BI1778" s="1106"/>
      <c r="BJ1778" s="1106"/>
      <c r="BK1778" s="1106"/>
      <c r="BL1778" s="1106"/>
      <c r="BM1778" s="1106"/>
      <c r="BN1778" s="1106"/>
      <c r="BO1778" s="1106"/>
      <c r="BP1778" s="1106"/>
      <c r="BQ1778" s="1106"/>
      <c r="BR1778" s="1106"/>
      <c r="BS1778" s="1106"/>
      <c r="BT1778" s="1106"/>
      <c r="BU1778" s="1106"/>
      <c r="BV1778" s="1106"/>
      <c r="BW1778" s="1106"/>
      <c r="BX1778" s="1106"/>
      <c r="BY1778" s="1106"/>
      <c r="BZ1778" s="1106"/>
      <c r="CA1778" s="1106"/>
    </row>
    <row r="1779" spans="3:79" ht="9" customHeight="1" x14ac:dyDescent="0.2">
      <c r="C1779" s="1106"/>
      <c r="D1779" s="1106"/>
      <c r="E1779" s="1106"/>
      <c r="F1779" s="1106"/>
      <c r="G1779" s="1106"/>
      <c r="H1779" s="1106"/>
      <c r="I1779" s="1106"/>
      <c r="J1779" s="1106"/>
      <c r="K1779" s="1106"/>
      <c r="L1779" s="1106"/>
      <c r="M1779" s="1106"/>
      <c r="N1779" s="1106"/>
      <c r="O1779" s="1106"/>
      <c r="AB1779" s="1106"/>
      <c r="AC1779" s="1106"/>
      <c r="AD1779" s="1106"/>
      <c r="AE1779" s="1106"/>
      <c r="AF1779" s="1106"/>
      <c r="AG1779" s="1106"/>
      <c r="AH1779" s="1106"/>
      <c r="AL1779" s="1106"/>
      <c r="AZ1779" s="1106"/>
      <c r="BA1779" s="1106"/>
      <c r="BB1779" s="1106"/>
      <c r="BC1779" s="1106"/>
      <c r="BD1779" s="1106"/>
      <c r="BE1779" s="1106"/>
      <c r="BF1779" s="1106"/>
      <c r="BG1779" s="1106"/>
      <c r="BH1779" s="1106"/>
      <c r="BI1779" s="1106"/>
      <c r="BJ1779" s="1106"/>
      <c r="BK1779" s="1106"/>
      <c r="BL1779" s="1106"/>
      <c r="BM1779" s="1106"/>
      <c r="BN1779" s="1106"/>
      <c r="BO1779" s="1106"/>
      <c r="BP1779" s="1106"/>
      <c r="BQ1779" s="1106"/>
      <c r="BR1779" s="1106"/>
      <c r="BS1779" s="1106"/>
      <c r="BT1779" s="1106"/>
      <c r="BU1779" s="1106"/>
      <c r="BV1779" s="1106"/>
      <c r="BW1779" s="1106"/>
      <c r="BX1779" s="1106"/>
      <c r="BY1779" s="1106"/>
      <c r="BZ1779" s="1106"/>
      <c r="CA1779" s="1106"/>
    </row>
    <row r="1780" spans="3:79" ht="9" customHeight="1" x14ac:dyDescent="0.2">
      <c r="C1780" s="1106"/>
      <c r="D1780" s="1106"/>
      <c r="E1780" s="1106"/>
      <c r="F1780" s="1106"/>
      <c r="G1780" s="1106"/>
      <c r="H1780" s="1106"/>
      <c r="I1780" s="1106"/>
      <c r="J1780" s="1106"/>
      <c r="K1780" s="1106"/>
      <c r="L1780" s="1106"/>
      <c r="M1780" s="1106"/>
      <c r="N1780" s="1106"/>
      <c r="O1780" s="1106"/>
      <c r="U1780" s="1106"/>
      <c r="AB1780" s="1106"/>
      <c r="AC1780" s="1106"/>
      <c r="AD1780" s="1106"/>
      <c r="AE1780" s="1106"/>
      <c r="AF1780" s="1106"/>
      <c r="AG1780" s="1106"/>
      <c r="AH1780" s="1106"/>
      <c r="AL1780" s="1106"/>
      <c r="AT1780" s="1106"/>
      <c r="AU1780" s="1106"/>
      <c r="AV1780" s="1106"/>
      <c r="AW1780" s="1106"/>
      <c r="AX1780" s="1106"/>
      <c r="AY1780" s="1106"/>
      <c r="AZ1780" s="1106"/>
      <c r="BA1780" s="1106"/>
      <c r="BB1780" s="1106"/>
      <c r="BC1780" s="1106"/>
      <c r="BD1780" s="1106"/>
      <c r="BE1780" s="1106"/>
      <c r="BF1780" s="1106"/>
      <c r="BG1780" s="1106"/>
      <c r="BH1780" s="1106"/>
      <c r="BI1780" s="1106"/>
      <c r="BJ1780" s="1106"/>
      <c r="BK1780" s="1106"/>
      <c r="BL1780" s="1106"/>
      <c r="BM1780" s="1106"/>
      <c r="BN1780" s="1106"/>
      <c r="BO1780" s="1106"/>
      <c r="BP1780" s="1106"/>
      <c r="BQ1780" s="1106"/>
      <c r="BR1780" s="1106"/>
      <c r="BS1780" s="1106"/>
      <c r="BT1780" s="1106"/>
      <c r="BU1780" s="1106"/>
      <c r="BV1780" s="1106"/>
      <c r="BW1780" s="1106"/>
      <c r="BX1780" s="1106"/>
      <c r="BY1780" s="1106"/>
      <c r="BZ1780" s="1106"/>
      <c r="CA1780" s="1106"/>
    </row>
    <row r="1781" spans="3:79" ht="9" customHeight="1" x14ac:dyDescent="0.2">
      <c r="C1781" s="1106"/>
      <c r="D1781" s="1106"/>
      <c r="E1781" s="1106"/>
      <c r="F1781" s="1106"/>
      <c r="G1781" s="1106"/>
      <c r="H1781" s="1106"/>
      <c r="I1781" s="1106"/>
      <c r="J1781" s="1106"/>
      <c r="K1781" s="1106"/>
      <c r="L1781" s="1106"/>
      <c r="M1781" s="1106"/>
      <c r="N1781" s="1106"/>
      <c r="O1781" s="1106"/>
      <c r="U1781" s="1106"/>
      <c r="AB1781" s="1106"/>
      <c r="AC1781" s="1106"/>
      <c r="AD1781" s="1106"/>
      <c r="AE1781" s="1106"/>
      <c r="AF1781" s="1106"/>
      <c r="AG1781" s="1106"/>
      <c r="AH1781" s="1106"/>
      <c r="AL1781" s="1106"/>
      <c r="AO1781" s="1106"/>
      <c r="AP1781" s="1106"/>
      <c r="AT1781" s="1106"/>
      <c r="AU1781" s="1106"/>
      <c r="AV1781" s="1106"/>
      <c r="AW1781" s="1106"/>
      <c r="AX1781" s="1106"/>
      <c r="AY1781" s="1106"/>
      <c r="AZ1781" s="1106"/>
      <c r="BA1781" s="1106"/>
      <c r="BB1781" s="1106"/>
      <c r="BC1781" s="1106"/>
      <c r="BD1781" s="1106"/>
      <c r="BE1781" s="1106"/>
      <c r="BF1781" s="1106"/>
      <c r="BG1781" s="1106"/>
      <c r="BH1781" s="1106"/>
      <c r="BI1781" s="1106"/>
      <c r="BJ1781" s="1106"/>
      <c r="BK1781" s="1106"/>
      <c r="BL1781" s="1106"/>
      <c r="BM1781" s="1106"/>
      <c r="BN1781" s="1106"/>
      <c r="BO1781" s="1106"/>
      <c r="BP1781" s="1106"/>
      <c r="BQ1781" s="1106"/>
      <c r="BR1781" s="1106"/>
      <c r="BS1781" s="1106"/>
      <c r="BT1781" s="1106"/>
      <c r="BU1781" s="1106"/>
      <c r="BV1781" s="1106"/>
      <c r="BW1781" s="1106"/>
      <c r="BX1781" s="1106"/>
      <c r="BY1781" s="1106"/>
      <c r="BZ1781" s="1106"/>
      <c r="CA1781" s="1106"/>
    </row>
    <row r="1782" spans="3:79" ht="9" customHeight="1" x14ac:dyDescent="0.2">
      <c r="C1782" s="1106"/>
      <c r="D1782" s="1106"/>
      <c r="E1782" s="1106"/>
      <c r="F1782" s="1106"/>
      <c r="G1782" s="1106"/>
      <c r="H1782" s="1106"/>
      <c r="I1782" s="1106"/>
      <c r="J1782" s="1106"/>
      <c r="K1782" s="1106"/>
      <c r="L1782" s="1106"/>
      <c r="M1782" s="1106"/>
      <c r="N1782" s="1106"/>
      <c r="O1782" s="1106"/>
      <c r="U1782" s="1106"/>
      <c r="AB1782" s="1106"/>
      <c r="AC1782" s="1106"/>
      <c r="AD1782" s="1106"/>
      <c r="AE1782" s="1106"/>
      <c r="AF1782" s="1106"/>
      <c r="AG1782" s="1106"/>
      <c r="AH1782" s="1106"/>
      <c r="AL1782" s="1106"/>
      <c r="AT1782" s="1106"/>
      <c r="AU1782" s="1106"/>
      <c r="AV1782" s="1106"/>
      <c r="AW1782" s="1106"/>
      <c r="AX1782" s="1106"/>
      <c r="AY1782" s="1106"/>
      <c r="AZ1782" s="1106"/>
      <c r="BA1782" s="1106"/>
      <c r="BB1782" s="1106"/>
      <c r="BC1782" s="1106"/>
      <c r="BD1782" s="1106"/>
      <c r="BE1782" s="1106"/>
      <c r="BF1782" s="1106"/>
      <c r="BG1782" s="1106"/>
      <c r="BH1782" s="1106"/>
      <c r="BI1782" s="1106"/>
      <c r="BJ1782" s="1106"/>
      <c r="BK1782" s="1106"/>
      <c r="BL1782" s="1106"/>
      <c r="BM1782" s="1106"/>
      <c r="BN1782" s="1106"/>
      <c r="BO1782" s="1106"/>
      <c r="BP1782" s="1106"/>
      <c r="BQ1782" s="1106"/>
      <c r="BR1782" s="1106"/>
      <c r="BS1782" s="1106"/>
      <c r="BT1782" s="1106"/>
      <c r="BU1782" s="1106"/>
      <c r="BV1782" s="1106"/>
      <c r="BW1782" s="1106"/>
      <c r="BX1782" s="1106"/>
      <c r="BY1782" s="1106"/>
      <c r="BZ1782" s="1106"/>
      <c r="CA1782" s="1106"/>
    </row>
    <row r="1783" spans="3:79" ht="9" customHeight="1" x14ac:dyDescent="0.2">
      <c r="C1783" s="1106"/>
      <c r="D1783" s="1106"/>
      <c r="E1783" s="1106"/>
      <c r="F1783" s="1106"/>
      <c r="G1783" s="1106"/>
      <c r="H1783" s="1106"/>
      <c r="I1783" s="1106"/>
      <c r="J1783" s="1106"/>
      <c r="K1783" s="1106"/>
      <c r="L1783" s="1106"/>
      <c r="M1783" s="1106"/>
      <c r="N1783" s="1106"/>
      <c r="O1783" s="1106"/>
      <c r="AB1783" s="1106"/>
      <c r="AC1783" s="1106"/>
      <c r="AD1783" s="1106"/>
      <c r="AE1783" s="1106"/>
      <c r="AF1783" s="1106"/>
      <c r="AG1783" s="1106"/>
      <c r="AH1783" s="1106"/>
      <c r="AL1783" s="1106"/>
      <c r="AZ1783" s="1106"/>
      <c r="BA1783" s="1106"/>
      <c r="BB1783" s="1106"/>
      <c r="BC1783" s="1106"/>
      <c r="BD1783" s="1106"/>
      <c r="BE1783" s="1106"/>
      <c r="BF1783" s="1106"/>
      <c r="BG1783" s="1106"/>
      <c r="BH1783" s="1106"/>
      <c r="BI1783" s="1106"/>
      <c r="BJ1783" s="1106"/>
      <c r="BK1783" s="1106"/>
      <c r="BL1783" s="1106"/>
      <c r="BM1783" s="1106"/>
      <c r="BN1783" s="1106"/>
      <c r="BO1783" s="1106"/>
      <c r="BP1783" s="1106"/>
      <c r="BQ1783" s="1106"/>
      <c r="BR1783" s="1106"/>
      <c r="BS1783" s="1106"/>
      <c r="BT1783" s="1106"/>
      <c r="BU1783" s="1106"/>
      <c r="BV1783" s="1106"/>
      <c r="BW1783" s="1106"/>
      <c r="BX1783" s="1106"/>
      <c r="BY1783" s="1106"/>
      <c r="BZ1783" s="1106"/>
      <c r="CA1783" s="1106"/>
    </row>
    <row r="1784" spans="3:79" ht="9" customHeight="1" x14ac:dyDescent="0.2">
      <c r="C1784" s="1106"/>
      <c r="D1784" s="1106"/>
      <c r="E1784" s="1106"/>
      <c r="F1784" s="1106"/>
      <c r="G1784" s="1106"/>
      <c r="H1784" s="1106"/>
      <c r="I1784" s="1106"/>
      <c r="J1784" s="1106"/>
      <c r="K1784" s="1106"/>
      <c r="L1784" s="1106"/>
      <c r="M1784" s="1106"/>
      <c r="N1784" s="1106"/>
      <c r="O1784" s="1106"/>
      <c r="AB1784" s="1106"/>
      <c r="AC1784" s="1106"/>
      <c r="AD1784" s="1106"/>
      <c r="AE1784" s="1106"/>
      <c r="AF1784" s="1106"/>
      <c r="AG1784" s="1106"/>
      <c r="AH1784" s="1106"/>
      <c r="AL1784" s="1106"/>
      <c r="AZ1784" s="1106"/>
      <c r="BA1784" s="1106"/>
      <c r="BB1784" s="1106"/>
      <c r="BC1784" s="1106"/>
      <c r="BD1784" s="1106"/>
      <c r="BE1784" s="1106"/>
      <c r="BF1784" s="1106"/>
      <c r="BG1784" s="1106"/>
      <c r="BH1784" s="1106"/>
      <c r="BI1784" s="1106"/>
      <c r="BJ1784" s="1106"/>
      <c r="BK1784" s="1106"/>
      <c r="BL1784" s="1106"/>
      <c r="BM1784" s="1106"/>
      <c r="BN1784" s="1106"/>
      <c r="BO1784" s="1106"/>
      <c r="BP1784" s="1106"/>
      <c r="BQ1784" s="1106"/>
      <c r="BR1784" s="1106"/>
      <c r="BS1784" s="1106"/>
      <c r="BT1784" s="1106"/>
      <c r="BU1784" s="1106"/>
      <c r="BV1784" s="1106"/>
      <c r="BW1784" s="1106"/>
      <c r="BX1784" s="1106"/>
      <c r="BY1784" s="1106"/>
      <c r="BZ1784" s="1106"/>
      <c r="CA1784" s="1106"/>
    </row>
    <row r="1785" spans="3:79" ht="9" customHeight="1" x14ac:dyDescent="0.2">
      <c r="C1785" s="1106"/>
      <c r="D1785" s="1106"/>
      <c r="E1785" s="1106"/>
      <c r="F1785" s="1106"/>
      <c r="G1785" s="1106"/>
      <c r="H1785" s="1106"/>
      <c r="I1785" s="1106"/>
      <c r="J1785" s="1106"/>
      <c r="K1785" s="1106"/>
      <c r="L1785" s="1106"/>
      <c r="M1785" s="1106"/>
      <c r="N1785" s="1106"/>
      <c r="O1785" s="1106"/>
      <c r="AB1785" s="1106"/>
      <c r="AC1785" s="1106"/>
      <c r="AD1785" s="1106"/>
      <c r="AE1785" s="1106"/>
      <c r="AF1785" s="1106"/>
      <c r="AG1785" s="1106"/>
      <c r="AH1785" s="1106"/>
      <c r="AL1785" s="1106"/>
      <c r="AZ1785" s="1106"/>
      <c r="BA1785" s="1106"/>
      <c r="BB1785" s="1106"/>
      <c r="BC1785" s="1106"/>
      <c r="BD1785" s="1106"/>
      <c r="BE1785" s="1106"/>
      <c r="BF1785" s="1106"/>
      <c r="BG1785" s="1106"/>
      <c r="BH1785" s="1106"/>
      <c r="BI1785" s="1106"/>
      <c r="BJ1785" s="1106"/>
      <c r="BK1785" s="1106"/>
      <c r="BL1785" s="1106"/>
      <c r="BM1785" s="1106"/>
      <c r="BN1785" s="1106"/>
      <c r="BO1785" s="1106"/>
      <c r="BP1785" s="1106"/>
      <c r="BQ1785" s="1106"/>
      <c r="BR1785" s="1106"/>
      <c r="BS1785" s="1106"/>
      <c r="BT1785" s="1106"/>
      <c r="BU1785" s="1106"/>
      <c r="BV1785" s="1106"/>
      <c r="BW1785" s="1106"/>
      <c r="BX1785" s="1106"/>
      <c r="BY1785" s="1106"/>
      <c r="BZ1785" s="1106"/>
      <c r="CA1785" s="1106"/>
    </row>
    <row r="1786" spans="3:79" ht="9" customHeight="1" x14ac:dyDescent="0.2">
      <c r="C1786" s="1106"/>
      <c r="D1786" s="1106"/>
      <c r="E1786" s="1106"/>
      <c r="F1786" s="1106"/>
      <c r="G1786" s="1106"/>
      <c r="H1786" s="1106"/>
      <c r="I1786" s="1106"/>
      <c r="J1786" s="1106"/>
      <c r="K1786" s="1106"/>
      <c r="L1786" s="1106"/>
      <c r="M1786" s="1106"/>
      <c r="N1786" s="1106"/>
      <c r="O1786" s="1106"/>
      <c r="U1786" s="1106"/>
      <c r="AB1786" s="1106"/>
      <c r="AC1786" s="1106"/>
      <c r="AD1786" s="1106"/>
      <c r="AE1786" s="1106"/>
      <c r="AF1786" s="1106"/>
      <c r="AG1786" s="1106"/>
      <c r="AH1786" s="1106"/>
      <c r="AL1786" s="1106"/>
      <c r="AT1786" s="1106"/>
      <c r="AU1786" s="1106"/>
      <c r="AV1786" s="1106"/>
      <c r="AW1786" s="1106"/>
      <c r="AX1786" s="1106"/>
      <c r="AY1786" s="1106"/>
      <c r="AZ1786" s="1106"/>
      <c r="BA1786" s="1106"/>
      <c r="BB1786" s="1106"/>
      <c r="BC1786" s="1106"/>
      <c r="BD1786" s="1106"/>
      <c r="BE1786" s="1106"/>
      <c r="BF1786" s="1106"/>
      <c r="BG1786" s="1106"/>
      <c r="BH1786" s="1106"/>
      <c r="BI1786" s="1106"/>
      <c r="BJ1786" s="1106"/>
      <c r="BK1786" s="1106"/>
      <c r="BL1786" s="1106"/>
      <c r="BM1786" s="1106"/>
      <c r="BN1786" s="1106"/>
      <c r="BO1786" s="1106"/>
      <c r="BP1786" s="1106"/>
      <c r="BQ1786" s="1106"/>
      <c r="BR1786" s="1106"/>
      <c r="BS1786" s="1106"/>
      <c r="BT1786" s="1106"/>
      <c r="BU1786" s="1106"/>
      <c r="BV1786" s="1106"/>
      <c r="BW1786" s="1106"/>
      <c r="BX1786" s="1106"/>
      <c r="BY1786" s="1106"/>
      <c r="BZ1786" s="1106"/>
      <c r="CA1786" s="1106"/>
    </row>
    <row r="1787" spans="3:79" ht="9" customHeight="1" x14ac:dyDescent="0.2">
      <c r="C1787" s="1106"/>
      <c r="D1787" s="1106"/>
      <c r="E1787" s="1106"/>
      <c r="F1787" s="1106"/>
      <c r="G1787" s="1106"/>
      <c r="H1787" s="1106"/>
      <c r="I1787" s="1106"/>
      <c r="J1787" s="1106"/>
      <c r="K1787" s="1106"/>
      <c r="L1787" s="1106"/>
      <c r="M1787" s="1106"/>
      <c r="N1787" s="1106"/>
      <c r="O1787" s="1106"/>
      <c r="U1787" s="1106"/>
      <c r="AB1787" s="1106"/>
      <c r="AC1787" s="1106"/>
      <c r="AD1787" s="1106"/>
      <c r="AE1787" s="1106"/>
      <c r="AF1787" s="1106"/>
      <c r="AG1787" s="1106"/>
      <c r="AH1787" s="1106"/>
      <c r="AL1787" s="1106"/>
      <c r="AO1787" s="1106"/>
      <c r="AP1787" s="1106"/>
      <c r="AT1787" s="1106"/>
      <c r="AU1787" s="1106"/>
      <c r="AV1787" s="1106"/>
      <c r="AW1787" s="1106"/>
      <c r="AX1787" s="1106"/>
      <c r="AY1787" s="1106"/>
      <c r="AZ1787" s="1106"/>
      <c r="BA1787" s="1106"/>
      <c r="BB1787" s="1106"/>
      <c r="BC1787" s="1106"/>
      <c r="BD1787" s="1106"/>
      <c r="BE1787" s="1106"/>
      <c r="BF1787" s="1106"/>
      <c r="BG1787" s="1106"/>
      <c r="BH1787" s="1106"/>
      <c r="BI1787" s="1106"/>
      <c r="BJ1787" s="1106"/>
      <c r="BK1787" s="1106"/>
      <c r="BL1787" s="1106"/>
      <c r="BM1787" s="1106"/>
      <c r="BN1787" s="1106"/>
      <c r="BO1787" s="1106"/>
      <c r="BP1787" s="1106"/>
      <c r="BQ1787" s="1106"/>
      <c r="BR1787" s="1106"/>
      <c r="BS1787" s="1106"/>
      <c r="BT1787" s="1106"/>
      <c r="BU1787" s="1106"/>
      <c r="BV1787" s="1106"/>
      <c r="BW1787" s="1106"/>
      <c r="BX1787" s="1106"/>
      <c r="BY1787" s="1106"/>
      <c r="BZ1787" s="1106"/>
      <c r="CA1787" s="1106"/>
    </row>
    <row r="1788" spans="3:79" ht="9" customHeight="1" x14ac:dyDescent="0.2">
      <c r="C1788" s="1106"/>
      <c r="D1788" s="1106"/>
      <c r="E1788" s="1106"/>
      <c r="F1788" s="1106"/>
      <c r="G1788" s="1106"/>
      <c r="H1788" s="1106"/>
      <c r="I1788" s="1106"/>
      <c r="J1788" s="1106"/>
      <c r="K1788" s="1106"/>
      <c r="L1788" s="1106"/>
      <c r="M1788" s="1106"/>
      <c r="N1788" s="1106"/>
      <c r="O1788" s="1106"/>
      <c r="U1788" s="1106"/>
      <c r="AB1788" s="1106"/>
      <c r="AC1788" s="1106"/>
      <c r="AD1788" s="1106"/>
      <c r="AE1788" s="1106"/>
      <c r="AF1788" s="1106"/>
      <c r="AG1788" s="1106"/>
      <c r="AH1788" s="1106"/>
      <c r="AL1788" s="1106"/>
      <c r="AT1788" s="1106"/>
      <c r="AU1788" s="1106"/>
      <c r="AV1788" s="1106"/>
      <c r="AW1788" s="1106"/>
      <c r="AX1788" s="1106"/>
      <c r="AY1788" s="1106"/>
      <c r="AZ1788" s="1106"/>
      <c r="BA1788" s="1106"/>
      <c r="BB1788" s="1106"/>
      <c r="BC1788" s="1106"/>
      <c r="BD1788" s="1106"/>
      <c r="BE1788" s="1106"/>
      <c r="BF1788" s="1106"/>
      <c r="BG1788" s="1106"/>
      <c r="BH1788" s="1106"/>
      <c r="BI1788" s="1106"/>
      <c r="BJ1788" s="1106"/>
      <c r="BK1788" s="1106"/>
      <c r="BL1788" s="1106"/>
      <c r="BM1788" s="1106"/>
      <c r="BN1788" s="1106"/>
      <c r="BO1788" s="1106"/>
      <c r="BP1788" s="1106"/>
      <c r="BQ1788" s="1106"/>
      <c r="BR1788" s="1106"/>
      <c r="BS1788" s="1106"/>
      <c r="BT1788" s="1106"/>
      <c r="BU1788" s="1106"/>
      <c r="BV1788" s="1106"/>
      <c r="BW1788" s="1106"/>
      <c r="BX1788" s="1106"/>
      <c r="BY1788" s="1106"/>
      <c r="BZ1788" s="1106"/>
      <c r="CA1788" s="1106"/>
    </row>
    <row r="1789" spans="3:79" ht="9" customHeight="1" x14ac:dyDescent="0.2">
      <c r="C1789" s="1106"/>
      <c r="D1789" s="1106"/>
      <c r="E1789" s="1106"/>
      <c r="F1789" s="1106"/>
      <c r="G1789" s="1106"/>
      <c r="H1789" s="1106"/>
      <c r="I1789" s="1106"/>
      <c r="J1789" s="1106"/>
      <c r="K1789" s="1106"/>
      <c r="L1789" s="1106"/>
      <c r="M1789" s="1106"/>
      <c r="N1789" s="1106"/>
      <c r="O1789" s="1106"/>
      <c r="AB1789" s="1106"/>
      <c r="AC1789" s="1106"/>
      <c r="AD1789" s="1106"/>
      <c r="AE1789" s="1106"/>
      <c r="AF1789" s="1106"/>
      <c r="AG1789" s="1106"/>
      <c r="AH1789" s="1106"/>
      <c r="AL1789" s="1106"/>
      <c r="AZ1789" s="1106"/>
      <c r="BA1789" s="1106"/>
      <c r="BB1789" s="1106"/>
      <c r="BC1789" s="1106"/>
      <c r="BD1789" s="1106"/>
      <c r="BE1789" s="1106"/>
      <c r="BF1789" s="1106"/>
      <c r="BG1789" s="1106"/>
      <c r="BH1789" s="1106"/>
      <c r="BI1789" s="1106"/>
      <c r="BJ1789" s="1106"/>
      <c r="BK1789" s="1106"/>
      <c r="BL1789" s="1106"/>
      <c r="BM1789" s="1106"/>
      <c r="BN1789" s="1106"/>
      <c r="BO1789" s="1106"/>
      <c r="BP1789" s="1106"/>
      <c r="BQ1789" s="1106"/>
      <c r="BR1789" s="1106"/>
      <c r="BS1789" s="1106"/>
      <c r="BT1789" s="1106"/>
      <c r="BU1789" s="1106"/>
      <c r="BV1789" s="1106"/>
      <c r="BW1789" s="1106"/>
      <c r="BX1789" s="1106"/>
      <c r="BY1789" s="1106"/>
      <c r="BZ1789" s="1106"/>
      <c r="CA1789" s="1106"/>
    </row>
    <row r="1790" spans="3:79" ht="9" customHeight="1" x14ac:dyDescent="0.2">
      <c r="C1790" s="1106"/>
      <c r="D1790" s="1106"/>
      <c r="E1790" s="1106"/>
      <c r="F1790" s="1106"/>
      <c r="G1790" s="1106"/>
      <c r="H1790" s="1106"/>
      <c r="I1790" s="1106"/>
      <c r="J1790" s="1106"/>
      <c r="K1790" s="1106"/>
      <c r="L1790" s="1106"/>
      <c r="M1790" s="1106"/>
      <c r="N1790" s="1106"/>
      <c r="O1790" s="1106"/>
      <c r="AB1790" s="1106"/>
      <c r="AC1790" s="1106"/>
      <c r="AD1790" s="1106"/>
      <c r="AE1790" s="1106"/>
      <c r="AF1790" s="1106"/>
      <c r="AG1790" s="1106"/>
      <c r="AH1790" s="1106"/>
      <c r="AL1790" s="1106"/>
      <c r="AZ1790" s="1106"/>
      <c r="BA1790" s="1106"/>
      <c r="BB1790" s="1106"/>
      <c r="BC1790" s="1106"/>
      <c r="BD1790" s="1106"/>
      <c r="BE1790" s="1106"/>
      <c r="BF1790" s="1106"/>
      <c r="BG1790" s="1106"/>
      <c r="BH1790" s="1106"/>
      <c r="BI1790" s="1106"/>
      <c r="BJ1790" s="1106"/>
      <c r="BK1790" s="1106"/>
      <c r="BL1790" s="1106"/>
      <c r="BM1790" s="1106"/>
      <c r="BN1790" s="1106"/>
      <c r="BO1790" s="1106"/>
      <c r="BP1790" s="1106"/>
      <c r="BQ1790" s="1106"/>
      <c r="BR1790" s="1106"/>
      <c r="BS1790" s="1106"/>
      <c r="BT1790" s="1106"/>
      <c r="BU1790" s="1106"/>
      <c r="BV1790" s="1106"/>
      <c r="BW1790" s="1106"/>
      <c r="BX1790" s="1106"/>
      <c r="BY1790" s="1106"/>
      <c r="BZ1790" s="1106"/>
      <c r="CA1790" s="1106"/>
    </row>
    <row r="1791" spans="3:79" ht="9" customHeight="1" x14ac:dyDescent="0.2">
      <c r="C1791" s="1106"/>
      <c r="D1791" s="1106"/>
      <c r="E1791" s="1106"/>
      <c r="F1791" s="1106"/>
      <c r="G1791" s="1106"/>
      <c r="H1791" s="1106"/>
      <c r="I1791" s="1106"/>
      <c r="J1791" s="1106"/>
      <c r="K1791" s="1106"/>
      <c r="L1791" s="1106"/>
      <c r="M1791" s="1106"/>
      <c r="N1791" s="1106"/>
      <c r="O1791" s="1106"/>
      <c r="AB1791" s="1106"/>
      <c r="AC1791" s="1106"/>
      <c r="AD1791" s="1106"/>
      <c r="AE1791" s="1106"/>
      <c r="AF1791" s="1106"/>
      <c r="AG1791" s="1106"/>
      <c r="AH1791" s="1106"/>
      <c r="AL1791" s="1106"/>
      <c r="AZ1791" s="1106"/>
      <c r="BA1791" s="1106"/>
      <c r="BB1791" s="1106"/>
      <c r="BC1791" s="1106"/>
      <c r="BD1791" s="1106"/>
      <c r="BE1791" s="1106"/>
      <c r="BF1791" s="1106"/>
      <c r="BG1791" s="1106"/>
      <c r="BH1791" s="1106"/>
      <c r="BI1791" s="1106"/>
      <c r="BJ1791" s="1106"/>
      <c r="BK1791" s="1106"/>
      <c r="BL1791" s="1106"/>
      <c r="BM1791" s="1106"/>
      <c r="BN1791" s="1106"/>
      <c r="BO1791" s="1106"/>
      <c r="BP1791" s="1106"/>
      <c r="BQ1791" s="1106"/>
      <c r="BR1791" s="1106"/>
      <c r="BS1791" s="1106"/>
      <c r="BT1791" s="1106"/>
      <c r="BU1791" s="1106"/>
      <c r="BV1791" s="1106"/>
      <c r="BW1791" s="1106"/>
      <c r="BX1791" s="1106"/>
      <c r="BY1791" s="1106"/>
      <c r="BZ1791" s="1106"/>
      <c r="CA1791" s="1106"/>
    </row>
    <row r="1792" spans="3:79" ht="9" customHeight="1" x14ac:dyDescent="0.2">
      <c r="C1792" s="1106"/>
      <c r="D1792" s="1106"/>
      <c r="E1792" s="1106"/>
      <c r="F1792" s="1106"/>
      <c r="G1792" s="1106"/>
      <c r="H1792" s="1106"/>
      <c r="I1792" s="1106"/>
      <c r="J1792" s="1106"/>
      <c r="K1792" s="1106"/>
      <c r="L1792" s="1106"/>
      <c r="M1792" s="1106"/>
      <c r="N1792" s="1106"/>
      <c r="O1792" s="1106"/>
      <c r="U1792" s="1106"/>
      <c r="AB1792" s="1106"/>
      <c r="AC1792" s="1106"/>
      <c r="AD1792" s="1106"/>
      <c r="AE1792" s="1106"/>
      <c r="AF1792" s="1106"/>
      <c r="AG1792" s="1106"/>
      <c r="AH1792" s="1106"/>
      <c r="AL1792" s="1106"/>
      <c r="AT1792" s="1106"/>
      <c r="AU1792" s="1106"/>
      <c r="AV1792" s="1106"/>
      <c r="AW1792" s="1106"/>
      <c r="AX1792" s="1106"/>
      <c r="AY1792" s="1106"/>
      <c r="AZ1792" s="1106"/>
      <c r="BA1792" s="1106"/>
      <c r="BB1792" s="1106"/>
      <c r="BC1792" s="1106"/>
      <c r="BD1792" s="1106"/>
      <c r="BE1792" s="1106"/>
      <c r="BF1792" s="1106"/>
      <c r="BG1792" s="1106"/>
      <c r="BH1792" s="1106"/>
      <c r="BI1792" s="1106"/>
      <c r="BJ1792" s="1106"/>
      <c r="BK1792" s="1106"/>
      <c r="BL1792" s="1106"/>
      <c r="BM1792" s="1106"/>
      <c r="BN1792" s="1106"/>
      <c r="BO1792" s="1106"/>
      <c r="BP1792" s="1106"/>
      <c r="BQ1792" s="1106"/>
      <c r="BR1792" s="1106"/>
      <c r="BS1792" s="1106"/>
      <c r="BT1792" s="1106"/>
      <c r="BU1792" s="1106"/>
      <c r="BV1792" s="1106"/>
      <c r="BW1792" s="1106"/>
      <c r="BX1792" s="1106"/>
      <c r="BY1792" s="1106"/>
      <c r="BZ1792" s="1106"/>
      <c r="CA1792" s="1106"/>
    </row>
    <row r="1793" spans="3:79" ht="9" customHeight="1" x14ac:dyDescent="0.2">
      <c r="C1793" s="1106"/>
      <c r="D1793" s="1106"/>
      <c r="E1793" s="1106"/>
      <c r="F1793" s="1106"/>
      <c r="G1793" s="1106"/>
      <c r="H1793" s="1106"/>
      <c r="I1793" s="1106"/>
      <c r="J1793" s="1106"/>
      <c r="K1793" s="1106"/>
      <c r="L1793" s="1106"/>
      <c r="M1793" s="1106"/>
      <c r="N1793" s="1106"/>
      <c r="O1793" s="1106"/>
      <c r="U1793" s="1106"/>
      <c r="AB1793" s="1106"/>
      <c r="AC1793" s="1106"/>
      <c r="AD1793" s="1106"/>
      <c r="AE1793" s="1106"/>
      <c r="AF1793" s="1106"/>
      <c r="AG1793" s="1106"/>
      <c r="AH1793" s="1106"/>
      <c r="AL1793" s="1106"/>
      <c r="AO1793" s="1106"/>
      <c r="AP1793" s="1106"/>
      <c r="AT1793" s="1106"/>
      <c r="AU1793" s="1106"/>
      <c r="AV1793" s="1106"/>
      <c r="AW1793" s="1106"/>
      <c r="AX1793" s="1106"/>
      <c r="AY1793" s="1106"/>
      <c r="AZ1793" s="1106"/>
      <c r="BA1793" s="1106"/>
      <c r="BB1793" s="1106"/>
      <c r="BC1793" s="1106"/>
      <c r="BD1793" s="1106"/>
      <c r="BE1793" s="1106"/>
      <c r="BF1793" s="1106"/>
      <c r="BG1793" s="1106"/>
      <c r="BH1793" s="1106"/>
      <c r="BI1793" s="1106"/>
      <c r="BJ1793" s="1106"/>
      <c r="BK1793" s="1106"/>
      <c r="BL1793" s="1106"/>
      <c r="BM1793" s="1106"/>
      <c r="BN1793" s="1106"/>
      <c r="BO1793" s="1106"/>
      <c r="BP1793" s="1106"/>
      <c r="BQ1793" s="1106"/>
      <c r="BR1793" s="1106"/>
      <c r="BS1793" s="1106"/>
      <c r="BT1793" s="1106"/>
      <c r="BU1793" s="1106"/>
      <c r="BV1793" s="1106"/>
      <c r="BW1793" s="1106"/>
      <c r="BX1793" s="1106"/>
      <c r="BY1793" s="1106"/>
      <c r="BZ1793" s="1106"/>
      <c r="CA1793" s="1106"/>
    </row>
    <row r="1794" spans="3:79" ht="9" customHeight="1" x14ac:dyDescent="0.2">
      <c r="C1794" s="1106"/>
      <c r="D1794" s="1106"/>
      <c r="E1794" s="1106"/>
      <c r="F1794" s="1106"/>
      <c r="G1794" s="1106"/>
      <c r="H1794" s="1106"/>
      <c r="I1794" s="1106"/>
      <c r="J1794" s="1106"/>
      <c r="K1794" s="1106"/>
      <c r="L1794" s="1106"/>
      <c r="M1794" s="1106"/>
      <c r="N1794" s="1106"/>
      <c r="O1794" s="1106"/>
      <c r="U1794" s="1106"/>
      <c r="AB1794" s="1106"/>
      <c r="AC1794" s="1106"/>
      <c r="AD1794" s="1106"/>
      <c r="AE1794" s="1106"/>
      <c r="AF1794" s="1106"/>
      <c r="AG1794" s="1106"/>
      <c r="AH1794" s="1106"/>
      <c r="AL1794" s="1106"/>
      <c r="AT1794" s="1106"/>
      <c r="AU1794" s="1106"/>
      <c r="AV1794" s="1106"/>
      <c r="AW1794" s="1106"/>
      <c r="AX1794" s="1106"/>
      <c r="AY1794" s="1106"/>
      <c r="AZ1794" s="1106"/>
      <c r="BA1794" s="1106"/>
      <c r="BB1794" s="1106"/>
      <c r="BC1794" s="1106"/>
      <c r="BD1794" s="1106"/>
      <c r="BE1794" s="1106"/>
      <c r="BF1794" s="1106"/>
      <c r="BG1794" s="1106"/>
      <c r="BH1794" s="1106"/>
      <c r="BI1794" s="1106"/>
      <c r="BJ1794" s="1106"/>
      <c r="BK1794" s="1106"/>
      <c r="BL1794" s="1106"/>
      <c r="BM1794" s="1106"/>
      <c r="BN1794" s="1106"/>
      <c r="BO1794" s="1106"/>
      <c r="BP1794" s="1106"/>
      <c r="BQ1794" s="1106"/>
      <c r="BR1794" s="1106"/>
      <c r="BS1794" s="1106"/>
      <c r="BT1794" s="1106"/>
      <c r="BU1794" s="1106"/>
      <c r="BV1794" s="1106"/>
      <c r="BW1794" s="1106"/>
      <c r="BX1794" s="1106"/>
      <c r="BY1794" s="1106"/>
      <c r="BZ1794" s="1106"/>
      <c r="CA1794" s="1106"/>
    </row>
    <row r="1795" spans="3:79" ht="9" customHeight="1" x14ac:dyDescent="0.2">
      <c r="C1795" s="1106"/>
      <c r="D1795" s="1106"/>
      <c r="E1795" s="1106"/>
      <c r="F1795" s="1106"/>
      <c r="G1795" s="1106"/>
      <c r="H1795" s="1106"/>
      <c r="I1795" s="1106"/>
      <c r="J1795" s="1106"/>
      <c r="K1795" s="1106"/>
      <c r="L1795" s="1106"/>
      <c r="M1795" s="1106"/>
      <c r="N1795" s="1106"/>
      <c r="O1795" s="1106"/>
      <c r="AB1795" s="1106"/>
      <c r="AC1795" s="1106"/>
      <c r="AD1795" s="1106"/>
      <c r="AE1795" s="1106"/>
      <c r="AF1795" s="1106"/>
      <c r="AG1795" s="1106"/>
      <c r="AH1795" s="1106"/>
      <c r="AL1795" s="1106"/>
      <c r="AZ1795" s="1106"/>
      <c r="BA1795" s="1106"/>
      <c r="BB1795" s="1106"/>
      <c r="BC1795" s="1106"/>
      <c r="BD1795" s="1106"/>
      <c r="BE1795" s="1106"/>
      <c r="BF1795" s="1106"/>
      <c r="BG1795" s="1106"/>
      <c r="BH1795" s="1106"/>
      <c r="BI1795" s="1106"/>
      <c r="BJ1795" s="1106"/>
      <c r="BK1795" s="1106"/>
      <c r="BL1795" s="1106"/>
      <c r="BM1795" s="1106"/>
      <c r="BN1795" s="1106"/>
      <c r="BO1795" s="1106"/>
      <c r="BP1795" s="1106"/>
      <c r="BQ1795" s="1106"/>
      <c r="BR1795" s="1106"/>
      <c r="BS1795" s="1106"/>
      <c r="BT1795" s="1106"/>
      <c r="BU1795" s="1106"/>
      <c r="BV1795" s="1106"/>
      <c r="BW1795" s="1106"/>
      <c r="BX1795" s="1106"/>
      <c r="BY1795" s="1106"/>
      <c r="BZ1795" s="1106"/>
      <c r="CA1795" s="1106"/>
    </row>
    <row r="1796" spans="3:79" ht="9" customHeight="1" x14ac:dyDescent="0.2">
      <c r="C1796" s="1106"/>
      <c r="D1796" s="1106"/>
      <c r="E1796" s="1106"/>
      <c r="F1796" s="1106"/>
      <c r="G1796" s="1106"/>
      <c r="H1796" s="1106"/>
      <c r="I1796" s="1106"/>
      <c r="J1796" s="1106"/>
      <c r="K1796" s="1106"/>
      <c r="L1796" s="1106"/>
      <c r="M1796" s="1106"/>
      <c r="N1796" s="1106"/>
      <c r="O1796" s="1106"/>
      <c r="AB1796" s="1106"/>
      <c r="AC1796" s="1106"/>
      <c r="AD1796" s="1106"/>
      <c r="AE1796" s="1106"/>
      <c r="AF1796" s="1106"/>
      <c r="AG1796" s="1106"/>
      <c r="AH1796" s="1106"/>
      <c r="AL1796" s="1106"/>
      <c r="AZ1796" s="1106"/>
      <c r="BA1796" s="1106"/>
      <c r="BB1796" s="1106"/>
      <c r="BC1796" s="1106"/>
      <c r="BD1796" s="1106"/>
      <c r="BE1796" s="1106"/>
      <c r="BF1796" s="1106"/>
      <c r="BG1796" s="1106"/>
      <c r="BH1796" s="1106"/>
      <c r="BI1796" s="1106"/>
      <c r="BJ1796" s="1106"/>
      <c r="BK1796" s="1106"/>
      <c r="BL1796" s="1106"/>
      <c r="BM1796" s="1106"/>
      <c r="BN1796" s="1106"/>
      <c r="BO1796" s="1106"/>
      <c r="BP1796" s="1106"/>
      <c r="BQ1796" s="1106"/>
      <c r="BR1796" s="1106"/>
      <c r="BS1796" s="1106"/>
      <c r="BT1796" s="1106"/>
      <c r="BU1796" s="1106"/>
      <c r="BV1796" s="1106"/>
      <c r="BW1796" s="1106"/>
      <c r="BX1796" s="1106"/>
      <c r="BY1796" s="1106"/>
      <c r="BZ1796" s="1106"/>
      <c r="CA1796" s="1106"/>
    </row>
    <row r="1797" spans="3:79" ht="9" customHeight="1" x14ac:dyDescent="0.2">
      <c r="C1797" s="1106"/>
      <c r="D1797" s="1106"/>
      <c r="E1797" s="1106"/>
      <c r="F1797" s="1106"/>
      <c r="G1797" s="1106"/>
      <c r="H1797" s="1106"/>
      <c r="I1797" s="1106"/>
      <c r="J1797" s="1106"/>
      <c r="K1797" s="1106"/>
      <c r="L1797" s="1106"/>
      <c r="M1797" s="1106"/>
      <c r="N1797" s="1106"/>
      <c r="O1797" s="1106"/>
      <c r="AB1797" s="1106"/>
      <c r="AC1797" s="1106"/>
      <c r="AD1797" s="1106"/>
      <c r="AE1797" s="1106"/>
      <c r="AF1797" s="1106"/>
      <c r="AG1797" s="1106"/>
      <c r="AH1797" s="1106"/>
      <c r="AL1797" s="1106"/>
      <c r="AZ1797" s="1106"/>
      <c r="BA1797" s="1106"/>
      <c r="BB1797" s="1106"/>
      <c r="BC1797" s="1106"/>
      <c r="BD1797" s="1106"/>
      <c r="BE1797" s="1106"/>
      <c r="BF1797" s="1106"/>
      <c r="BG1797" s="1106"/>
      <c r="BH1797" s="1106"/>
      <c r="BI1797" s="1106"/>
      <c r="BJ1797" s="1106"/>
      <c r="BK1797" s="1106"/>
      <c r="BL1797" s="1106"/>
      <c r="BM1797" s="1106"/>
      <c r="BN1797" s="1106"/>
      <c r="BO1797" s="1106"/>
      <c r="BP1797" s="1106"/>
      <c r="BQ1797" s="1106"/>
      <c r="BR1797" s="1106"/>
      <c r="BS1797" s="1106"/>
      <c r="BT1797" s="1106"/>
      <c r="BU1797" s="1106"/>
      <c r="BV1797" s="1106"/>
      <c r="BW1797" s="1106"/>
      <c r="BX1797" s="1106"/>
      <c r="BY1797" s="1106"/>
      <c r="BZ1797" s="1106"/>
      <c r="CA1797" s="1106"/>
    </row>
    <row r="1798" spans="3:79" ht="9" customHeight="1" x14ac:dyDescent="0.2">
      <c r="C1798" s="1106"/>
      <c r="D1798" s="1106"/>
      <c r="E1798" s="1106"/>
      <c r="F1798" s="1106"/>
      <c r="G1798" s="1106"/>
      <c r="H1798" s="1106"/>
      <c r="I1798" s="1106"/>
      <c r="J1798" s="1106"/>
      <c r="K1798" s="1106"/>
      <c r="L1798" s="1106"/>
      <c r="M1798" s="1106"/>
      <c r="N1798" s="1106"/>
      <c r="O1798" s="1106"/>
      <c r="U1798" s="1106"/>
      <c r="AB1798" s="1106"/>
      <c r="AC1798" s="1106"/>
      <c r="AD1798" s="1106"/>
      <c r="AE1798" s="1106"/>
      <c r="AF1798" s="1106"/>
      <c r="AG1798" s="1106"/>
      <c r="AH1798" s="1106"/>
      <c r="AL1798" s="1106"/>
      <c r="AT1798" s="1106"/>
      <c r="AU1798" s="1106"/>
      <c r="AV1798" s="1106"/>
      <c r="AW1798" s="1106"/>
      <c r="AX1798" s="1106"/>
      <c r="AY1798" s="1106"/>
      <c r="AZ1798" s="1106"/>
      <c r="BA1798" s="1106"/>
      <c r="BB1798" s="1106"/>
      <c r="BC1798" s="1106"/>
      <c r="BD1798" s="1106"/>
      <c r="BE1798" s="1106"/>
      <c r="BF1798" s="1106"/>
      <c r="BG1798" s="1106"/>
      <c r="BH1798" s="1106"/>
      <c r="BI1798" s="1106"/>
      <c r="BJ1798" s="1106"/>
      <c r="BK1798" s="1106"/>
      <c r="BL1798" s="1106"/>
      <c r="BM1798" s="1106"/>
      <c r="BN1798" s="1106"/>
      <c r="BO1798" s="1106"/>
      <c r="BP1798" s="1106"/>
      <c r="BQ1798" s="1106"/>
      <c r="BR1798" s="1106"/>
      <c r="BS1798" s="1106"/>
      <c r="BT1798" s="1106"/>
      <c r="BU1798" s="1106"/>
      <c r="BV1798" s="1106"/>
      <c r="BW1798" s="1106"/>
      <c r="BX1798" s="1106"/>
      <c r="BY1798" s="1106"/>
      <c r="BZ1798" s="1106"/>
      <c r="CA1798" s="1106"/>
    </row>
    <row r="1799" spans="3:79" ht="9" customHeight="1" x14ac:dyDescent="0.2">
      <c r="C1799" s="1106"/>
      <c r="D1799" s="1106"/>
      <c r="E1799" s="1106"/>
      <c r="F1799" s="1106"/>
      <c r="G1799" s="1106"/>
      <c r="H1799" s="1106"/>
      <c r="I1799" s="1106"/>
      <c r="J1799" s="1106"/>
      <c r="K1799" s="1106"/>
      <c r="L1799" s="1106"/>
      <c r="M1799" s="1106"/>
      <c r="N1799" s="1106"/>
      <c r="O1799" s="1106"/>
      <c r="U1799" s="1106"/>
      <c r="AB1799" s="1106"/>
      <c r="AC1799" s="1106"/>
      <c r="AD1799" s="1106"/>
      <c r="AE1799" s="1106"/>
      <c r="AF1799" s="1106"/>
      <c r="AG1799" s="1106"/>
      <c r="AH1799" s="1106"/>
      <c r="AL1799" s="1106"/>
      <c r="AO1799" s="1106"/>
      <c r="AP1799" s="1106"/>
      <c r="AT1799" s="1106"/>
      <c r="AU1799" s="1106"/>
      <c r="AV1799" s="1106"/>
      <c r="AW1799" s="1106"/>
      <c r="AX1799" s="1106"/>
      <c r="AY1799" s="1106"/>
      <c r="AZ1799" s="1106"/>
      <c r="BA1799" s="1106"/>
      <c r="BB1799" s="1106"/>
      <c r="BC1799" s="1106"/>
      <c r="BD1799" s="1106"/>
      <c r="BE1799" s="1106"/>
      <c r="BF1799" s="1106"/>
      <c r="BG1799" s="1106"/>
      <c r="BH1799" s="1106"/>
      <c r="BI1799" s="1106"/>
      <c r="BJ1799" s="1106"/>
      <c r="BK1799" s="1106"/>
      <c r="BL1799" s="1106"/>
      <c r="BM1799" s="1106"/>
      <c r="BN1799" s="1106"/>
      <c r="BO1799" s="1106"/>
      <c r="BP1799" s="1106"/>
      <c r="BQ1799" s="1106"/>
      <c r="BR1799" s="1106"/>
      <c r="BS1799" s="1106"/>
      <c r="BT1799" s="1106"/>
      <c r="BU1799" s="1106"/>
      <c r="BV1799" s="1106"/>
      <c r="BW1799" s="1106"/>
      <c r="BX1799" s="1106"/>
      <c r="BY1799" s="1106"/>
      <c r="BZ1799" s="1106"/>
      <c r="CA1799" s="1106"/>
    </row>
    <row r="1800" spans="3:79" ht="9" customHeight="1" x14ac:dyDescent="0.2">
      <c r="C1800" s="1106"/>
      <c r="D1800" s="1106"/>
      <c r="E1800" s="1106"/>
      <c r="F1800" s="1106"/>
      <c r="G1800" s="1106"/>
      <c r="H1800" s="1106"/>
      <c r="I1800" s="1106"/>
      <c r="J1800" s="1106"/>
      <c r="K1800" s="1106"/>
      <c r="L1800" s="1106"/>
      <c r="M1800" s="1106"/>
      <c r="N1800" s="1106"/>
      <c r="O1800" s="1106"/>
      <c r="U1800" s="1106"/>
      <c r="AB1800" s="1106"/>
      <c r="AC1800" s="1106"/>
      <c r="AD1800" s="1106"/>
      <c r="AE1800" s="1106"/>
      <c r="AF1800" s="1106"/>
      <c r="AG1800" s="1106"/>
      <c r="AH1800" s="1106"/>
      <c r="AL1800" s="1106"/>
      <c r="AT1800" s="1106"/>
      <c r="AU1800" s="1106"/>
      <c r="AV1800" s="1106"/>
      <c r="AW1800" s="1106"/>
      <c r="AX1800" s="1106"/>
      <c r="AY1800" s="1106"/>
      <c r="AZ1800" s="1106"/>
      <c r="BA1800" s="1106"/>
      <c r="BB1800" s="1106"/>
      <c r="BC1800" s="1106"/>
      <c r="BD1800" s="1106"/>
      <c r="BE1800" s="1106"/>
      <c r="BF1800" s="1106"/>
      <c r="BG1800" s="1106"/>
      <c r="BH1800" s="1106"/>
      <c r="BI1800" s="1106"/>
      <c r="BJ1800" s="1106"/>
      <c r="BK1800" s="1106"/>
      <c r="BL1800" s="1106"/>
      <c r="BM1800" s="1106"/>
      <c r="BN1800" s="1106"/>
      <c r="BO1800" s="1106"/>
      <c r="BP1800" s="1106"/>
      <c r="BQ1800" s="1106"/>
      <c r="BR1800" s="1106"/>
      <c r="BS1800" s="1106"/>
      <c r="BT1800" s="1106"/>
      <c r="BU1800" s="1106"/>
      <c r="BV1800" s="1106"/>
      <c r="BW1800" s="1106"/>
      <c r="BX1800" s="1106"/>
      <c r="BY1800" s="1106"/>
      <c r="BZ1800" s="1106"/>
      <c r="CA1800" s="1106"/>
    </row>
    <row r="1801" spans="3:79" ht="9" customHeight="1" x14ac:dyDescent="0.2">
      <c r="C1801" s="1106"/>
      <c r="D1801" s="1106"/>
      <c r="E1801" s="1106"/>
      <c r="F1801" s="1106"/>
      <c r="G1801" s="1106"/>
      <c r="H1801" s="1106"/>
      <c r="I1801" s="1106"/>
      <c r="J1801" s="1106"/>
      <c r="K1801" s="1106"/>
      <c r="L1801" s="1106"/>
      <c r="M1801" s="1106"/>
      <c r="N1801" s="1106"/>
      <c r="O1801" s="1106"/>
      <c r="AB1801" s="1106"/>
      <c r="AC1801" s="1106"/>
      <c r="AD1801" s="1106"/>
      <c r="AE1801" s="1106"/>
      <c r="AF1801" s="1106"/>
      <c r="AG1801" s="1106"/>
      <c r="AH1801" s="1106"/>
      <c r="AL1801" s="1106"/>
      <c r="AZ1801" s="1106"/>
      <c r="BA1801" s="1106"/>
      <c r="BB1801" s="1106"/>
      <c r="BC1801" s="1106"/>
      <c r="BD1801" s="1106"/>
      <c r="BE1801" s="1106"/>
      <c r="BF1801" s="1106"/>
      <c r="BG1801" s="1106"/>
      <c r="BH1801" s="1106"/>
      <c r="BI1801" s="1106"/>
      <c r="BJ1801" s="1106"/>
      <c r="BK1801" s="1106"/>
      <c r="BL1801" s="1106"/>
      <c r="BM1801" s="1106"/>
      <c r="BN1801" s="1106"/>
      <c r="BO1801" s="1106"/>
      <c r="BP1801" s="1106"/>
      <c r="BQ1801" s="1106"/>
      <c r="BR1801" s="1106"/>
      <c r="BS1801" s="1106"/>
      <c r="BT1801" s="1106"/>
      <c r="BU1801" s="1106"/>
      <c r="BV1801" s="1106"/>
      <c r="BW1801" s="1106"/>
      <c r="BX1801" s="1106"/>
      <c r="BY1801" s="1106"/>
      <c r="BZ1801" s="1106"/>
      <c r="CA1801" s="1106"/>
    </row>
    <row r="1802" spans="3:79" ht="9" customHeight="1" x14ac:dyDescent="0.2">
      <c r="C1802" s="1106"/>
      <c r="D1802" s="1106"/>
      <c r="E1802" s="1106"/>
      <c r="F1802" s="1106"/>
      <c r="G1802" s="1106"/>
      <c r="H1802" s="1106"/>
      <c r="I1802" s="1106"/>
      <c r="J1802" s="1106"/>
      <c r="K1802" s="1106"/>
      <c r="L1802" s="1106"/>
      <c r="M1802" s="1106"/>
      <c r="N1802" s="1106"/>
      <c r="O1802" s="1106"/>
      <c r="AB1802" s="1106"/>
      <c r="AC1802" s="1106"/>
      <c r="AD1802" s="1106"/>
      <c r="AE1802" s="1106"/>
      <c r="AF1802" s="1106"/>
      <c r="AG1802" s="1106"/>
      <c r="AH1802" s="1106"/>
      <c r="AL1802" s="1106"/>
      <c r="AZ1802" s="1106"/>
      <c r="BA1802" s="1106"/>
      <c r="BB1802" s="1106"/>
      <c r="BC1802" s="1106"/>
      <c r="BD1802" s="1106"/>
      <c r="BE1802" s="1106"/>
      <c r="BF1802" s="1106"/>
      <c r="BG1802" s="1106"/>
      <c r="BH1802" s="1106"/>
      <c r="BI1802" s="1106"/>
      <c r="BJ1802" s="1106"/>
      <c r="BK1802" s="1106"/>
      <c r="BL1802" s="1106"/>
      <c r="BM1802" s="1106"/>
      <c r="BN1802" s="1106"/>
      <c r="BO1802" s="1106"/>
      <c r="BP1802" s="1106"/>
      <c r="BQ1802" s="1106"/>
      <c r="BR1802" s="1106"/>
      <c r="BS1802" s="1106"/>
      <c r="BT1802" s="1106"/>
      <c r="BU1802" s="1106"/>
      <c r="BV1802" s="1106"/>
      <c r="BW1802" s="1106"/>
      <c r="BX1802" s="1106"/>
      <c r="BY1802" s="1106"/>
      <c r="BZ1802" s="1106"/>
      <c r="CA1802" s="1106"/>
    </row>
    <row r="1803" spans="3:79" ht="9" customHeight="1" x14ac:dyDescent="0.2">
      <c r="C1803" s="1106"/>
      <c r="D1803" s="1106"/>
      <c r="E1803" s="1106"/>
      <c r="F1803" s="1106"/>
      <c r="G1803" s="1106"/>
      <c r="H1803" s="1106"/>
      <c r="I1803" s="1106"/>
      <c r="J1803" s="1106"/>
      <c r="K1803" s="1106"/>
      <c r="L1803" s="1106"/>
      <c r="M1803" s="1106"/>
      <c r="N1803" s="1106"/>
      <c r="O1803" s="1106"/>
      <c r="AB1803" s="1106"/>
      <c r="AC1803" s="1106"/>
      <c r="AD1803" s="1106"/>
      <c r="AE1803" s="1106"/>
      <c r="AF1803" s="1106"/>
      <c r="AG1803" s="1106"/>
      <c r="AH1803" s="1106"/>
      <c r="AL1803" s="1106"/>
      <c r="AZ1803" s="1106"/>
      <c r="BA1803" s="1106"/>
      <c r="BB1803" s="1106"/>
      <c r="BC1803" s="1106"/>
      <c r="BD1803" s="1106"/>
      <c r="BE1803" s="1106"/>
      <c r="BF1803" s="1106"/>
      <c r="BG1803" s="1106"/>
      <c r="BH1803" s="1106"/>
      <c r="BI1803" s="1106"/>
      <c r="BJ1803" s="1106"/>
      <c r="BK1803" s="1106"/>
      <c r="BL1803" s="1106"/>
      <c r="BM1803" s="1106"/>
      <c r="BN1803" s="1106"/>
      <c r="BO1803" s="1106"/>
      <c r="BP1803" s="1106"/>
      <c r="BQ1803" s="1106"/>
      <c r="BR1803" s="1106"/>
      <c r="BS1803" s="1106"/>
      <c r="BT1803" s="1106"/>
      <c r="BU1803" s="1106"/>
      <c r="BV1803" s="1106"/>
      <c r="BW1803" s="1106"/>
      <c r="BX1803" s="1106"/>
      <c r="BY1803" s="1106"/>
      <c r="BZ1803" s="1106"/>
      <c r="CA1803" s="1106"/>
    </row>
    <row r="1804" spans="3:79" ht="9" customHeight="1" x14ac:dyDescent="0.2">
      <c r="C1804" s="1106"/>
      <c r="D1804" s="1106"/>
      <c r="E1804" s="1106"/>
      <c r="F1804" s="1106"/>
      <c r="G1804" s="1106"/>
      <c r="H1804" s="1106"/>
      <c r="I1804" s="1106"/>
      <c r="J1804" s="1106"/>
      <c r="K1804" s="1106"/>
      <c r="L1804" s="1106"/>
      <c r="M1804" s="1106"/>
      <c r="N1804" s="1106"/>
      <c r="O1804" s="1106"/>
      <c r="U1804" s="1106"/>
      <c r="AB1804" s="1106"/>
      <c r="AC1804" s="1106"/>
      <c r="AD1804" s="1106"/>
      <c r="AE1804" s="1106"/>
      <c r="AF1804" s="1106"/>
      <c r="AG1804" s="1106"/>
      <c r="AH1804" s="1106"/>
      <c r="AL1804" s="1106"/>
      <c r="AT1804" s="1106"/>
      <c r="AU1804" s="1106"/>
      <c r="AV1804" s="1106"/>
      <c r="AW1804" s="1106"/>
      <c r="AX1804" s="1106"/>
      <c r="AY1804" s="1106"/>
      <c r="AZ1804" s="1106"/>
      <c r="BA1804" s="1106"/>
      <c r="BB1804" s="1106"/>
      <c r="BC1804" s="1106"/>
      <c r="BD1804" s="1106"/>
      <c r="BE1804" s="1106"/>
      <c r="BF1804" s="1106"/>
      <c r="BG1804" s="1106"/>
      <c r="BH1804" s="1106"/>
      <c r="BI1804" s="1106"/>
      <c r="BJ1804" s="1106"/>
      <c r="BK1804" s="1106"/>
      <c r="BL1804" s="1106"/>
      <c r="BM1804" s="1106"/>
      <c r="BN1804" s="1106"/>
      <c r="BO1804" s="1106"/>
      <c r="BP1804" s="1106"/>
      <c r="BQ1804" s="1106"/>
      <c r="BR1804" s="1106"/>
      <c r="BS1804" s="1106"/>
      <c r="BT1804" s="1106"/>
      <c r="BU1804" s="1106"/>
      <c r="BV1804" s="1106"/>
      <c r="BW1804" s="1106"/>
      <c r="BX1804" s="1106"/>
      <c r="BY1804" s="1106"/>
      <c r="BZ1804" s="1106"/>
      <c r="CA1804" s="1106"/>
    </row>
    <row r="1805" spans="3:79" ht="9" customHeight="1" x14ac:dyDescent="0.2">
      <c r="C1805" s="1106"/>
      <c r="D1805" s="1106"/>
      <c r="E1805" s="1106"/>
      <c r="F1805" s="1106"/>
      <c r="G1805" s="1106"/>
      <c r="H1805" s="1106"/>
      <c r="I1805" s="1106"/>
      <c r="J1805" s="1106"/>
      <c r="K1805" s="1106"/>
      <c r="L1805" s="1106"/>
      <c r="M1805" s="1106"/>
      <c r="N1805" s="1106"/>
      <c r="O1805" s="1106"/>
      <c r="U1805" s="1106"/>
      <c r="AB1805" s="1106"/>
      <c r="AC1805" s="1106"/>
      <c r="AD1805" s="1106"/>
      <c r="AE1805" s="1106"/>
      <c r="AF1805" s="1106"/>
      <c r="AG1805" s="1106"/>
      <c r="AH1805" s="1106"/>
      <c r="AL1805" s="1106"/>
      <c r="AO1805" s="1106"/>
      <c r="AP1805" s="1106"/>
      <c r="AT1805" s="1106"/>
      <c r="AU1805" s="1106"/>
      <c r="AV1805" s="1106"/>
      <c r="AW1805" s="1106"/>
      <c r="AX1805" s="1106"/>
      <c r="AY1805" s="1106"/>
      <c r="AZ1805" s="1106"/>
      <c r="BA1805" s="1106"/>
      <c r="BB1805" s="1106"/>
      <c r="BC1805" s="1106"/>
      <c r="BD1805" s="1106"/>
      <c r="BE1805" s="1106"/>
      <c r="BF1805" s="1106"/>
      <c r="BG1805" s="1106"/>
      <c r="BH1805" s="1106"/>
      <c r="BI1805" s="1106"/>
      <c r="BJ1805" s="1106"/>
      <c r="BK1805" s="1106"/>
      <c r="BL1805" s="1106"/>
      <c r="BM1805" s="1106"/>
      <c r="BN1805" s="1106"/>
      <c r="BO1805" s="1106"/>
      <c r="BP1805" s="1106"/>
      <c r="BQ1805" s="1106"/>
      <c r="BR1805" s="1106"/>
      <c r="BS1805" s="1106"/>
      <c r="BT1805" s="1106"/>
      <c r="BU1805" s="1106"/>
      <c r="BV1805" s="1106"/>
      <c r="BW1805" s="1106"/>
      <c r="BX1805" s="1106"/>
      <c r="BY1805" s="1106"/>
      <c r="BZ1805" s="1106"/>
      <c r="CA1805" s="1106"/>
    </row>
    <row r="1806" spans="3:79" ht="9" customHeight="1" x14ac:dyDescent="0.2">
      <c r="C1806" s="1106"/>
      <c r="D1806" s="1106"/>
      <c r="E1806" s="1106"/>
      <c r="F1806" s="1106"/>
      <c r="G1806" s="1106"/>
      <c r="H1806" s="1106"/>
      <c r="I1806" s="1106"/>
      <c r="J1806" s="1106"/>
      <c r="K1806" s="1106"/>
      <c r="L1806" s="1106"/>
      <c r="M1806" s="1106"/>
      <c r="N1806" s="1106"/>
      <c r="O1806" s="1106"/>
      <c r="U1806" s="1106"/>
      <c r="AB1806" s="1106"/>
      <c r="AC1806" s="1106"/>
      <c r="AD1806" s="1106"/>
      <c r="AE1806" s="1106"/>
      <c r="AF1806" s="1106"/>
      <c r="AG1806" s="1106"/>
      <c r="AH1806" s="1106"/>
      <c r="AL1806" s="1106"/>
      <c r="AT1806" s="1106"/>
      <c r="AU1806" s="1106"/>
      <c r="AV1806" s="1106"/>
      <c r="AW1806" s="1106"/>
      <c r="AX1806" s="1106"/>
      <c r="AY1806" s="1106"/>
      <c r="AZ1806" s="1106"/>
      <c r="BA1806" s="1106"/>
      <c r="BB1806" s="1106"/>
      <c r="BC1806" s="1106"/>
      <c r="BD1806" s="1106"/>
      <c r="BE1806" s="1106"/>
      <c r="BF1806" s="1106"/>
      <c r="BG1806" s="1106"/>
      <c r="BH1806" s="1106"/>
      <c r="BI1806" s="1106"/>
      <c r="BJ1806" s="1106"/>
      <c r="BK1806" s="1106"/>
      <c r="BL1806" s="1106"/>
      <c r="BM1806" s="1106"/>
      <c r="BN1806" s="1106"/>
      <c r="BO1806" s="1106"/>
      <c r="BP1806" s="1106"/>
      <c r="BQ1806" s="1106"/>
      <c r="BR1806" s="1106"/>
      <c r="BS1806" s="1106"/>
      <c r="BT1806" s="1106"/>
      <c r="BU1806" s="1106"/>
      <c r="BV1806" s="1106"/>
      <c r="BW1806" s="1106"/>
      <c r="BX1806" s="1106"/>
      <c r="BY1806" s="1106"/>
      <c r="BZ1806" s="1106"/>
      <c r="CA1806" s="1106"/>
    </row>
    <row r="1807" spans="3:79" ht="9" customHeight="1" x14ac:dyDescent="0.2">
      <c r="C1807" s="1106"/>
      <c r="D1807" s="1106"/>
      <c r="E1807" s="1106"/>
      <c r="F1807" s="1106"/>
      <c r="G1807" s="1106"/>
      <c r="H1807" s="1106"/>
      <c r="I1807" s="1106"/>
      <c r="J1807" s="1106"/>
      <c r="K1807" s="1106"/>
      <c r="L1807" s="1106"/>
      <c r="M1807" s="1106"/>
      <c r="N1807" s="1106"/>
      <c r="O1807" s="1106"/>
      <c r="AB1807" s="1106"/>
      <c r="AC1807" s="1106"/>
      <c r="AD1807" s="1106"/>
      <c r="AE1807" s="1106"/>
      <c r="AF1807" s="1106"/>
      <c r="AG1807" s="1106"/>
      <c r="AH1807" s="1106"/>
      <c r="AL1807" s="1106"/>
      <c r="AZ1807" s="1106"/>
      <c r="BA1807" s="1106"/>
      <c r="BB1807" s="1106"/>
      <c r="BC1807" s="1106"/>
      <c r="BD1807" s="1106"/>
      <c r="BE1807" s="1106"/>
      <c r="BF1807" s="1106"/>
      <c r="BG1807" s="1106"/>
      <c r="BH1807" s="1106"/>
      <c r="BI1807" s="1106"/>
      <c r="BJ1807" s="1106"/>
      <c r="BK1807" s="1106"/>
      <c r="BL1807" s="1106"/>
      <c r="BM1807" s="1106"/>
      <c r="BN1807" s="1106"/>
      <c r="BO1807" s="1106"/>
      <c r="BP1807" s="1106"/>
      <c r="BQ1807" s="1106"/>
      <c r="BR1807" s="1106"/>
      <c r="BS1807" s="1106"/>
      <c r="BT1807" s="1106"/>
      <c r="BU1807" s="1106"/>
      <c r="BV1807" s="1106"/>
      <c r="BW1807" s="1106"/>
      <c r="BX1807" s="1106"/>
      <c r="BY1807" s="1106"/>
      <c r="BZ1807" s="1106"/>
      <c r="CA1807" s="1106"/>
    </row>
    <row r="1808" spans="3:79" ht="9" customHeight="1" x14ac:dyDescent="0.2">
      <c r="C1808" s="1106"/>
      <c r="D1808" s="1106"/>
      <c r="E1808" s="1106"/>
      <c r="F1808" s="1106"/>
      <c r="G1808" s="1106"/>
      <c r="H1808" s="1106"/>
      <c r="I1808" s="1106"/>
      <c r="J1808" s="1106"/>
      <c r="K1808" s="1106"/>
      <c r="L1808" s="1106"/>
      <c r="M1808" s="1106"/>
      <c r="N1808" s="1106"/>
      <c r="O1808" s="1106"/>
      <c r="AB1808" s="1106"/>
      <c r="AC1808" s="1106"/>
      <c r="AD1808" s="1106"/>
      <c r="AE1808" s="1106"/>
      <c r="AF1808" s="1106"/>
      <c r="AG1808" s="1106"/>
      <c r="AH1808" s="1106"/>
      <c r="AL1808" s="1106"/>
      <c r="AZ1808" s="1106"/>
      <c r="BA1808" s="1106"/>
      <c r="BB1808" s="1106"/>
      <c r="BC1808" s="1106"/>
      <c r="BD1808" s="1106"/>
      <c r="BE1808" s="1106"/>
      <c r="BF1808" s="1106"/>
      <c r="BG1808" s="1106"/>
      <c r="BH1808" s="1106"/>
      <c r="BI1808" s="1106"/>
      <c r="BJ1808" s="1106"/>
      <c r="BK1808" s="1106"/>
      <c r="BL1808" s="1106"/>
      <c r="BM1808" s="1106"/>
      <c r="BN1808" s="1106"/>
      <c r="BO1808" s="1106"/>
      <c r="BP1808" s="1106"/>
      <c r="BQ1808" s="1106"/>
      <c r="BR1808" s="1106"/>
      <c r="BS1808" s="1106"/>
      <c r="BT1808" s="1106"/>
      <c r="BU1808" s="1106"/>
      <c r="BV1808" s="1106"/>
      <c r="BW1808" s="1106"/>
      <c r="BX1808" s="1106"/>
      <c r="BY1808" s="1106"/>
      <c r="BZ1808" s="1106"/>
      <c r="CA1808" s="1106"/>
    </row>
    <row r="1809" spans="3:79" ht="9" customHeight="1" x14ac:dyDescent="0.2">
      <c r="C1809" s="1106"/>
      <c r="D1809" s="1106"/>
      <c r="E1809" s="1106"/>
      <c r="F1809" s="1106"/>
      <c r="G1809" s="1106"/>
      <c r="H1809" s="1106"/>
      <c r="I1809" s="1106"/>
      <c r="J1809" s="1106"/>
      <c r="K1809" s="1106"/>
      <c r="L1809" s="1106"/>
      <c r="M1809" s="1106"/>
      <c r="N1809" s="1106"/>
      <c r="O1809" s="1106"/>
      <c r="AB1809" s="1106"/>
      <c r="AC1809" s="1106"/>
      <c r="AD1809" s="1106"/>
      <c r="AE1809" s="1106"/>
      <c r="AF1809" s="1106"/>
      <c r="AG1809" s="1106"/>
      <c r="AH1809" s="1106"/>
      <c r="AL1809" s="1106"/>
      <c r="AZ1809" s="1106"/>
      <c r="BA1809" s="1106"/>
      <c r="BB1809" s="1106"/>
      <c r="BC1809" s="1106"/>
      <c r="BD1809" s="1106"/>
      <c r="BE1809" s="1106"/>
      <c r="BF1809" s="1106"/>
      <c r="BG1809" s="1106"/>
      <c r="BH1809" s="1106"/>
      <c r="BI1809" s="1106"/>
      <c r="BJ1809" s="1106"/>
      <c r="BK1809" s="1106"/>
      <c r="BL1809" s="1106"/>
      <c r="BM1809" s="1106"/>
      <c r="BN1809" s="1106"/>
      <c r="BO1809" s="1106"/>
      <c r="BP1809" s="1106"/>
      <c r="BQ1809" s="1106"/>
      <c r="BR1809" s="1106"/>
      <c r="BS1809" s="1106"/>
      <c r="BT1809" s="1106"/>
      <c r="BU1809" s="1106"/>
      <c r="BV1809" s="1106"/>
      <c r="BW1809" s="1106"/>
      <c r="BX1809" s="1106"/>
      <c r="BY1809" s="1106"/>
      <c r="BZ1809" s="1106"/>
      <c r="CA1809" s="1106"/>
    </row>
    <row r="1810" spans="3:79" ht="9" customHeight="1" x14ac:dyDescent="0.2">
      <c r="C1810" s="1106"/>
      <c r="D1810" s="1106"/>
      <c r="E1810" s="1106"/>
      <c r="F1810" s="1106"/>
      <c r="G1810" s="1106"/>
      <c r="H1810" s="1106"/>
      <c r="I1810" s="1106"/>
      <c r="J1810" s="1106"/>
      <c r="K1810" s="1106"/>
      <c r="L1810" s="1106"/>
      <c r="M1810" s="1106"/>
      <c r="N1810" s="1106"/>
      <c r="O1810" s="1106"/>
      <c r="U1810" s="1106"/>
      <c r="AB1810" s="1106"/>
      <c r="AC1810" s="1106"/>
      <c r="AD1810" s="1106"/>
      <c r="AE1810" s="1106"/>
      <c r="AF1810" s="1106"/>
      <c r="AG1810" s="1106"/>
      <c r="AH1810" s="1106"/>
      <c r="AL1810" s="1106"/>
      <c r="AT1810" s="1106"/>
      <c r="AU1810" s="1106"/>
      <c r="AV1810" s="1106"/>
      <c r="AW1810" s="1106"/>
      <c r="AX1810" s="1106"/>
      <c r="AY1810" s="1106"/>
      <c r="AZ1810" s="1106"/>
      <c r="BA1810" s="1106"/>
      <c r="BB1810" s="1106"/>
      <c r="BC1810" s="1106"/>
      <c r="BD1810" s="1106"/>
      <c r="BE1810" s="1106"/>
      <c r="BF1810" s="1106"/>
      <c r="BG1810" s="1106"/>
      <c r="BH1810" s="1106"/>
      <c r="BI1810" s="1106"/>
      <c r="BJ1810" s="1106"/>
      <c r="BK1810" s="1106"/>
      <c r="BL1810" s="1106"/>
      <c r="BM1810" s="1106"/>
      <c r="BN1810" s="1106"/>
      <c r="BO1810" s="1106"/>
      <c r="BP1810" s="1106"/>
      <c r="BQ1810" s="1106"/>
      <c r="BR1810" s="1106"/>
      <c r="BS1810" s="1106"/>
      <c r="BT1810" s="1106"/>
      <c r="BU1810" s="1106"/>
      <c r="BV1810" s="1106"/>
      <c r="BW1810" s="1106"/>
      <c r="BX1810" s="1106"/>
      <c r="BY1810" s="1106"/>
      <c r="BZ1810" s="1106"/>
      <c r="CA1810" s="1106"/>
    </row>
    <row r="1811" spans="3:79" ht="9" customHeight="1" x14ac:dyDescent="0.2">
      <c r="C1811" s="1106"/>
      <c r="D1811" s="1106"/>
      <c r="E1811" s="1106"/>
      <c r="F1811" s="1106"/>
      <c r="G1811" s="1106"/>
      <c r="H1811" s="1106"/>
      <c r="I1811" s="1106"/>
      <c r="J1811" s="1106"/>
      <c r="K1811" s="1106"/>
      <c r="L1811" s="1106"/>
      <c r="M1811" s="1106"/>
      <c r="N1811" s="1106"/>
      <c r="O1811" s="1106"/>
      <c r="U1811" s="1106"/>
      <c r="AB1811" s="1106"/>
      <c r="AC1811" s="1106"/>
      <c r="AD1811" s="1106"/>
      <c r="AE1811" s="1106"/>
      <c r="AF1811" s="1106"/>
      <c r="AG1811" s="1106"/>
      <c r="AH1811" s="1106"/>
      <c r="AL1811" s="1106"/>
      <c r="AO1811" s="1106"/>
      <c r="AP1811" s="1106"/>
      <c r="AT1811" s="1106"/>
      <c r="AU1811" s="1106"/>
      <c r="AV1811" s="1106"/>
      <c r="AW1811" s="1106"/>
      <c r="AX1811" s="1106"/>
      <c r="AY1811" s="1106"/>
      <c r="AZ1811" s="1106"/>
      <c r="BA1811" s="1106"/>
      <c r="BB1811" s="1106"/>
      <c r="BC1811" s="1106"/>
      <c r="BD1811" s="1106"/>
      <c r="BE1811" s="1106"/>
      <c r="BF1811" s="1106"/>
      <c r="BG1811" s="1106"/>
      <c r="BH1811" s="1106"/>
      <c r="BI1811" s="1106"/>
      <c r="BJ1811" s="1106"/>
      <c r="BK1811" s="1106"/>
      <c r="BL1811" s="1106"/>
      <c r="BM1811" s="1106"/>
      <c r="BN1811" s="1106"/>
      <c r="BO1811" s="1106"/>
      <c r="BP1811" s="1106"/>
      <c r="BQ1811" s="1106"/>
      <c r="BR1811" s="1106"/>
      <c r="BS1811" s="1106"/>
      <c r="BT1811" s="1106"/>
      <c r="BU1811" s="1106"/>
      <c r="BV1811" s="1106"/>
      <c r="BW1811" s="1106"/>
      <c r="BX1811" s="1106"/>
      <c r="BY1811" s="1106"/>
      <c r="BZ1811" s="1106"/>
      <c r="CA1811" s="1106"/>
    </row>
    <row r="1812" spans="3:79" ht="9" customHeight="1" x14ac:dyDescent="0.2">
      <c r="C1812" s="1106"/>
      <c r="D1812" s="1106"/>
      <c r="E1812" s="1106"/>
      <c r="F1812" s="1106"/>
      <c r="G1812" s="1106"/>
      <c r="H1812" s="1106"/>
      <c r="I1812" s="1106"/>
      <c r="J1812" s="1106"/>
      <c r="K1812" s="1106"/>
      <c r="L1812" s="1106"/>
      <c r="M1812" s="1106"/>
      <c r="N1812" s="1106"/>
      <c r="O1812" s="1106"/>
      <c r="U1812" s="1106"/>
      <c r="AB1812" s="1106"/>
      <c r="AC1812" s="1106"/>
      <c r="AD1812" s="1106"/>
      <c r="AE1812" s="1106"/>
      <c r="AF1812" s="1106"/>
      <c r="AG1812" s="1106"/>
      <c r="AH1812" s="1106"/>
      <c r="AL1812" s="1106"/>
      <c r="AT1812" s="1106"/>
      <c r="AU1812" s="1106"/>
      <c r="AV1812" s="1106"/>
      <c r="AW1812" s="1106"/>
      <c r="AX1812" s="1106"/>
      <c r="AY1812" s="1106"/>
      <c r="AZ1812" s="1106"/>
      <c r="BA1812" s="1106"/>
      <c r="BB1812" s="1106"/>
      <c r="BC1812" s="1106"/>
      <c r="BD1812" s="1106"/>
      <c r="BE1812" s="1106"/>
      <c r="BF1812" s="1106"/>
      <c r="BG1812" s="1106"/>
      <c r="BH1812" s="1106"/>
      <c r="BI1812" s="1106"/>
      <c r="BJ1812" s="1106"/>
      <c r="BK1812" s="1106"/>
      <c r="BL1812" s="1106"/>
      <c r="BM1812" s="1106"/>
      <c r="BN1812" s="1106"/>
      <c r="BO1812" s="1106"/>
      <c r="BP1812" s="1106"/>
      <c r="BQ1812" s="1106"/>
      <c r="BR1812" s="1106"/>
      <c r="BS1812" s="1106"/>
      <c r="BT1812" s="1106"/>
      <c r="BU1812" s="1106"/>
      <c r="BV1812" s="1106"/>
      <c r="BW1812" s="1106"/>
      <c r="BX1812" s="1106"/>
      <c r="BY1812" s="1106"/>
      <c r="BZ1812" s="1106"/>
      <c r="CA1812" s="1106"/>
    </row>
    <row r="1813" spans="3:79" ht="9" customHeight="1" x14ac:dyDescent="0.2">
      <c r="C1813" s="1106"/>
      <c r="D1813" s="1106"/>
      <c r="E1813" s="1106"/>
      <c r="F1813" s="1106"/>
      <c r="G1813" s="1106"/>
      <c r="H1813" s="1106"/>
      <c r="I1813" s="1106"/>
      <c r="J1813" s="1106"/>
      <c r="K1813" s="1106"/>
      <c r="L1813" s="1106"/>
      <c r="M1813" s="1106"/>
      <c r="N1813" s="1106"/>
      <c r="O1813" s="1106"/>
      <c r="AB1813" s="1106"/>
      <c r="AC1813" s="1106"/>
      <c r="AD1813" s="1106"/>
      <c r="AE1813" s="1106"/>
      <c r="AF1813" s="1106"/>
      <c r="AG1813" s="1106"/>
      <c r="AH1813" s="1106"/>
      <c r="AL1813" s="1106"/>
      <c r="AZ1813" s="1106"/>
      <c r="BA1813" s="1106"/>
      <c r="BB1813" s="1106"/>
      <c r="BC1813" s="1106"/>
      <c r="BD1813" s="1106"/>
      <c r="BE1813" s="1106"/>
      <c r="BF1813" s="1106"/>
      <c r="BG1813" s="1106"/>
      <c r="BH1813" s="1106"/>
      <c r="BI1813" s="1106"/>
      <c r="BJ1813" s="1106"/>
      <c r="BK1813" s="1106"/>
      <c r="BL1813" s="1106"/>
      <c r="BM1813" s="1106"/>
      <c r="BN1813" s="1106"/>
      <c r="BO1813" s="1106"/>
      <c r="BP1813" s="1106"/>
      <c r="BQ1813" s="1106"/>
      <c r="BR1813" s="1106"/>
      <c r="BS1813" s="1106"/>
      <c r="BT1813" s="1106"/>
      <c r="BU1813" s="1106"/>
      <c r="BV1813" s="1106"/>
      <c r="BW1813" s="1106"/>
      <c r="BX1813" s="1106"/>
      <c r="BY1813" s="1106"/>
      <c r="BZ1813" s="1106"/>
      <c r="CA1813" s="1106"/>
    </row>
    <row r="1814" spans="3:79" ht="9" customHeight="1" x14ac:dyDescent="0.2">
      <c r="C1814" s="1106"/>
      <c r="D1814" s="1106"/>
      <c r="E1814" s="1106"/>
      <c r="F1814" s="1106"/>
      <c r="G1814" s="1106"/>
      <c r="H1814" s="1106"/>
      <c r="I1814" s="1106"/>
      <c r="J1814" s="1106"/>
      <c r="K1814" s="1106"/>
      <c r="L1814" s="1106"/>
      <c r="M1814" s="1106"/>
      <c r="N1814" s="1106"/>
      <c r="O1814" s="1106"/>
      <c r="AB1814" s="1106"/>
      <c r="AC1814" s="1106"/>
      <c r="AD1814" s="1106"/>
      <c r="AE1814" s="1106"/>
      <c r="AF1814" s="1106"/>
      <c r="AG1814" s="1106"/>
      <c r="AH1814" s="1106"/>
      <c r="AL1814" s="1106"/>
      <c r="AZ1814" s="1106"/>
      <c r="BA1814" s="1106"/>
      <c r="BB1814" s="1106"/>
      <c r="BC1814" s="1106"/>
      <c r="BD1814" s="1106"/>
      <c r="BE1814" s="1106"/>
      <c r="BF1814" s="1106"/>
      <c r="BG1814" s="1106"/>
      <c r="BH1814" s="1106"/>
      <c r="BI1814" s="1106"/>
      <c r="BJ1814" s="1106"/>
      <c r="BK1814" s="1106"/>
      <c r="BL1814" s="1106"/>
      <c r="BM1814" s="1106"/>
      <c r="BN1814" s="1106"/>
      <c r="BO1814" s="1106"/>
      <c r="BP1814" s="1106"/>
      <c r="BQ1814" s="1106"/>
      <c r="BR1814" s="1106"/>
      <c r="BS1814" s="1106"/>
      <c r="BT1814" s="1106"/>
      <c r="BU1814" s="1106"/>
      <c r="BV1814" s="1106"/>
      <c r="BW1814" s="1106"/>
      <c r="BX1814" s="1106"/>
      <c r="BY1814" s="1106"/>
      <c r="BZ1814" s="1106"/>
      <c r="CA1814" s="1106"/>
    </row>
    <row r="1815" spans="3:79" ht="9" customHeight="1" x14ac:dyDescent="0.2">
      <c r="C1815" s="1106"/>
      <c r="D1815" s="1106"/>
      <c r="E1815" s="1106"/>
      <c r="F1815" s="1106"/>
      <c r="G1815" s="1106"/>
      <c r="H1815" s="1106"/>
      <c r="I1815" s="1106"/>
      <c r="J1815" s="1106"/>
      <c r="K1815" s="1106"/>
      <c r="L1815" s="1106"/>
      <c r="M1815" s="1106"/>
      <c r="N1815" s="1106"/>
      <c r="O1815" s="1106"/>
      <c r="AB1815" s="1106"/>
      <c r="AC1815" s="1106"/>
      <c r="AD1815" s="1106"/>
      <c r="AE1815" s="1106"/>
      <c r="AF1815" s="1106"/>
      <c r="AG1815" s="1106"/>
      <c r="AH1815" s="1106"/>
      <c r="AL1815" s="1106"/>
      <c r="AZ1815" s="1106"/>
      <c r="BA1815" s="1106"/>
      <c r="BB1815" s="1106"/>
      <c r="BC1815" s="1106"/>
      <c r="BD1815" s="1106"/>
      <c r="BE1815" s="1106"/>
      <c r="BF1815" s="1106"/>
      <c r="BG1815" s="1106"/>
      <c r="BH1815" s="1106"/>
      <c r="BI1815" s="1106"/>
      <c r="BJ1815" s="1106"/>
      <c r="BK1815" s="1106"/>
      <c r="BL1815" s="1106"/>
      <c r="BM1815" s="1106"/>
      <c r="BN1815" s="1106"/>
      <c r="BO1815" s="1106"/>
      <c r="BP1815" s="1106"/>
      <c r="BQ1815" s="1106"/>
      <c r="BR1815" s="1106"/>
      <c r="BS1815" s="1106"/>
      <c r="BT1815" s="1106"/>
      <c r="BU1815" s="1106"/>
      <c r="BV1815" s="1106"/>
      <c r="BW1815" s="1106"/>
      <c r="BX1815" s="1106"/>
      <c r="BY1815" s="1106"/>
      <c r="BZ1815" s="1106"/>
      <c r="CA1815" s="1106"/>
    </row>
    <row r="1816" spans="3:79" ht="9" customHeight="1" x14ac:dyDescent="0.2">
      <c r="C1816" s="1106"/>
      <c r="D1816" s="1106"/>
      <c r="E1816" s="1106"/>
      <c r="F1816" s="1106"/>
      <c r="G1816" s="1106"/>
      <c r="H1816" s="1106"/>
      <c r="I1816" s="1106"/>
      <c r="J1816" s="1106"/>
      <c r="K1816" s="1106"/>
      <c r="L1816" s="1106"/>
      <c r="M1816" s="1106"/>
      <c r="N1816" s="1106"/>
      <c r="O1816" s="1106"/>
      <c r="U1816" s="1106"/>
      <c r="AB1816" s="1106"/>
      <c r="AC1816" s="1106"/>
      <c r="AD1816" s="1106"/>
      <c r="AE1816" s="1106"/>
      <c r="AF1816" s="1106"/>
      <c r="AG1816" s="1106"/>
      <c r="AH1816" s="1106"/>
      <c r="AL1816" s="1106"/>
      <c r="AT1816" s="1106"/>
      <c r="AU1816" s="1106"/>
      <c r="AV1816" s="1106"/>
      <c r="AW1816" s="1106"/>
      <c r="AX1816" s="1106"/>
      <c r="AY1816" s="1106"/>
      <c r="AZ1816" s="1106"/>
      <c r="BA1816" s="1106"/>
      <c r="BB1816" s="1106"/>
      <c r="BC1816" s="1106"/>
      <c r="BD1816" s="1106"/>
      <c r="BE1816" s="1106"/>
      <c r="BF1816" s="1106"/>
      <c r="BG1816" s="1106"/>
      <c r="BH1816" s="1106"/>
      <c r="BI1816" s="1106"/>
      <c r="BJ1816" s="1106"/>
      <c r="BK1816" s="1106"/>
      <c r="BL1816" s="1106"/>
      <c r="BM1816" s="1106"/>
      <c r="BN1816" s="1106"/>
      <c r="BO1816" s="1106"/>
      <c r="BP1816" s="1106"/>
      <c r="BQ1816" s="1106"/>
      <c r="BR1816" s="1106"/>
      <c r="BS1816" s="1106"/>
      <c r="BT1816" s="1106"/>
      <c r="BU1816" s="1106"/>
      <c r="BV1816" s="1106"/>
      <c r="BW1816" s="1106"/>
      <c r="BX1816" s="1106"/>
      <c r="BY1816" s="1106"/>
      <c r="BZ1816" s="1106"/>
      <c r="CA1816" s="1106"/>
    </row>
    <row r="1817" spans="3:79" ht="9" customHeight="1" x14ac:dyDescent="0.2">
      <c r="C1817" s="1106"/>
      <c r="D1817" s="1106"/>
      <c r="E1817" s="1106"/>
      <c r="F1817" s="1106"/>
      <c r="G1817" s="1106"/>
      <c r="H1817" s="1106"/>
      <c r="I1817" s="1106"/>
      <c r="J1817" s="1106"/>
      <c r="K1817" s="1106"/>
      <c r="L1817" s="1106"/>
      <c r="M1817" s="1106"/>
      <c r="N1817" s="1106"/>
      <c r="O1817" s="1106"/>
      <c r="U1817" s="1106"/>
      <c r="AB1817" s="1106"/>
      <c r="AC1817" s="1106"/>
      <c r="AD1817" s="1106"/>
      <c r="AE1817" s="1106"/>
      <c r="AF1817" s="1106"/>
      <c r="AG1817" s="1106"/>
      <c r="AH1817" s="1106"/>
      <c r="AL1817" s="1106"/>
      <c r="AO1817" s="1106"/>
      <c r="AP1817" s="1106"/>
      <c r="AT1817" s="1106"/>
      <c r="AU1817" s="1106"/>
      <c r="AV1817" s="1106"/>
      <c r="AW1817" s="1106"/>
      <c r="AX1817" s="1106"/>
      <c r="AY1817" s="1106"/>
      <c r="AZ1817" s="1106"/>
      <c r="BA1817" s="1106"/>
      <c r="BB1817" s="1106"/>
      <c r="BC1817" s="1106"/>
      <c r="BD1817" s="1106"/>
      <c r="BE1817" s="1106"/>
      <c r="BF1817" s="1106"/>
      <c r="BG1817" s="1106"/>
      <c r="BH1817" s="1106"/>
      <c r="BI1817" s="1106"/>
      <c r="BJ1817" s="1106"/>
      <c r="BK1817" s="1106"/>
      <c r="BL1817" s="1106"/>
      <c r="BM1817" s="1106"/>
      <c r="BN1817" s="1106"/>
      <c r="BO1817" s="1106"/>
      <c r="BP1817" s="1106"/>
      <c r="BQ1817" s="1106"/>
      <c r="BR1817" s="1106"/>
      <c r="BS1817" s="1106"/>
      <c r="BT1817" s="1106"/>
      <c r="BU1817" s="1106"/>
      <c r="BV1817" s="1106"/>
      <c r="BW1817" s="1106"/>
      <c r="BX1817" s="1106"/>
      <c r="BY1817" s="1106"/>
      <c r="BZ1817" s="1106"/>
      <c r="CA1817" s="1106"/>
    </row>
    <row r="1818" spans="3:79" ht="9" customHeight="1" x14ac:dyDescent="0.2">
      <c r="C1818" s="1106"/>
      <c r="D1818" s="1106"/>
      <c r="E1818" s="1106"/>
      <c r="F1818" s="1106"/>
      <c r="G1818" s="1106"/>
      <c r="H1818" s="1106"/>
      <c r="I1818" s="1106"/>
      <c r="J1818" s="1106"/>
      <c r="K1818" s="1106"/>
      <c r="L1818" s="1106"/>
      <c r="M1818" s="1106"/>
      <c r="N1818" s="1106"/>
      <c r="O1818" s="1106"/>
      <c r="U1818" s="1106"/>
      <c r="AB1818" s="1106"/>
      <c r="AC1818" s="1106"/>
      <c r="AD1818" s="1106"/>
      <c r="AE1818" s="1106"/>
      <c r="AF1818" s="1106"/>
      <c r="AG1818" s="1106"/>
      <c r="AH1818" s="1106"/>
      <c r="AL1818" s="1106"/>
      <c r="AT1818" s="1106"/>
      <c r="AU1818" s="1106"/>
      <c r="AV1818" s="1106"/>
      <c r="AW1818" s="1106"/>
      <c r="AX1818" s="1106"/>
      <c r="AY1818" s="1106"/>
      <c r="AZ1818" s="1106"/>
      <c r="BA1818" s="1106"/>
      <c r="BB1818" s="1106"/>
      <c r="BC1818" s="1106"/>
      <c r="BD1818" s="1106"/>
      <c r="BE1818" s="1106"/>
      <c r="BF1818" s="1106"/>
      <c r="BG1818" s="1106"/>
      <c r="BH1818" s="1106"/>
      <c r="BI1818" s="1106"/>
      <c r="BJ1818" s="1106"/>
      <c r="BK1818" s="1106"/>
      <c r="BL1818" s="1106"/>
      <c r="BM1818" s="1106"/>
      <c r="BN1818" s="1106"/>
      <c r="BO1818" s="1106"/>
      <c r="BP1818" s="1106"/>
      <c r="BQ1818" s="1106"/>
      <c r="BR1818" s="1106"/>
      <c r="BS1818" s="1106"/>
      <c r="BT1818" s="1106"/>
      <c r="BU1818" s="1106"/>
      <c r="BV1818" s="1106"/>
      <c r="BW1818" s="1106"/>
      <c r="BX1818" s="1106"/>
      <c r="BY1818" s="1106"/>
      <c r="BZ1818" s="1106"/>
      <c r="CA1818" s="1106"/>
    </row>
  </sheetData>
  <mergeCells count="8457">
    <mergeCell ref="BP1813:BR1815"/>
    <mergeCell ref="BS1813:BU1818"/>
    <mergeCell ref="BV1813:BX1818"/>
    <mergeCell ref="C1807:G1808"/>
    <mergeCell ref="H1807:J1812"/>
    <mergeCell ref="K1807:M1812"/>
    <mergeCell ref="N1807:O1812"/>
    <mergeCell ref="AB1807:AG1809"/>
    <mergeCell ref="AH1807:AH1809"/>
    <mergeCell ref="AL1807:AL1809"/>
    <mergeCell ref="AZ1807:BC1808"/>
    <mergeCell ref="BY1813:CA1818"/>
    <mergeCell ref="BH1816:BO1818"/>
    <mergeCell ref="BP1816:BR1818"/>
    <mergeCell ref="AZ1811:BC1812"/>
    <mergeCell ref="BD1811:BG1812"/>
    <mergeCell ref="C1813:G1814"/>
    <mergeCell ref="H1813:J1818"/>
    <mergeCell ref="K1813:M1818"/>
    <mergeCell ref="N1813:O1818"/>
    <mergeCell ref="AB1813:AG1815"/>
    <mergeCell ref="AH1813:AH1815"/>
    <mergeCell ref="AL1813:AL1815"/>
    <mergeCell ref="AZ1813:BC1814"/>
    <mergeCell ref="C1809:G1810"/>
    <mergeCell ref="AZ1809:BC1810"/>
    <mergeCell ref="BD1809:BG1810"/>
    <mergeCell ref="U1810:U1812"/>
    <mergeCell ref="AB1810:AG1812"/>
    <mergeCell ref="AH1810:AH1812"/>
    <mergeCell ref="AL1810:AL1812"/>
    <mergeCell ref="AT1810:AY1812"/>
    <mergeCell ref="C1811:G1812"/>
    <mergeCell ref="AO1811:AP1811"/>
    <mergeCell ref="AZ1817:BC1818"/>
    <mergeCell ref="BD1817:BG1818"/>
    <mergeCell ref="C1815:G1816"/>
    <mergeCell ref="AZ1815:BC1816"/>
    <mergeCell ref="BD1815:BG1816"/>
    <mergeCell ref="U1816:U1818"/>
    <mergeCell ref="AB1816:AG1818"/>
    <mergeCell ref="AH1816:AH1818"/>
    <mergeCell ref="AL1816:AL1818"/>
    <mergeCell ref="BH1801:BO1803"/>
    <mergeCell ref="C1801:G1802"/>
    <mergeCell ref="H1801:J1806"/>
    <mergeCell ref="K1801:M1806"/>
    <mergeCell ref="N1801:O1806"/>
    <mergeCell ref="AB1801:AG1803"/>
    <mergeCell ref="AH1801:AH1803"/>
    <mergeCell ref="AL1801:AL1803"/>
    <mergeCell ref="AT1816:AY1818"/>
    <mergeCell ref="C1817:G1818"/>
    <mergeCell ref="AO1817:AP1817"/>
    <mergeCell ref="BD1813:BG1814"/>
    <mergeCell ref="BH1813:BO1815"/>
    <mergeCell ref="BP1801:BR1803"/>
    <mergeCell ref="BS1801:BU1806"/>
    <mergeCell ref="BV1801:BX1806"/>
    <mergeCell ref="BY1801:CA1806"/>
    <mergeCell ref="BH1804:BO1806"/>
    <mergeCell ref="BP1804:BR1806"/>
    <mergeCell ref="BD1807:BG1808"/>
    <mergeCell ref="BH1807:BO1809"/>
    <mergeCell ref="BP1807:BR1809"/>
    <mergeCell ref="BS1807:BU1812"/>
    <mergeCell ref="BV1807:BX1812"/>
    <mergeCell ref="BY1807:CA1812"/>
    <mergeCell ref="BH1810:BO1812"/>
    <mergeCell ref="BP1810:BR1812"/>
    <mergeCell ref="AZ1805:BC1806"/>
    <mergeCell ref="BD1805:BG1806"/>
    <mergeCell ref="AZ1799:BC1800"/>
    <mergeCell ref="BD1799:BG1800"/>
    <mergeCell ref="AZ1801:BC1802"/>
    <mergeCell ref="C1797:G1798"/>
    <mergeCell ref="AZ1797:BC1798"/>
    <mergeCell ref="BD1797:BG1798"/>
    <mergeCell ref="U1798:U1800"/>
    <mergeCell ref="AB1798:AG1800"/>
    <mergeCell ref="AH1798:AH1800"/>
    <mergeCell ref="AL1798:AL1800"/>
    <mergeCell ref="AT1798:AY1800"/>
    <mergeCell ref="C1799:G1800"/>
    <mergeCell ref="AO1799:AP1799"/>
    <mergeCell ref="C1803:G1804"/>
    <mergeCell ref="AZ1803:BC1804"/>
    <mergeCell ref="BD1803:BG1804"/>
    <mergeCell ref="U1804:U1806"/>
    <mergeCell ref="AB1804:AG1806"/>
    <mergeCell ref="AH1804:AH1806"/>
    <mergeCell ref="AL1804:AL1806"/>
    <mergeCell ref="AT1804:AY1806"/>
    <mergeCell ref="C1805:G1806"/>
    <mergeCell ref="AO1805:AP1805"/>
    <mergeCell ref="BD1801:BG1802"/>
    <mergeCell ref="AB1792:AG1794"/>
    <mergeCell ref="AH1792:AH1794"/>
    <mergeCell ref="AL1792:AL1794"/>
    <mergeCell ref="AT1792:AY1794"/>
    <mergeCell ref="C1793:G1794"/>
    <mergeCell ref="AO1793:AP1793"/>
    <mergeCell ref="BD1789:BG1790"/>
    <mergeCell ref="BH1789:BO1791"/>
    <mergeCell ref="BP1789:BR1791"/>
    <mergeCell ref="BS1789:BU1794"/>
    <mergeCell ref="BV1789:BX1794"/>
    <mergeCell ref="BY1789:CA1794"/>
    <mergeCell ref="BH1792:BO1794"/>
    <mergeCell ref="BP1792:BR1794"/>
    <mergeCell ref="BD1795:BG1796"/>
    <mergeCell ref="BH1795:BO1797"/>
    <mergeCell ref="BP1795:BR1797"/>
    <mergeCell ref="BS1795:BU1800"/>
    <mergeCell ref="BV1795:BX1800"/>
    <mergeCell ref="BY1795:CA1800"/>
    <mergeCell ref="BH1798:BO1800"/>
    <mergeCell ref="BP1798:BR1800"/>
    <mergeCell ref="AZ1793:BC1794"/>
    <mergeCell ref="BD1793:BG1794"/>
    <mergeCell ref="C1795:G1796"/>
    <mergeCell ref="H1795:J1800"/>
    <mergeCell ref="K1795:M1800"/>
    <mergeCell ref="N1795:O1800"/>
    <mergeCell ref="AB1795:AG1797"/>
    <mergeCell ref="AH1795:AH1797"/>
    <mergeCell ref="AL1795:AL1797"/>
    <mergeCell ref="AZ1795:BC1796"/>
    <mergeCell ref="C1783:G1784"/>
    <mergeCell ref="H1783:J1788"/>
    <mergeCell ref="K1783:M1788"/>
    <mergeCell ref="N1783:O1788"/>
    <mergeCell ref="AB1783:AG1785"/>
    <mergeCell ref="AH1783:AH1785"/>
    <mergeCell ref="AL1783:AL1785"/>
    <mergeCell ref="AZ1783:BC1784"/>
    <mergeCell ref="AZ1787:BC1788"/>
    <mergeCell ref="BD1787:BG1788"/>
    <mergeCell ref="C1789:G1790"/>
    <mergeCell ref="H1789:J1794"/>
    <mergeCell ref="K1789:M1794"/>
    <mergeCell ref="N1789:O1794"/>
    <mergeCell ref="AB1789:AG1791"/>
    <mergeCell ref="AH1789:AH1791"/>
    <mergeCell ref="AL1789:AL1791"/>
    <mergeCell ref="AZ1789:BC1790"/>
    <mergeCell ref="C1785:G1786"/>
    <mergeCell ref="AZ1785:BC1786"/>
    <mergeCell ref="BD1785:BG1786"/>
    <mergeCell ref="U1786:U1788"/>
    <mergeCell ref="AB1786:AG1788"/>
    <mergeCell ref="AH1786:AH1788"/>
    <mergeCell ref="AL1786:AL1788"/>
    <mergeCell ref="AT1786:AY1788"/>
    <mergeCell ref="C1787:G1788"/>
    <mergeCell ref="AO1787:AP1787"/>
    <mergeCell ref="C1791:G1792"/>
    <mergeCell ref="AZ1791:BC1792"/>
    <mergeCell ref="BD1791:BG1792"/>
    <mergeCell ref="U1792:U1794"/>
    <mergeCell ref="BH1777:BO1779"/>
    <mergeCell ref="BP1777:BR1779"/>
    <mergeCell ref="BS1777:BU1782"/>
    <mergeCell ref="BV1777:BX1782"/>
    <mergeCell ref="BY1777:CA1782"/>
    <mergeCell ref="BH1780:BO1782"/>
    <mergeCell ref="BP1780:BR1782"/>
    <mergeCell ref="BD1783:BG1784"/>
    <mergeCell ref="BH1783:BO1785"/>
    <mergeCell ref="BP1783:BR1785"/>
    <mergeCell ref="BS1783:BU1788"/>
    <mergeCell ref="BV1783:BX1788"/>
    <mergeCell ref="BY1783:CA1788"/>
    <mergeCell ref="BH1786:BO1788"/>
    <mergeCell ref="BP1786:BR1788"/>
    <mergeCell ref="AZ1781:BC1782"/>
    <mergeCell ref="BD1781:BG1782"/>
    <mergeCell ref="AZ1775:BC1776"/>
    <mergeCell ref="BD1775:BG1776"/>
    <mergeCell ref="C1777:G1778"/>
    <mergeCell ref="H1777:J1782"/>
    <mergeCell ref="K1777:M1782"/>
    <mergeCell ref="N1777:O1782"/>
    <mergeCell ref="AB1777:AG1779"/>
    <mergeCell ref="AH1777:AH1779"/>
    <mergeCell ref="AL1777:AL1779"/>
    <mergeCell ref="AZ1777:BC1778"/>
    <mergeCell ref="C1773:G1774"/>
    <mergeCell ref="AZ1773:BC1774"/>
    <mergeCell ref="BD1773:BG1774"/>
    <mergeCell ref="U1774:U1776"/>
    <mergeCell ref="AB1774:AG1776"/>
    <mergeCell ref="AH1774:AH1776"/>
    <mergeCell ref="AL1774:AL1776"/>
    <mergeCell ref="AT1774:AY1776"/>
    <mergeCell ref="C1775:G1776"/>
    <mergeCell ref="AO1775:AP1775"/>
    <mergeCell ref="C1779:G1780"/>
    <mergeCell ref="AZ1779:BC1780"/>
    <mergeCell ref="BD1779:BG1780"/>
    <mergeCell ref="U1780:U1782"/>
    <mergeCell ref="AB1780:AG1782"/>
    <mergeCell ref="AH1780:AH1782"/>
    <mergeCell ref="AL1780:AL1782"/>
    <mergeCell ref="AT1780:AY1782"/>
    <mergeCell ref="C1781:G1782"/>
    <mergeCell ref="AO1781:AP1781"/>
    <mergeCell ref="BD1777:BG1778"/>
    <mergeCell ref="AB1768:AG1770"/>
    <mergeCell ref="AH1768:AH1770"/>
    <mergeCell ref="AL1768:AL1770"/>
    <mergeCell ref="AT1768:AY1770"/>
    <mergeCell ref="C1769:G1770"/>
    <mergeCell ref="AO1769:AP1769"/>
    <mergeCell ref="BD1765:BG1766"/>
    <mergeCell ref="BH1765:BO1767"/>
    <mergeCell ref="BP1765:BR1767"/>
    <mergeCell ref="BS1765:BU1770"/>
    <mergeCell ref="BV1765:BX1770"/>
    <mergeCell ref="BY1765:CA1770"/>
    <mergeCell ref="BH1768:BO1770"/>
    <mergeCell ref="BP1768:BR1770"/>
    <mergeCell ref="BD1771:BG1772"/>
    <mergeCell ref="BH1771:BO1773"/>
    <mergeCell ref="BP1771:BR1773"/>
    <mergeCell ref="BS1771:BU1776"/>
    <mergeCell ref="BV1771:BX1776"/>
    <mergeCell ref="BY1771:CA1776"/>
    <mergeCell ref="BH1774:BO1776"/>
    <mergeCell ref="BP1774:BR1776"/>
    <mergeCell ref="AZ1769:BC1770"/>
    <mergeCell ref="BD1769:BG1770"/>
    <mergeCell ref="C1771:G1772"/>
    <mergeCell ref="H1771:J1776"/>
    <mergeCell ref="K1771:M1776"/>
    <mergeCell ref="N1771:O1776"/>
    <mergeCell ref="AB1771:AG1773"/>
    <mergeCell ref="AH1771:AH1773"/>
    <mergeCell ref="AL1771:AL1773"/>
    <mergeCell ref="AZ1771:BC1772"/>
    <mergeCell ref="C1759:G1760"/>
    <mergeCell ref="H1759:J1764"/>
    <mergeCell ref="K1759:M1764"/>
    <mergeCell ref="N1759:O1764"/>
    <mergeCell ref="AB1759:AG1761"/>
    <mergeCell ref="AH1759:AH1761"/>
    <mergeCell ref="AL1759:AL1761"/>
    <mergeCell ref="AZ1759:BC1760"/>
    <mergeCell ref="AZ1763:BC1764"/>
    <mergeCell ref="BD1763:BG1764"/>
    <mergeCell ref="C1765:G1766"/>
    <mergeCell ref="H1765:J1770"/>
    <mergeCell ref="K1765:M1770"/>
    <mergeCell ref="N1765:O1770"/>
    <mergeCell ref="AB1765:AG1767"/>
    <mergeCell ref="AH1765:AH1767"/>
    <mergeCell ref="AL1765:AL1767"/>
    <mergeCell ref="AZ1765:BC1766"/>
    <mergeCell ref="C1761:G1762"/>
    <mergeCell ref="AZ1761:BC1762"/>
    <mergeCell ref="BD1761:BG1762"/>
    <mergeCell ref="U1762:U1764"/>
    <mergeCell ref="AB1762:AG1764"/>
    <mergeCell ref="AH1762:AH1764"/>
    <mergeCell ref="AL1762:AL1764"/>
    <mergeCell ref="AT1762:AY1764"/>
    <mergeCell ref="C1763:G1764"/>
    <mergeCell ref="AO1763:AP1763"/>
    <mergeCell ref="C1767:G1768"/>
    <mergeCell ref="AZ1767:BC1768"/>
    <mergeCell ref="BD1767:BG1768"/>
    <mergeCell ref="U1768:U1770"/>
    <mergeCell ref="BH1753:BO1755"/>
    <mergeCell ref="BP1753:BR1755"/>
    <mergeCell ref="BS1753:BU1758"/>
    <mergeCell ref="BV1753:BX1758"/>
    <mergeCell ref="BY1753:CA1758"/>
    <mergeCell ref="BH1756:BO1758"/>
    <mergeCell ref="BP1756:BR1758"/>
    <mergeCell ref="BD1759:BG1760"/>
    <mergeCell ref="BH1759:BO1761"/>
    <mergeCell ref="BP1759:BR1761"/>
    <mergeCell ref="BS1759:BU1764"/>
    <mergeCell ref="BV1759:BX1764"/>
    <mergeCell ref="BY1759:CA1764"/>
    <mergeCell ref="BH1762:BO1764"/>
    <mergeCell ref="BP1762:BR1764"/>
    <mergeCell ref="AZ1757:BC1758"/>
    <mergeCell ref="BD1757:BG1758"/>
    <mergeCell ref="AZ1751:BC1752"/>
    <mergeCell ref="BD1751:BG1752"/>
    <mergeCell ref="C1753:G1754"/>
    <mergeCell ref="H1753:J1758"/>
    <mergeCell ref="K1753:M1758"/>
    <mergeCell ref="N1753:O1758"/>
    <mergeCell ref="AB1753:AG1755"/>
    <mergeCell ref="AH1753:AH1755"/>
    <mergeCell ref="AL1753:AL1755"/>
    <mergeCell ref="AZ1753:BC1754"/>
    <mergeCell ref="C1749:G1750"/>
    <mergeCell ref="AZ1749:BC1750"/>
    <mergeCell ref="BD1749:BG1750"/>
    <mergeCell ref="U1750:U1752"/>
    <mergeCell ref="AB1750:AG1752"/>
    <mergeCell ref="AH1750:AH1752"/>
    <mergeCell ref="AL1750:AL1752"/>
    <mergeCell ref="AT1750:AY1752"/>
    <mergeCell ref="C1751:G1752"/>
    <mergeCell ref="AO1751:AP1751"/>
    <mergeCell ref="C1755:G1756"/>
    <mergeCell ref="AZ1755:BC1756"/>
    <mergeCell ref="BD1755:BG1756"/>
    <mergeCell ref="U1756:U1758"/>
    <mergeCell ref="AB1756:AG1758"/>
    <mergeCell ref="AH1756:AH1758"/>
    <mergeCell ref="AL1756:AL1758"/>
    <mergeCell ref="AT1756:AY1758"/>
    <mergeCell ref="C1757:G1758"/>
    <mergeCell ref="AO1757:AP1757"/>
    <mergeCell ref="BD1753:BG1754"/>
    <mergeCell ref="AB1744:AG1746"/>
    <mergeCell ref="AH1744:AH1746"/>
    <mergeCell ref="AL1744:AL1746"/>
    <mergeCell ref="AT1744:AY1746"/>
    <mergeCell ref="C1745:G1746"/>
    <mergeCell ref="AO1745:AP1745"/>
    <mergeCell ref="BD1741:BG1742"/>
    <mergeCell ref="BH1741:BO1743"/>
    <mergeCell ref="BP1741:BR1743"/>
    <mergeCell ref="BS1741:BU1746"/>
    <mergeCell ref="BV1741:BX1746"/>
    <mergeCell ref="BY1741:CA1746"/>
    <mergeCell ref="BH1744:BO1746"/>
    <mergeCell ref="BP1744:BR1746"/>
    <mergeCell ref="BD1747:BG1748"/>
    <mergeCell ref="BH1747:BO1749"/>
    <mergeCell ref="BP1747:BR1749"/>
    <mergeCell ref="BS1747:BU1752"/>
    <mergeCell ref="BV1747:BX1752"/>
    <mergeCell ref="BY1747:CA1752"/>
    <mergeCell ref="BH1750:BO1752"/>
    <mergeCell ref="BP1750:BR1752"/>
    <mergeCell ref="AZ1745:BC1746"/>
    <mergeCell ref="BD1745:BG1746"/>
    <mergeCell ref="C1747:G1748"/>
    <mergeCell ref="H1747:J1752"/>
    <mergeCell ref="K1747:M1752"/>
    <mergeCell ref="N1747:O1752"/>
    <mergeCell ref="AB1747:AG1749"/>
    <mergeCell ref="AH1747:AH1749"/>
    <mergeCell ref="AL1747:AL1749"/>
    <mergeCell ref="AZ1747:BC1748"/>
    <mergeCell ref="C1735:G1736"/>
    <mergeCell ref="H1735:J1740"/>
    <mergeCell ref="K1735:M1740"/>
    <mergeCell ref="N1735:O1740"/>
    <mergeCell ref="AB1735:AG1737"/>
    <mergeCell ref="AH1735:AH1737"/>
    <mergeCell ref="AL1735:AL1737"/>
    <mergeCell ref="AZ1735:BC1736"/>
    <mergeCell ref="AZ1739:BC1740"/>
    <mergeCell ref="BD1739:BG1740"/>
    <mergeCell ref="C1741:G1742"/>
    <mergeCell ref="H1741:J1746"/>
    <mergeCell ref="K1741:M1746"/>
    <mergeCell ref="N1741:O1746"/>
    <mergeCell ref="AB1741:AG1743"/>
    <mergeCell ref="AH1741:AH1743"/>
    <mergeCell ref="AL1741:AL1743"/>
    <mergeCell ref="AZ1741:BC1742"/>
    <mergeCell ref="C1737:G1738"/>
    <mergeCell ref="AZ1737:BC1738"/>
    <mergeCell ref="BD1737:BG1738"/>
    <mergeCell ref="U1738:U1740"/>
    <mergeCell ref="AB1738:AG1740"/>
    <mergeCell ref="AH1738:AH1740"/>
    <mergeCell ref="AL1738:AL1740"/>
    <mergeCell ref="AT1738:AY1740"/>
    <mergeCell ref="C1739:G1740"/>
    <mergeCell ref="AO1739:AP1739"/>
    <mergeCell ref="C1743:G1744"/>
    <mergeCell ref="AZ1743:BC1744"/>
    <mergeCell ref="BD1743:BG1744"/>
    <mergeCell ref="U1744:U1746"/>
    <mergeCell ref="BH1729:BO1731"/>
    <mergeCell ref="BP1729:BR1731"/>
    <mergeCell ref="BS1729:BU1734"/>
    <mergeCell ref="BV1729:BX1734"/>
    <mergeCell ref="BY1729:CA1734"/>
    <mergeCell ref="BH1732:BO1734"/>
    <mergeCell ref="BP1732:BR1734"/>
    <mergeCell ref="BD1735:BG1736"/>
    <mergeCell ref="BH1735:BO1737"/>
    <mergeCell ref="BP1735:BR1737"/>
    <mergeCell ref="BS1735:BU1740"/>
    <mergeCell ref="BV1735:BX1740"/>
    <mergeCell ref="BY1735:CA1740"/>
    <mergeCell ref="BH1738:BO1740"/>
    <mergeCell ref="BP1738:BR1740"/>
    <mergeCell ref="AZ1733:BC1734"/>
    <mergeCell ref="BD1733:BG1734"/>
    <mergeCell ref="AZ1727:BC1728"/>
    <mergeCell ref="BD1727:BG1728"/>
    <mergeCell ref="C1729:G1730"/>
    <mergeCell ref="H1729:J1734"/>
    <mergeCell ref="K1729:M1734"/>
    <mergeCell ref="N1729:O1734"/>
    <mergeCell ref="AB1729:AG1731"/>
    <mergeCell ref="AH1729:AH1731"/>
    <mergeCell ref="AL1729:AL1731"/>
    <mergeCell ref="AZ1729:BC1730"/>
    <mergeCell ref="C1725:G1726"/>
    <mergeCell ref="AZ1725:BC1726"/>
    <mergeCell ref="BD1725:BG1726"/>
    <mergeCell ref="U1726:U1728"/>
    <mergeCell ref="AB1726:AG1728"/>
    <mergeCell ref="AH1726:AH1728"/>
    <mergeCell ref="AL1726:AL1728"/>
    <mergeCell ref="AT1726:AY1728"/>
    <mergeCell ref="C1727:G1728"/>
    <mergeCell ref="AO1727:AP1727"/>
    <mergeCell ref="C1731:G1732"/>
    <mergeCell ref="AZ1731:BC1732"/>
    <mergeCell ref="BD1731:BG1732"/>
    <mergeCell ref="U1732:U1734"/>
    <mergeCell ref="AB1732:AG1734"/>
    <mergeCell ref="AH1732:AH1734"/>
    <mergeCell ref="AL1732:AL1734"/>
    <mergeCell ref="AT1732:AY1734"/>
    <mergeCell ref="C1733:G1734"/>
    <mergeCell ref="AO1733:AP1733"/>
    <mergeCell ref="BD1729:BG1730"/>
    <mergeCell ref="AB1720:AG1722"/>
    <mergeCell ref="AH1720:AH1722"/>
    <mergeCell ref="AL1720:AL1722"/>
    <mergeCell ref="AT1720:AY1722"/>
    <mergeCell ref="C1721:G1722"/>
    <mergeCell ref="AO1721:AP1721"/>
    <mergeCell ref="BD1717:BG1718"/>
    <mergeCell ref="BH1717:BO1719"/>
    <mergeCell ref="BP1717:BR1719"/>
    <mergeCell ref="BS1717:BU1722"/>
    <mergeCell ref="BV1717:BX1722"/>
    <mergeCell ref="BY1717:CA1722"/>
    <mergeCell ref="BH1720:BO1722"/>
    <mergeCell ref="BP1720:BR1722"/>
    <mergeCell ref="BD1723:BG1724"/>
    <mergeCell ref="BH1723:BO1725"/>
    <mergeCell ref="BP1723:BR1725"/>
    <mergeCell ref="BS1723:BU1728"/>
    <mergeCell ref="BV1723:BX1728"/>
    <mergeCell ref="BY1723:CA1728"/>
    <mergeCell ref="BH1726:BO1728"/>
    <mergeCell ref="BP1726:BR1728"/>
    <mergeCell ref="AZ1721:BC1722"/>
    <mergeCell ref="BD1721:BG1722"/>
    <mergeCell ref="C1723:G1724"/>
    <mergeCell ref="H1723:J1728"/>
    <mergeCell ref="K1723:M1728"/>
    <mergeCell ref="N1723:O1728"/>
    <mergeCell ref="AB1723:AG1725"/>
    <mergeCell ref="AH1723:AH1725"/>
    <mergeCell ref="AL1723:AL1725"/>
    <mergeCell ref="AZ1723:BC1724"/>
    <mergeCell ref="C1711:G1712"/>
    <mergeCell ref="H1711:J1716"/>
    <mergeCell ref="K1711:M1716"/>
    <mergeCell ref="N1711:O1716"/>
    <mergeCell ref="AB1711:AG1713"/>
    <mergeCell ref="AH1711:AH1713"/>
    <mergeCell ref="AL1711:AL1713"/>
    <mergeCell ref="AZ1711:BC1712"/>
    <mergeCell ref="AZ1715:BC1716"/>
    <mergeCell ref="BD1715:BG1716"/>
    <mergeCell ref="C1717:G1718"/>
    <mergeCell ref="H1717:J1722"/>
    <mergeCell ref="K1717:M1722"/>
    <mergeCell ref="N1717:O1722"/>
    <mergeCell ref="AB1717:AG1719"/>
    <mergeCell ref="AH1717:AH1719"/>
    <mergeCell ref="AL1717:AL1719"/>
    <mergeCell ref="AZ1717:BC1718"/>
    <mergeCell ref="C1713:G1714"/>
    <mergeCell ref="AZ1713:BC1714"/>
    <mergeCell ref="BD1713:BG1714"/>
    <mergeCell ref="U1714:U1716"/>
    <mergeCell ref="AB1714:AG1716"/>
    <mergeCell ref="AH1714:AH1716"/>
    <mergeCell ref="AL1714:AL1716"/>
    <mergeCell ref="AT1714:AY1716"/>
    <mergeCell ref="C1715:G1716"/>
    <mergeCell ref="AO1715:AP1715"/>
    <mergeCell ref="C1719:G1720"/>
    <mergeCell ref="AZ1719:BC1720"/>
    <mergeCell ref="BD1719:BG1720"/>
    <mergeCell ref="U1720:U1722"/>
    <mergeCell ref="BH1705:BO1707"/>
    <mergeCell ref="BP1705:BR1707"/>
    <mergeCell ref="BS1705:BU1710"/>
    <mergeCell ref="BV1705:BX1710"/>
    <mergeCell ref="BY1705:CA1710"/>
    <mergeCell ref="BH1708:BO1710"/>
    <mergeCell ref="BP1708:BR1710"/>
    <mergeCell ref="BD1711:BG1712"/>
    <mergeCell ref="BH1711:BO1713"/>
    <mergeCell ref="BP1711:BR1713"/>
    <mergeCell ref="BS1711:BU1716"/>
    <mergeCell ref="BV1711:BX1716"/>
    <mergeCell ref="BY1711:CA1716"/>
    <mergeCell ref="BH1714:BO1716"/>
    <mergeCell ref="BP1714:BR1716"/>
    <mergeCell ref="AZ1709:BC1710"/>
    <mergeCell ref="BD1709:BG1710"/>
    <mergeCell ref="AZ1703:BC1704"/>
    <mergeCell ref="BD1703:BG1704"/>
    <mergeCell ref="C1705:G1706"/>
    <mergeCell ref="H1705:J1710"/>
    <mergeCell ref="K1705:M1710"/>
    <mergeCell ref="N1705:O1710"/>
    <mergeCell ref="AB1705:AG1707"/>
    <mergeCell ref="AH1705:AH1707"/>
    <mergeCell ref="AL1705:AL1707"/>
    <mergeCell ref="AZ1705:BC1706"/>
    <mergeCell ref="C1701:G1702"/>
    <mergeCell ref="AZ1701:BC1702"/>
    <mergeCell ref="BD1701:BG1702"/>
    <mergeCell ref="U1702:U1704"/>
    <mergeCell ref="AB1702:AG1704"/>
    <mergeCell ref="AH1702:AH1704"/>
    <mergeCell ref="AL1702:AL1704"/>
    <mergeCell ref="AT1702:AY1704"/>
    <mergeCell ref="C1703:G1704"/>
    <mergeCell ref="AO1703:AP1703"/>
    <mergeCell ref="C1707:G1708"/>
    <mergeCell ref="AZ1707:BC1708"/>
    <mergeCell ref="BD1707:BG1708"/>
    <mergeCell ref="U1708:U1710"/>
    <mergeCell ref="AB1708:AG1710"/>
    <mergeCell ref="AH1708:AH1710"/>
    <mergeCell ref="AL1708:AL1710"/>
    <mergeCell ref="AT1708:AY1710"/>
    <mergeCell ref="C1709:G1710"/>
    <mergeCell ref="AO1709:AP1709"/>
    <mergeCell ref="BD1705:BG1706"/>
    <mergeCell ref="AB1696:AG1698"/>
    <mergeCell ref="AH1696:AH1698"/>
    <mergeCell ref="AL1696:AL1698"/>
    <mergeCell ref="AT1696:AY1698"/>
    <mergeCell ref="C1697:G1698"/>
    <mergeCell ref="AO1697:AP1697"/>
    <mergeCell ref="BD1693:BG1694"/>
    <mergeCell ref="BH1693:BO1695"/>
    <mergeCell ref="BP1693:BR1695"/>
    <mergeCell ref="BS1693:BU1698"/>
    <mergeCell ref="BV1693:BX1698"/>
    <mergeCell ref="BY1693:CA1698"/>
    <mergeCell ref="BH1696:BO1698"/>
    <mergeCell ref="BP1696:BR1698"/>
    <mergeCell ref="BD1699:BG1700"/>
    <mergeCell ref="BH1699:BO1701"/>
    <mergeCell ref="BP1699:BR1701"/>
    <mergeCell ref="BS1699:BU1704"/>
    <mergeCell ref="BV1699:BX1704"/>
    <mergeCell ref="BY1699:CA1704"/>
    <mergeCell ref="BH1702:BO1704"/>
    <mergeCell ref="BP1702:BR1704"/>
    <mergeCell ref="AZ1697:BC1698"/>
    <mergeCell ref="BD1697:BG1698"/>
    <mergeCell ref="C1699:G1700"/>
    <mergeCell ref="H1699:J1704"/>
    <mergeCell ref="K1699:M1704"/>
    <mergeCell ref="N1699:O1704"/>
    <mergeCell ref="AB1699:AG1701"/>
    <mergeCell ref="AH1699:AH1701"/>
    <mergeCell ref="AL1699:AL1701"/>
    <mergeCell ref="AZ1699:BC1700"/>
    <mergeCell ref="C1687:G1688"/>
    <mergeCell ref="H1687:J1692"/>
    <mergeCell ref="K1687:M1692"/>
    <mergeCell ref="N1687:O1692"/>
    <mergeCell ref="AB1687:AG1689"/>
    <mergeCell ref="AH1687:AH1689"/>
    <mergeCell ref="AL1687:AL1689"/>
    <mergeCell ref="AZ1687:BC1688"/>
    <mergeCell ref="AZ1691:BC1692"/>
    <mergeCell ref="BD1691:BG1692"/>
    <mergeCell ref="C1693:G1694"/>
    <mergeCell ref="H1693:J1698"/>
    <mergeCell ref="K1693:M1698"/>
    <mergeCell ref="N1693:O1698"/>
    <mergeCell ref="AB1693:AG1695"/>
    <mergeCell ref="AH1693:AH1695"/>
    <mergeCell ref="AL1693:AL1695"/>
    <mergeCell ref="AZ1693:BC1694"/>
    <mergeCell ref="C1689:G1690"/>
    <mergeCell ref="AZ1689:BC1690"/>
    <mergeCell ref="BD1689:BG1690"/>
    <mergeCell ref="U1690:U1692"/>
    <mergeCell ref="AB1690:AG1692"/>
    <mergeCell ref="AH1690:AH1692"/>
    <mergeCell ref="AL1690:AL1692"/>
    <mergeCell ref="AT1690:AY1692"/>
    <mergeCell ref="C1691:G1692"/>
    <mergeCell ref="AO1691:AP1691"/>
    <mergeCell ref="C1695:G1696"/>
    <mergeCell ref="AZ1695:BC1696"/>
    <mergeCell ref="BD1695:BG1696"/>
    <mergeCell ref="U1696:U1698"/>
    <mergeCell ref="BH1681:BO1683"/>
    <mergeCell ref="BP1681:BR1683"/>
    <mergeCell ref="BS1681:BU1686"/>
    <mergeCell ref="BV1681:BX1686"/>
    <mergeCell ref="BY1681:CA1686"/>
    <mergeCell ref="BH1684:BO1686"/>
    <mergeCell ref="BP1684:BR1686"/>
    <mergeCell ref="BD1687:BG1688"/>
    <mergeCell ref="BH1687:BO1689"/>
    <mergeCell ref="BP1687:BR1689"/>
    <mergeCell ref="BS1687:BU1692"/>
    <mergeCell ref="BV1687:BX1692"/>
    <mergeCell ref="BY1687:CA1692"/>
    <mergeCell ref="BH1690:BO1692"/>
    <mergeCell ref="BP1690:BR1692"/>
    <mergeCell ref="AZ1685:BC1686"/>
    <mergeCell ref="BD1685:BG1686"/>
    <mergeCell ref="AZ1679:BC1680"/>
    <mergeCell ref="BD1679:BG1680"/>
    <mergeCell ref="C1681:G1682"/>
    <mergeCell ref="H1681:J1686"/>
    <mergeCell ref="K1681:M1686"/>
    <mergeCell ref="N1681:O1686"/>
    <mergeCell ref="AB1681:AG1683"/>
    <mergeCell ref="AH1681:AH1683"/>
    <mergeCell ref="AL1681:AL1683"/>
    <mergeCell ref="AZ1681:BC1682"/>
    <mergeCell ref="C1677:G1678"/>
    <mergeCell ref="AZ1677:BC1678"/>
    <mergeCell ref="BD1677:BG1678"/>
    <mergeCell ref="U1678:U1680"/>
    <mergeCell ref="AB1678:AG1680"/>
    <mergeCell ref="AH1678:AH1680"/>
    <mergeCell ref="AL1678:AL1680"/>
    <mergeCell ref="AT1678:AY1680"/>
    <mergeCell ref="C1679:G1680"/>
    <mergeCell ref="AO1679:AP1679"/>
    <mergeCell ref="C1683:G1684"/>
    <mergeCell ref="AZ1683:BC1684"/>
    <mergeCell ref="BD1683:BG1684"/>
    <mergeCell ref="U1684:U1686"/>
    <mergeCell ref="AB1684:AG1686"/>
    <mergeCell ref="AH1684:AH1686"/>
    <mergeCell ref="AL1684:AL1686"/>
    <mergeCell ref="AT1684:AY1686"/>
    <mergeCell ref="C1685:G1686"/>
    <mergeCell ref="AO1685:AP1685"/>
    <mergeCell ref="BD1681:BG1682"/>
    <mergeCell ref="AB1672:AG1674"/>
    <mergeCell ref="AH1672:AH1674"/>
    <mergeCell ref="AL1672:AL1674"/>
    <mergeCell ref="AT1672:AY1674"/>
    <mergeCell ref="C1673:G1674"/>
    <mergeCell ref="AO1673:AP1673"/>
    <mergeCell ref="BD1669:BG1670"/>
    <mergeCell ref="BH1669:BO1671"/>
    <mergeCell ref="BP1669:BR1671"/>
    <mergeCell ref="BS1669:BU1674"/>
    <mergeCell ref="BV1669:BX1674"/>
    <mergeCell ref="BY1669:CA1674"/>
    <mergeCell ref="BH1672:BO1674"/>
    <mergeCell ref="BP1672:BR1674"/>
    <mergeCell ref="BD1675:BG1676"/>
    <mergeCell ref="BH1675:BO1677"/>
    <mergeCell ref="BP1675:BR1677"/>
    <mergeCell ref="BS1675:BU1680"/>
    <mergeCell ref="BV1675:BX1680"/>
    <mergeCell ref="BY1675:CA1680"/>
    <mergeCell ref="BH1678:BO1680"/>
    <mergeCell ref="BP1678:BR1680"/>
    <mergeCell ref="AZ1673:BC1674"/>
    <mergeCell ref="BD1673:BG1674"/>
    <mergeCell ref="C1675:G1676"/>
    <mergeCell ref="H1675:J1680"/>
    <mergeCell ref="K1675:M1680"/>
    <mergeCell ref="N1675:O1680"/>
    <mergeCell ref="AB1675:AG1677"/>
    <mergeCell ref="AH1675:AH1677"/>
    <mergeCell ref="AL1675:AL1677"/>
    <mergeCell ref="AZ1675:BC1676"/>
    <mergeCell ref="C1663:G1664"/>
    <mergeCell ref="H1663:J1668"/>
    <mergeCell ref="K1663:M1668"/>
    <mergeCell ref="N1663:O1668"/>
    <mergeCell ref="AB1663:AG1665"/>
    <mergeCell ref="AH1663:AH1665"/>
    <mergeCell ref="AL1663:AL1665"/>
    <mergeCell ref="AZ1663:BC1664"/>
    <mergeCell ref="AZ1667:BC1668"/>
    <mergeCell ref="BD1667:BG1668"/>
    <mergeCell ref="C1669:G1670"/>
    <mergeCell ref="H1669:J1674"/>
    <mergeCell ref="K1669:M1674"/>
    <mergeCell ref="N1669:O1674"/>
    <mergeCell ref="AB1669:AG1671"/>
    <mergeCell ref="AH1669:AH1671"/>
    <mergeCell ref="AL1669:AL1671"/>
    <mergeCell ref="AZ1669:BC1670"/>
    <mergeCell ref="C1665:G1666"/>
    <mergeCell ref="AZ1665:BC1666"/>
    <mergeCell ref="BD1665:BG1666"/>
    <mergeCell ref="U1666:U1668"/>
    <mergeCell ref="AB1666:AG1668"/>
    <mergeCell ref="AH1666:AH1668"/>
    <mergeCell ref="AL1666:AL1668"/>
    <mergeCell ref="AT1666:AY1668"/>
    <mergeCell ref="C1667:G1668"/>
    <mergeCell ref="AO1667:AP1667"/>
    <mergeCell ref="C1671:G1672"/>
    <mergeCell ref="AZ1671:BC1672"/>
    <mergeCell ref="BD1671:BG1672"/>
    <mergeCell ref="U1672:U1674"/>
    <mergeCell ref="BH1657:BO1659"/>
    <mergeCell ref="BP1657:BR1659"/>
    <mergeCell ref="BS1657:BU1662"/>
    <mergeCell ref="BV1657:BX1662"/>
    <mergeCell ref="BY1657:CA1662"/>
    <mergeCell ref="BH1660:BO1662"/>
    <mergeCell ref="BP1660:BR1662"/>
    <mergeCell ref="BD1663:BG1664"/>
    <mergeCell ref="BH1663:BO1665"/>
    <mergeCell ref="BP1663:BR1665"/>
    <mergeCell ref="BS1663:BU1668"/>
    <mergeCell ref="BV1663:BX1668"/>
    <mergeCell ref="BY1663:CA1668"/>
    <mergeCell ref="BH1666:BO1668"/>
    <mergeCell ref="BP1666:BR1668"/>
    <mergeCell ref="AZ1661:BC1662"/>
    <mergeCell ref="BD1661:BG1662"/>
    <mergeCell ref="AZ1655:BC1656"/>
    <mergeCell ref="BD1655:BG1656"/>
    <mergeCell ref="C1657:G1658"/>
    <mergeCell ref="H1657:J1662"/>
    <mergeCell ref="K1657:M1662"/>
    <mergeCell ref="N1657:O1662"/>
    <mergeCell ref="AB1657:AG1659"/>
    <mergeCell ref="AH1657:AH1659"/>
    <mergeCell ref="AL1657:AL1659"/>
    <mergeCell ref="AZ1657:BC1658"/>
    <mergeCell ref="C1653:G1654"/>
    <mergeCell ref="AZ1653:BC1654"/>
    <mergeCell ref="BD1653:BG1654"/>
    <mergeCell ref="U1654:U1656"/>
    <mergeCell ref="AB1654:AG1656"/>
    <mergeCell ref="AH1654:AH1656"/>
    <mergeCell ref="AL1654:AL1656"/>
    <mergeCell ref="AT1654:AY1656"/>
    <mergeCell ref="C1655:G1656"/>
    <mergeCell ref="AO1655:AP1655"/>
    <mergeCell ref="C1659:G1660"/>
    <mergeCell ref="AZ1659:BC1660"/>
    <mergeCell ref="BD1659:BG1660"/>
    <mergeCell ref="U1660:U1662"/>
    <mergeCell ref="AB1660:AG1662"/>
    <mergeCell ref="AH1660:AH1662"/>
    <mergeCell ref="AL1660:AL1662"/>
    <mergeCell ref="AT1660:AY1662"/>
    <mergeCell ref="C1661:G1662"/>
    <mergeCell ref="AO1661:AP1661"/>
    <mergeCell ref="BD1657:BG1658"/>
    <mergeCell ref="AB1648:AG1650"/>
    <mergeCell ref="AH1648:AH1650"/>
    <mergeCell ref="AL1648:AL1650"/>
    <mergeCell ref="AT1648:AY1650"/>
    <mergeCell ref="C1649:G1650"/>
    <mergeCell ref="AO1649:AP1649"/>
    <mergeCell ref="BD1645:BG1646"/>
    <mergeCell ref="BH1645:BO1647"/>
    <mergeCell ref="BP1645:BR1647"/>
    <mergeCell ref="BS1645:BU1650"/>
    <mergeCell ref="BV1645:BX1650"/>
    <mergeCell ref="BY1645:CA1650"/>
    <mergeCell ref="BH1648:BO1650"/>
    <mergeCell ref="BP1648:BR1650"/>
    <mergeCell ref="BD1651:BG1652"/>
    <mergeCell ref="BH1651:BO1653"/>
    <mergeCell ref="BP1651:BR1653"/>
    <mergeCell ref="BS1651:BU1656"/>
    <mergeCell ref="BV1651:BX1656"/>
    <mergeCell ref="BY1651:CA1656"/>
    <mergeCell ref="BH1654:BO1656"/>
    <mergeCell ref="BP1654:BR1656"/>
    <mergeCell ref="AZ1649:BC1650"/>
    <mergeCell ref="BD1649:BG1650"/>
    <mergeCell ref="C1651:G1652"/>
    <mergeCell ref="H1651:J1656"/>
    <mergeCell ref="K1651:M1656"/>
    <mergeCell ref="N1651:O1656"/>
    <mergeCell ref="AB1651:AG1653"/>
    <mergeCell ref="AH1651:AH1653"/>
    <mergeCell ref="AL1651:AL1653"/>
    <mergeCell ref="AZ1651:BC1652"/>
    <mergeCell ref="C1639:G1640"/>
    <mergeCell ref="H1639:J1644"/>
    <mergeCell ref="K1639:M1644"/>
    <mergeCell ref="N1639:O1644"/>
    <mergeCell ref="AB1639:AG1641"/>
    <mergeCell ref="AH1639:AH1641"/>
    <mergeCell ref="AL1639:AL1641"/>
    <mergeCell ref="AZ1639:BC1640"/>
    <mergeCell ref="AZ1643:BC1644"/>
    <mergeCell ref="BD1643:BG1644"/>
    <mergeCell ref="C1645:G1646"/>
    <mergeCell ref="H1645:J1650"/>
    <mergeCell ref="K1645:M1650"/>
    <mergeCell ref="N1645:O1650"/>
    <mergeCell ref="AB1645:AG1647"/>
    <mergeCell ref="AH1645:AH1647"/>
    <mergeCell ref="AL1645:AL1647"/>
    <mergeCell ref="AZ1645:BC1646"/>
    <mergeCell ref="C1641:G1642"/>
    <mergeCell ref="AZ1641:BC1642"/>
    <mergeCell ref="BD1641:BG1642"/>
    <mergeCell ref="U1642:U1644"/>
    <mergeCell ref="AB1642:AG1644"/>
    <mergeCell ref="AH1642:AH1644"/>
    <mergeCell ref="AL1642:AL1644"/>
    <mergeCell ref="AT1642:AY1644"/>
    <mergeCell ref="C1643:G1644"/>
    <mergeCell ref="AO1643:AP1643"/>
    <mergeCell ref="C1647:G1648"/>
    <mergeCell ref="AZ1647:BC1648"/>
    <mergeCell ref="BD1647:BG1648"/>
    <mergeCell ref="U1648:U1650"/>
    <mergeCell ref="BH1633:BO1635"/>
    <mergeCell ref="BP1633:BR1635"/>
    <mergeCell ref="BS1633:BU1638"/>
    <mergeCell ref="BV1633:BX1638"/>
    <mergeCell ref="BY1633:CA1638"/>
    <mergeCell ref="BH1636:BO1638"/>
    <mergeCell ref="BP1636:BR1638"/>
    <mergeCell ref="BD1639:BG1640"/>
    <mergeCell ref="BH1639:BO1641"/>
    <mergeCell ref="BP1639:BR1641"/>
    <mergeCell ref="BS1639:BU1644"/>
    <mergeCell ref="BV1639:BX1644"/>
    <mergeCell ref="BY1639:CA1644"/>
    <mergeCell ref="BH1642:BO1644"/>
    <mergeCell ref="BP1642:BR1644"/>
    <mergeCell ref="AZ1637:BC1638"/>
    <mergeCell ref="BD1637:BG1638"/>
    <mergeCell ref="AZ1631:BC1632"/>
    <mergeCell ref="BD1631:BG1632"/>
    <mergeCell ref="C1633:G1634"/>
    <mergeCell ref="H1633:J1638"/>
    <mergeCell ref="K1633:M1638"/>
    <mergeCell ref="N1633:O1638"/>
    <mergeCell ref="AB1633:AG1635"/>
    <mergeCell ref="AH1633:AH1635"/>
    <mergeCell ref="AL1633:AL1635"/>
    <mergeCell ref="AZ1633:BC1634"/>
    <mergeCell ref="C1629:G1630"/>
    <mergeCell ref="AZ1629:BC1630"/>
    <mergeCell ref="BD1629:BG1630"/>
    <mergeCell ref="U1630:U1632"/>
    <mergeCell ref="AB1630:AG1632"/>
    <mergeCell ref="AH1630:AH1632"/>
    <mergeCell ref="AL1630:AL1632"/>
    <mergeCell ref="AT1630:AY1632"/>
    <mergeCell ref="C1631:G1632"/>
    <mergeCell ref="AO1631:AP1631"/>
    <mergeCell ref="C1635:G1636"/>
    <mergeCell ref="AZ1635:BC1636"/>
    <mergeCell ref="BD1635:BG1636"/>
    <mergeCell ref="U1636:U1638"/>
    <mergeCell ref="AB1636:AG1638"/>
    <mergeCell ref="AH1636:AH1638"/>
    <mergeCell ref="AL1636:AL1638"/>
    <mergeCell ref="AT1636:AY1638"/>
    <mergeCell ref="C1637:G1638"/>
    <mergeCell ref="AO1637:AP1637"/>
    <mergeCell ref="BD1633:BG1634"/>
    <mergeCell ref="AB1624:AG1626"/>
    <mergeCell ref="AH1624:AH1626"/>
    <mergeCell ref="AL1624:AL1626"/>
    <mergeCell ref="AT1624:AY1626"/>
    <mergeCell ref="C1625:G1626"/>
    <mergeCell ref="AO1625:AP1625"/>
    <mergeCell ref="BD1621:BG1622"/>
    <mergeCell ref="BH1621:BO1623"/>
    <mergeCell ref="BP1621:BR1623"/>
    <mergeCell ref="BS1621:BU1626"/>
    <mergeCell ref="BV1621:BX1626"/>
    <mergeCell ref="BY1621:CA1626"/>
    <mergeCell ref="BH1624:BO1626"/>
    <mergeCell ref="BP1624:BR1626"/>
    <mergeCell ref="BD1627:BG1628"/>
    <mergeCell ref="BH1627:BO1629"/>
    <mergeCell ref="BP1627:BR1629"/>
    <mergeCell ref="BS1627:BU1632"/>
    <mergeCell ref="BV1627:BX1632"/>
    <mergeCell ref="BY1627:CA1632"/>
    <mergeCell ref="BH1630:BO1632"/>
    <mergeCell ref="BP1630:BR1632"/>
    <mergeCell ref="AZ1625:BC1626"/>
    <mergeCell ref="BD1625:BG1626"/>
    <mergeCell ref="C1627:G1628"/>
    <mergeCell ref="H1627:J1632"/>
    <mergeCell ref="K1627:M1632"/>
    <mergeCell ref="N1627:O1632"/>
    <mergeCell ref="AB1627:AG1629"/>
    <mergeCell ref="AH1627:AH1629"/>
    <mergeCell ref="AL1627:AL1629"/>
    <mergeCell ref="AZ1627:BC1628"/>
    <mergeCell ref="C1615:G1616"/>
    <mergeCell ref="H1615:J1620"/>
    <mergeCell ref="K1615:M1620"/>
    <mergeCell ref="N1615:O1620"/>
    <mergeCell ref="AB1615:AG1617"/>
    <mergeCell ref="AH1615:AH1617"/>
    <mergeCell ref="AL1615:AL1617"/>
    <mergeCell ref="AZ1615:BC1616"/>
    <mergeCell ref="AZ1619:BC1620"/>
    <mergeCell ref="BD1619:BG1620"/>
    <mergeCell ref="C1621:G1622"/>
    <mergeCell ref="H1621:J1626"/>
    <mergeCell ref="K1621:M1626"/>
    <mergeCell ref="N1621:O1626"/>
    <mergeCell ref="AB1621:AG1623"/>
    <mergeCell ref="AH1621:AH1623"/>
    <mergeCell ref="AL1621:AL1623"/>
    <mergeCell ref="AZ1621:BC1622"/>
    <mergeCell ref="C1617:G1618"/>
    <mergeCell ref="AZ1617:BC1618"/>
    <mergeCell ref="BD1617:BG1618"/>
    <mergeCell ref="U1618:U1620"/>
    <mergeCell ref="AB1618:AG1620"/>
    <mergeCell ref="AH1618:AH1620"/>
    <mergeCell ref="AL1618:AL1620"/>
    <mergeCell ref="AT1618:AY1620"/>
    <mergeCell ref="C1619:G1620"/>
    <mergeCell ref="AO1619:AP1619"/>
    <mergeCell ref="C1623:G1624"/>
    <mergeCell ref="AZ1623:BC1624"/>
    <mergeCell ref="BD1623:BG1624"/>
    <mergeCell ref="U1624:U1626"/>
    <mergeCell ref="BH1609:BO1611"/>
    <mergeCell ref="BP1609:BR1611"/>
    <mergeCell ref="BS1609:BU1614"/>
    <mergeCell ref="BV1609:BX1614"/>
    <mergeCell ref="BY1609:CA1614"/>
    <mergeCell ref="BH1612:BO1614"/>
    <mergeCell ref="BP1612:BR1614"/>
    <mergeCell ref="BD1615:BG1616"/>
    <mergeCell ref="BH1615:BO1617"/>
    <mergeCell ref="BP1615:BR1617"/>
    <mergeCell ref="BS1615:BU1620"/>
    <mergeCell ref="BV1615:BX1620"/>
    <mergeCell ref="BY1615:CA1620"/>
    <mergeCell ref="BH1618:BO1620"/>
    <mergeCell ref="BP1618:BR1620"/>
    <mergeCell ref="AZ1613:BC1614"/>
    <mergeCell ref="BD1613:BG1614"/>
    <mergeCell ref="AZ1607:BC1608"/>
    <mergeCell ref="BD1607:BG1608"/>
    <mergeCell ref="C1609:G1610"/>
    <mergeCell ref="H1609:J1614"/>
    <mergeCell ref="K1609:M1614"/>
    <mergeCell ref="N1609:O1614"/>
    <mergeCell ref="AB1609:AG1611"/>
    <mergeCell ref="AH1609:AH1611"/>
    <mergeCell ref="AL1609:AL1611"/>
    <mergeCell ref="AZ1609:BC1610"/>
    <mergeCell ref="C1605:G1606"/>
    <mergeCell ref="AZ1605:BC1606"/>
    <mergeCell ref="BD1605:BG1606"/>
    <mergeCell ref="U1606:U1608"/>
    <mergeCell ref="AB1606:AG1608"/>
    <mergeCell ref="AH1606:AH1608"/>
    <mergeCell ref="AL1606:AL1608"/>
    <mergeCell ref="AT1606:AY1608"/>
    <mergeCell ref="C1607:G1608"/>
    <mergeCell ref="AO1607:AP1607"/>
    <mergeCell ref="C1611:G1612"/>
    <mergeCell ref="AZ1611:BC1612"/>
    <mergeCell ref="BD1611:BG1612"/>
    <mergeCell ref="U1612:U1614"/>
    <mergeCell ref="AB1612:AG1614"/>
    <mergeCell ref="AH1612:AH1614"/>
    <mergeCell ref="AL1612:AL1614"/>
    <mergeCell ref="AT1612:AY1614"/>
    <mergeCell ref="C1613:G1614"/>
    <mergeCell ref="AO1613:AP1613"/>
    <mergeCell ref="BD1609:BG1610"/>
    <mergeCell ref="AB1600:AG1602"/>
    <mergeCell ref="AH1600:AH1602"/>
    <mergeCell ref="AL1600:AL1602"/>
    <mergeCell ref="AT1600:AY1602"/>
    <mergeCell ref="C1601:G1602"/>
    <mergeCell ref="AO1601:AP1601"/>
    <mergeCell ref="BD1597:BG1598"/>
    <mergeCell ref="BH1597:BO1599"/>
    <mergeCell ref="BP1597:BR1599"/>
    <mergeCell ref="BS1597:BU1602"/>
    <mergeCell ref="BV1597:BX1602"/>
    <mergeCell ref="BY1597:CA1602"/>
    <mergeCell ref="BH1600:BO1602"/>
    <mergeCell ref="BP1600:BR1602"/>
    <mergeCell ref="BD1603:BG1604"/>
    <mergeCell ref="BH1603:BO1605"/>
    <mergeCell ref="BP1603:BR1605"/>
    <mergeCell ref="BS1603:BU1608"/>
    <mergeCell ref="BV1603:BX1608"/>
    <mergeCell ref="BY1603:CA1608"/>
    <mergeCell ref="BH1606:BO1608"/>
    <mergeCell ref="BP1606:BR1608"/>
    <mergeCell ref="AZ1601:BC1602"/>
    <mergeCell ref="BD1601:BG1602"/>
    <mergeCell ref="C1603:G1604"/>
    <mergeCell ref="H1603:J1608"/>
    <mergeCell ref="K1603:M1608"/>
    <mergeCell ref="N1603:O1608"/>
    <mergeCell ref="AB1603:AG1605"/>
    <mergeCell ref="AH1603:AH1605"/>
    <mergeCell ref="AL1603:AL1605"/>
    <mergeCell ref="AZ1603:BC1604"/>
    <mergeCell ref="C1591:G1592"/>
    <mergeCell ref="H1591:J1596"/>
    <mergeCell ref="K1591:M1596"/>
    <mergeCell ref="N1591:O1596"/>
    <mergeCell ref="AB1591:AG1593"/>
    <mergeCell ref="AH1591:AH1593"/>
    <mergeCell ref="AL1591:AL1593"/>
    <mergeCell ref="AZ1591:BC1592"/>
    <mergeCell ref="AZ1595:BC1596"/>
    <mergeCell ref="BD1595:BG1596"/>
    <mergeCell ref="C1597:G1598"/>
    <mergeCell ref="H1597:J1602"/>
    <mergeCell ref="K1597:M1602"/>
    <mergeCell ref="N1597:O1602"/>
    <mergeCell ref="AB1597:AG1599"/>
    <mergeCell ref="AH1597:AH1599"/>
    <mergeCell ref="AL1597:AL1599"/>
    <mergeCell ref="AZ1597:BC1598"/>
    <mergeCell ref="C1593:G1594"/>
    <mergeCell ref="AZ1593:BC1594"/>
    <mergeCell ref="BD1593:BG1594"/>
    <mergeCell ref="U1594:U1596"/>
    <mergeCell ref="AB1594:AG1596"/>
    <mergeCell ref="AH1594:AH1596"/>
    <mergeCell ref="AL1594:AL1596"/>
    <mergeCell ref="AT1594:AY1596"/>
    <mergeCell ref="C1595:G1596"/>
    <mergeCell ref="AO1595:AP1595"/>
    <mergeCell ref="C1599:G1600"/>
    <mergeCell ref="AZ1599:BC1600"/>
    <mergeCell ref="BD1599:BG1600"/>
    <mergeCell ref="U1600:U1602"/>
    <mergeCell ref="BH1585:BO1587"/>
    <mergeCell ref="BP1585:BR1587"/>
    <mergeCell ref="BS1585:BU1590"/>
    <mergeCell ref="BV1585:BX1590"/>
    <mergeCell ref="BY1585:CA1590"/>
    <mergeCell ref="BH1588:BO1590"/>
    <mergeCell ref="BP1588:BR1590"/>
    <mergeCell ref="BD1591:BG1592"/>
    <mergeCell ref="BH1591:BO1593"/>
    <mergeCell ref="BP1591:BR1593"/>
    <mergeCell ref="BS1591:BU1596"/>
    <mergeCell ref="BV1591:BX1596"/>
    <mergeCell ref="BY1591:CA1596"/>
    <mergeCell ref="BH1594:BO1596"/>
    <mergeCell ref="BP1594:BR1596"/>
    <mergeCell ref="AZ1589:BC1590"/>
    <mergeCell ref="BD1589:BG1590"/>
    <mergeCell ref="AZ1583:BC1584"/>
    <mergeCell ref="BD1583:BG1584"/>
    <mergeCell ref="C1585:G1586"/>
    <mergeCell ref="H1585:J1590"/>
    <mergeCell ref="K1585:M1590"/>
    <mergeCell ref="N1585:O1590"/>
    <mergeCell ref="AB1585:AG1587"/>
    <mergeCell ref="AH1585:AH1587"/>
    <mergeCell ref="AL1585:AL1587"/>
    <mergeCell ref="AZ1585:BC1586"/>
    <mergeCell ref="C1581:G1582"/>
    <mergeCell ref="AZ1581:BC1582"/>
    <mergeCell ref="BD1581:BG1582"/>
    <mergeCell ref="U1582:U1584"/>
    <mergeCell ref="AB1582:AG1584"/>
    <mergeCell ref="AH1582:AH1584"/>
    <mergeCell ref="AL1582:AL1584"/>
    <mergeCell ref="AT1582:AY1584"/>
    <mergeCell ref="C1583:G1584"/>
    <mergeCell ref="AO1583:AP1583"/>
    <mergeCell ref="C1587:G1588"/>
    <mergeCell ref="AZ1587:BC1588"/>
    <mergeCell ref="BD1587:BG1588"/>
    <mergeCell ref="U1588:U1590"/>
    <mergeCell ref="AB1588:AG1590"/>
    <mergeCell ref="AH1588:AH1590"/>
    <mergeCell ref="AL1588:AL1590"/>
    <mergeCell ref="AT1588:AY1590"/>
    <mergeCell ref="C1589:G1590"/>
    <mergeCell ref="AO1589:AP1589"/>
    <mergeCell ref="BD1585:BG1586"/>
    <mergeCell ref="AB1576:AG1578"/>
    <mergeCell ref="AH1576:AH1578"/>
    <mergeCell ref="AL1576:AL1578"/>
    <mergeCell ref="AT1576:AY1578"/>
    <mergeCell ref="C1577:G1578"/>
    <mergeCell ref="AO1577:AP1577"/>
    <mergeCell ref="BD1573:BG1574"/>
    <mergeCell ref="BH1573:BO1575"/>
    <mergeCell ref="BP1573:BR1575"/>
    <mergeCell ref="BS1573:BU1578"/>
    <mergeCell ref="BV1573:BX1578"/>
    <mergeCell ref="BY1573:CA1578"/>
    <mergeCell ref="BH1576:BO1578"/>
    <mergeCell ref="BP1576:BR1578"/>
    <mergeCell ref="BD1579:BG1580"/>
    <mergeCell ref="BH1579:BO1581"/>
    <mergeCell ref="BP1579:BR1581"/>
    <mergeCell ref="BS1579:BU1584"/>
    <mergeCell ref="BV1579:BX1584"/>
    <mergeCell ref="BY1579:CA1584"/>
    <mergeCell ref="BH1582:BO1584"/>
    <mergeCell ref="BP1582:BR1584"/>
    <mergeCell ref="AZ1577:BC1578"/>
    <mergeCell ref="BD1577:BG1578"/>
    <mergeCell ref="C1579:G1580"/>
    <mergeCell ref="H1579:J1584"/>
    <mergeCell ref="K1579:M1584"/>
    <mergeCell ref="N1579:O1584"/>
    <mergeCell ref="AB1579:AG1581"/>
    <mergeCell ref="AH1579:AH1581"/>
    <mergeCell ref="AL1579:AL1581"/>
    <mergeCell ref="AZ1579:BC1580"/>
    <mergeCell ref="C1567:G1568"/>
    <mergeCell ref="H1567:J1572"/>
    <mergeCell ref="K1567:M1572"/>
    <mergeCell ref="N1567:O1572"/>
    <mergeCell ref="AB1567:AG1569"/>
    <mergeCell ref="AH1567:AH1569"/>
    <mergeCell ref="AL1567:AL1569"/>
    <mergeCell ref="AZ1567:BC1568"/>
    <mergeCell ref="AZ1571:BC1572"/>
    <mergeCell ref="BD1571:BG1572"/>
    <mergeCell ref="C1573:G1574"/>
    <mergeCell ref="H1573:J1578"/>
    <mergeCell ref="K1573:M1578"/>
    <mergeCell ref="N1573:O1578"/>
    <mergeCell ref="AB1573:AG1575"/>
    <mergeCell ref="AH1573:AH1575"/>
    <mergeCell ref="AL1573:AL1575"/>
    <mergeCell ref="AZ1573:BC1574"/>
    <mergeCell ref="C1569:G1570"/>
    <mergeCell ref="AZ1569:BC1570"/>
    <mergeCell ref="BD1569:BG1570"/>
    <mergeCell ref="U1570:U1572"/>
    <mergeCell ref="AB1570:AG1572"/>
    <mergeCell ref="AH1570:AH1572"/>
    <mergeCell ref="AL1570:AL1572"/>
    <mergeCell ref="AT1570:AY1572"/>
    <mergeCell ref="C1571:G1572"/>
    <mergeCell ref="AO1571:AP1571"/>
    <mergeCell ref="C1575:G1576"/>
    <mergeCell ref="AZ1575:BC1576"/>
    <mergeCell ref="BD1575:BG1576"/>
    <mergeCell ref="U1576:U1578"/>
    <mergeCell ref="BH1561:BO1563"/>
    <mergeCell ref="BP1561:BR1563"/>
    <mergeCell ref="BS1561:BU1566"/>
    <mergeCell ref="BV1561:BX1566"/>
    <mergeCell ref="BY1561:CA1566"/>
    <mergeCell ref="BH1564:BO1566"/>
    <mergeCell ref="BP1564:BR1566"/>
    <mergeCell ref="BD1567:BG1568"/>
    <mergeCell ref="BH1567:BO1569"/>
    <mergeCell ref="BP1567:BR1569"/>
    <mergeCell ref="BS1567:BU1572"/>
    <mergeCell ref="BV1567:BX1572"/>
    <mergeCell ref="BY1567:CA1572"/>
    <mergeCell ref="BH1570:BO1572"/>
    <mergeCell ref="BP1570:BR1572"/>
    <mergeCell ref="AZ1565:BC1566"/>
    <mergeCell ref="BD1565:BG1566"/>
    <mergeCell ref="AZ1559:BC1560"/>
    <mergeCell ref="BD1559:BG1560"/>
    <mergeCell ref="C1561:G1562"/>
    <mergeCell ref="H1561:J1566"/>
    <mergeCell ref="K1561:M1566"/>
    <mergeCell ref="N1561:O1566"/>
    <mergeCell ref="AB1561:AG1563"/>
    <mergeCell ref="AH1561:AH1563"/>
    <mergeCell ref="AL1561:AL1563"/>
    <mergeCell ref="AZ1561:BC1562"/>
    <mergeCell ref="C1557:G1558"/>
    <mergeCell ref="AZ1557:BC1558"/>
    <mergeCell ref="BD1557:BG1558"/>
    <mergeCell ref="U1558:U1560"/>
    <mergeCell ref="AB1558:AG1560"/>
    <mergeCell ref="AH1558:AH1560"/>
    <mergeCell ref="AL1558:AL1560"/>
    <mergeCell ref="AT1558:AY1560"/>
    <mergeCell ref="C1559:G1560"/>
    <mergeCell ref="AO1559:AP1559"/>
    <mergeCell ref="C1563:G1564"/>
    <mergeCell ref="AZ1563:BC1564"/>
    <mergeCell ref="BD1563:BG1564"/>
    <mergeCell ref="U1564:U1566"/>
    <mergeCell ref="AB1564:AG1566"/>
    <mergeCell ref="AH1564:AH1566"/>
    <mergeCell ref="AL1564:AL1566"/>
    <mergeCell ref="AT1564:AY1566"/>
    <mergeCell ref="C1565:G1566"/>
    <mergeCell ref="AO1565:AP1565"/>
    <mergeCell ref="BD1561:BG1562"/>
    <mergeCell ref="AB1552:AG1554"/>
    <mergeCell ref="AH1552:AH1554"/>
    <mergeCell ref="AL1552:AL1554"/>
    <mergeCell ref="AT1552:AY1554"/>
    <mergeCell ref="C1553:G1554"/>
    <mergeCell ref="AO1553:AP1553"/>
    <mergeCell ref="BD1549:BG1550"/>
    <mergeCell ref="BH1549:BO1551"/>
    <mergeCell ref="BP1549:BR1551"/>
    <mergeCell ref="BS1549:BU1554"/>
    <mergeCell ref="BV1549:BX1554"/>
    <mergeCell ref="BY1549:CA1554"/>
    <mergeCell ref="BH1552:BO1554"/>
    <mergeCell ref="BP1552:BR1554"/>
    <mergeCell ref="BD1555:BG1556"/>
    <mergeCell ref="BH1555:BO1557"/>
    <mergeCell ref="BP1555:BR1557"/>
    <mergeCell ref="BS1555:BU1560"/>
    <mergeCell ref="BV1555:BX1560"/>
    <mergeCell ref="BY1555:CA1560"/>
    <mergeCell ref="BH1558:BO1560"/>
    <mergeCell ref="BP1558:BR1560"/>
    <mergeCell ref="AZ1553:BC1554"/>
    <mergeCell ref="BD1553:BG1554"/>
    <mergeCell ref="C1555:G1556"/>
    <mergeCell ref="H1555:J1560"/>
    <mergeCell ref="K1555:M1560"/>
    <mergeCell ref="N1555:O1560"/>
    <mergeCell ref="AB1555:AG1557"/>
    <mergeCell ref="AH1555:AH1557"/>
    <mergeCell ref="AL1555:AL1557"/>
    <mergeCell ref="AZ1555:BC1556"/>
    <mergeCell ref="C1543:G1544"/>
    <mergeCell ref="H1543:J1548"/>
    <mergeCell ref="K1543:M1548"/>
    <mergeCell ref="N1543:O1548"/>
    <mergeCell ref="AB1543:AG1545"/>
    <mergeCell ref="AH1543:AH1545"/>
    <mergeCell ref="AL1543:AL1545"/>
    <mergeCell ref="AZ1543:BC1544"/>
    <mergeCell ref="AZ1547:BC1548"/>
    <mergeCell ref="BD1547:BG1548"/>
    <mergeCell ref="C1549:G1550"/>
    <mergeCell ref="H1549:J1554"/>
    <mergeCell ref="K1549:M1554"/>
    <mergeCell ref="N1549:O1554"/>
    <mergeCell ref="AB1549:AG1551"/>
    <mergeCell ref="AH1549:AH1551"/>
    <mergeCell ref="AL1549:AL1551"/>
    <mergeCell ref="AZ1549:BC1550"/>
    <mergeCell ref="C1545:G1546"/>
    <mergeCell ref="AZ1545:BC1546"/>
    <mergeCell ref="BD1545:BG1546"/>
    <mergeCell ref="U1546:U1548"/>
    <mergeCell ref="AB1546:AG1548"/>
    <mergeCell ref="AH1546:AH1548"/>
    <mergeCell ref="AL1546:AL1548"/>
    <mergeCell ref="AT1546:AY1548"/>
    <mergeCell ref="C1547:G1548"/>
    <mergeCell ref="AO1547:AP1547"/>
    <mergeCell ref="C1551:G1552"/>
    <mergeCell ref="AZ1551:BC1552"/>
    <mergeCell ref="BD1551:BG1552"/>
    <mergeCell ref="U1552:U1554"/>
    <mergeCell ref="BH1537:BO1539"/>
    <mergeCell ref="BP1537:BR1539"/>
    <mergeCell ref="BS1537:BU1542"/>
    <mergeCell ref="BV1537:BX1542"/>
    <mergeCell ref="BY1537:CA1542"/>
    <mergeCell ref="BH1540:BO1542"/>
    <mergeCell ref="BP1540:BR1542"/>
    <mergeCell ref="BD1543:BG1544"/>
    <mergeCell ref="BH1543:BO1545"/>
    <mergeCell ref="BP1543:BR1545"/>
    <mergeCell ref="BS1543:BU1548"/>
    <mergeCell ref="BV1543:BX1548"/>
    <mergeCell ref="BY1543:CA1548"/>
    <mergeCell ref="BH1546:BO1548"/>
    <mergeCell ref="BP1546:BR1548"/>
    <mergeCell ref="AZ1541:BC1542"/>
    <mergeCell ref="BD1541:BG1542"/>
    <mergeCell ref="AZ1535:BC1536"/>
    <mergeCell ref="BD1535:BG1536"/>
    <mergeCell ref="C1537:G1538"/>
    <mergeCell ref="H1537:J1542"/>
    <mergeCell ref="K1537:M1542"/>
    <mergeCell ref="N1537:O1542"/>
    <mergeCell ref="AB1537:AG1539"/>
    <mergeCell ref="AH1537:AH1539"/>
    <mergeCell ref="AL1537:AL1539"/>
    <mergeCell ref="AZ1537:BC1538"/>
    <mergeCell ref="C1533:G1534"/>
    <mergeCell ref="AZ1533:BC1534"/>
    <mergeCell ref="BD1533:BG1534"/>
    <mergeCell ref="U1534:U1536"/>
    <mergeCell ref="AB1534:AG1536"/>
    <mergeCell ref="AH1534:AH1536"/>
    <mergeCell ref="AL1534:AL1536"/>
    <mergeCell ref="AT1534:AY1536"/>
    <mergeCell ref="C1535:G1536"/>
    <mergeCell ref="AO1535:AP1535"/>
    <mergeCell ref="C1539:G1540"/>
    <mergeCell ref="AZ1539:BC1540"/>
    <mergeCell ref="BD1539:BG1540"/>
    <mergeCell ref="U1540:U1542"/>
    <mergeCell ref="AB1540:AG1542"/>
    <mergeCell ref="AH1540:AH1542"/>
    <mergeCell ref="AL1540:AL1542"/>
    <mergeCell ref="AT1540:AY1542"/>
    <mergeCell ref="C1541:G1542"/>
    <mergeCell ref="AO1541:AP1541"/>
    <mergeCell ref="BD1537:BG1538"/>
    <mergeCell ref="AB1528:AG1530"/>
    <mergeCell ref="AH1528:AH1530"/>
    <mergeCell ref="AL1528:AL1530"/>
    <mergeCell ref="AT1528:AY1530"/>
    <mergeCell ref="C1529:G1530"/>
    <mergeCell ref="AO1529:AP1529"/>
    <mergeCell ref="BD1525:BG1526"/>
    <mergeCell ref="BH1525:BO1527"/>
    <mergeCell ref="BP1525:BR1527"/>
    <mergeCell ref="BS1525:BU1530"/>
    <mergeCell ref="BV1525:BX1530"/>
    <mergeCell ref="BY1525:CA1530"/>
    <mergeCell ref="BH1528:BO1530"/>
    <mergeCell ref="BP1528:BR1530"/>
    <mergeCell ref="BD1531:BG1532"/>
    <mergeCell ref="BH1531:BO1533"/>
    <mergeCell ref="BP1531:BR1533"/>
    <mergeCell ref="BS1531:BU1536"/>
    <mergeCell ref="BV1531:BX1536"/>
    <mergeCell ref="BY1531:CA1536"/>
    <mergeCell ref="BH1534:BO1536"/>
    <mergeCell ref="BP1534:BR1536"/>
    <mergeCell ref="AZ1529:BC1530"/>
    <mergeCell ref="BD1529:BG1530"/>
    <mergeCell ref="C1531:G1532"/>
    <mergeCell ref="H1531:J1536"/>
    <mergeCell ref="K1531:M1536"/>
    <mergeCell ref="N1531:O1536"/>
    <mergeCell ref="AB1531:AG1533"/>
    <mergeCell ref="AH1531:AH1533"/>
    <mergeCell ref="AL1531:AL1533"/>
    <mergeCell ref="AZ1531:BC1532"/>
    <mergeCell ref="C1519:G1520"/>
    <mergeCell ref="H1519:J1524"/>
    <mergeCell ref="K1519:M1524"/>
    <mergeCell ref="N1519:O1524"/>
    <mergeCell ref="AB1519:AG1521"/>
    <mergeCell ref="AH1519:AH1521"/>
    <mergeCell ref="AL1519:AL1521"/>
    <mergeCell ref="AZ1519:BC1520"/>
    <mergeCell ref="AZ1523:BC1524"/>
    <mergeCell ref="BD1523:BG1524"/>
    <mergeCell ref="C1525:G1526"/>
    <mergeCell ref="H1525:J1530"/>
    <mergeCell ref="K1525:M1530"/>
    <mergeCell ref="N1525:O1530"/>
    <mergeCell ref="AB1525:AG1527"/>
    <mergeCell ref="AH1525:AH1527"/>
    <mergeCell ref="AL1525:AL1527"/>
    <mergeCell ref="AZ1525:BC1526"/>
    <mergeCell ref="C1521:G1522"/>
    <mergeCell ref="AZ1521:BC1522"/>
    <mergeCell ref="BD1521:BG1522"/>
    <mergeCell ref="U1522:U1524"/>
    <mergeCell ref="AB1522:AG1524"/>
    <mergeCell ref="AH1522:AH1524"/>
    <mergeCell ref="AL1522:AL1524"/>
    <mergeCell ref="AT1522:AY1524"/>
    <mergeCell ref="C1523:G1524"/>
    <mergeCell ref="AO1523:AP1523"/>
    <mergeCell ref="C1527:G1528"/>
    <mergeCell ref="AZ1527:BC1528"/>
    <mergeCell ref="BD1527:BG1528"/>
    <mergeCell ref="U1528:U1530"/>
    <mergeCell ref="BH1513:BO1515"/>
    <mergeCell ref="BP1513:BR1515"/>
    <mergeCell ref="BS1513:BU1518"/>
    <mergeCell ref="BV1513:BX1518"/>
    <mergeCell ref="BY1513:CA1518"/>
    <mergeCell ref="BH1516:BO1518"/>
    <mergeCell ref="BP1516:BR1518"/>
    <mergeCell ref="BD1519:BG1520"/>
    <mergeCell ref="BH1519:BO1521"/>
    <mergeCell ref="BP1519:BR1521"/>
    <mergeCell ref="BS1519:BU1524"/>
    <mergeCell ref="BV1519:BX1524"/>
    <mergeCell ref="BY1519:CA1524"/>
    <mergeCell ref="BH1522:BO1524"/>
    <mergeCell ref="BP1522:BR1524"/>
    <mergeCell ref="AZ1517:BC1518"/>
    <mergeCell ref="BD1517:BG1518"/>
    <mergeCell ref="AZ1511:BC1512"/>
    <mergeCell ref="BD1511:BG1512"/>
    <mergeCell ref="C1513:G1514"/>
    <mergeCell ref="H1513:J1518"/>
    <mergeCell ref="K1513:M1518"/>
    <mergeCell ref="N1513:O1518"/>
    <mergeCell ref="AB1513:AG1515"/>
    <mergeCell ref="AH1513:AH1515"/>
    <mergeCell ref="AL1513:AL1515"/>
    <mergeCell ref="AZ1513:BC1514"/>
    <mergeCell ref="C1509:G1510"/>
    <mergeCell ref="AZ1509:BC1510"/>
    <mergeCell ref="BD1509:BG1510"/>
    <mergeCell ref="U1510:U1512"/>
    <mergeCell ref="AB1510:AG1512"/>
    <mergeCell ref="AH1510:AH1512"/>
    <mergeCell ref="AL1510:AL1512"/>
    <mergeCell ref="AT1510:AY1512"/>
    <mergeCell ref="C1511:G1512"/>
    <mergeCell ref="AO1511:AP1511"/>
    <mergeCell ref="C1515:G1516"/>
    <mergeCell ref="AZ1515:BC1516"/>
    <mergeCell ref="BD1515:BG1516"/>
    <mergeCell ref="U1516:U1518"/>
    <mergeCell ref="AB1516:AG1518"/>
    <mergeCell ref="AH1516:AH1518"/>
    <mergeCell ref="AL1516:AL1518"/>
    <mergeCell ref="AT1516:AY1518"/>
    <mergeCell ref="C1517:G1518"/>
    <mergeCell ref="AO1517:AP1517"/>
    <mergeCell ref="BD1513:BG1514"/>
    <mergeCell ref="AB1504:AG1506"/>
    <mergeCell ref="AH1504:AH1506"/>
    <mergeCell ref="AL1504:AL1506"/>
    <mergeCell ref="AT1504:AY1506"/>
    <mergeCell ref="C1505:G1506"/>
    <mergeCell ref="AO1505:AP1505"/>
    <mergeCell ref="BD1501:BG1502"/>
    <mergeCell ref="BH1501:BO1503"/>
    <mergeCell ref="BP1501:BR1503"/>
    <mergeCell ref="BS1501:BU1506"/>
    <mergeCell ref="BV1501:BX1506"/>
    <mergeCell ref="BY1501:CA1506"/>
    <mergeCell ref="BH1504:BO1506"/>
    <mergeCell ref="BP1504:BR1506"/>
    <mergeCell ref="BD1507:BG1508"/>
    <mergeCell ref="BH1507:BO1509"/>
    <mergeCell ref="BP1507:BR1509"/>
    <mergeCell ref="BS1507:BU1512"/>
    <mergeCell ref="BV1507:BX1512"/>
    <mergeCell ref="BY1507:CA1512"/>
    <mergeCell ref="BH1510:BO1512"/>
    <mergeCell ref="BP1510:BR1512"/>
    <mergeCell ref="AZ1505:BC1506"/>
    <mergeCell ref="BD1505:BG1506"/>
    <mergeCell ref="C1507:G1508"/>
    <mergeCell ref="H1507:J1512"/>
    <mergeCell ref="K1507:M1512"/>
    <mergeCell ref="N1507:O1512"/>
    <mergeCell ref="AB1507:AG1509"/>
    <mergeCell ref="AH1507:AH1509"/>
    <mergeCell ref="AL1507:AL1509"/>
    <mergeCell ref="AZ1507:BC1508"/>
    <mergeCell ref="C1495:G1496"/>
    <mergeCell ref="H1495:J1500"/>
    <mergeCell ref="K1495:M1500"/>
    <mergeCell ref="N1495:O1500"/>
    <mergeCell ref="AB1495:AG1497"/>
    <mergeCell ref="AH1495:AH1497"/>
    <mergeCell ref="AL1495:AL1497"/>
    <mergeCell ref="AZ1495:BC1496"/>
    <mergeCell ref="AZ1499:BC1500"/>
    <mergeCell ref="BD1499:BG1500"/>
    <mergeCell ref="C1501:G1502"/>
    <mergeCell ref="H1501:J1506"/>
    <mergeCell ref="K1501:M1506"/>
    <mergeCell ref="N1501:O1506"/>
    <mergeCell ref="AB1501:AG1503"/>
    <mergeCell ref="AH1501:AH1503"/>
    <mergeCell ref="AL1501:AL1503"/>
    <mergeCell ref="AZ1501:BC1502"/>
    <mergeCell ref="C1497:G1498"/>
    <mergeCell ref="AZ1497:BC1498"/>
    <mergeCell ref="BD1497:BG1498"/>
    <mergeCell ref="U1498:U1500"/>
    <mergeCell ref="AB1498:AG1500"/>
    <mergeCell ref="AH1498:AH1500"/>
    <mergeCell ref="AL1498:AL1500"/>
    <mergeCell ref="AT1498:AY1500"/>
    <mergeCell ref="C1499:G1500"/>
    <mergeCell ref="AO1499:AP1499"/>
    <mergeCell ref="C1503:G1504"/>
    <mergeCell ref="AZ1503:BC1504"/>
    <mergeCell ref="BD1503:BG1504"/>
    <mergeCell ref="U1504:U1506"/>
    <mergeCell ref="BH1489:BO1491"/>
    <mergeCell ref="BP1489:BR1491"/>
    <mergeCell ref="BS1489:BU1494"/>
    <mergeCell ref="BV1489:BX1494"/>
    <mergeCell ref="BY1489:CA1494"/>
    <mergeCell ref="BH1492:BO1494"/>
    <mergeCell ref="BP1492:BR1494"/>
    <mergeCell ref="BD1495:BG1496"/>
    <mergeCell ref="BH1495:BO1497"/>
    <mergeCell ref="BP1495:BR1497"/>
    <mergeCell ref="BS1495:BU1500"/>
    <mergeCell ref="BV1495:BX1500"/>
    <mergeCell ref="BY1495:CA1500"/>
    <mergeCell ref="BH1498:BO1500"/>
    <mergeCell ref="BP1498:BR1500"/>
    <mergeCell ref="AZ1493:BC1494"/>
    <mergeCell ref="BD1493:BG1494"/>
    <mergeCell ref="AZ1487:BC1488"/>
    <mergeCell ref="BD1487:BG1488"/>
    <mergeCell ref="C1489:G1490"/>
    <mergeCell ref="H1489:J1494"/>
    <mergeCell ref="K1489:M1494"/>
    <mergeCell ref="N1489:O1494"/>
    <mergeCell ref="AB1489:AG1491"/>
    <mergeCell ref="AH1489:AH1491"/>
    <mergeCell ref="AL1489:AL1491"/>
    <mergeCell ref="AZ1489:BC1490"/>
    <mergeCell ref="C1485:G1486"/>
    <mergeCell ref="AZ1485:BC1486"/>
    <mergeCell ref="BD1485:BG1486"/>
    <mergeCell ref="U1486:U1488"/>
    <mergeCell ref="AB1486:AG1488"/>
    <mergeCell ref="AH1486:AH1488"/>
    <mergeCell ref="AL1486:AL1488"/>
    <mergeCell ref="AT1486:AY1488"/>
    <mergeCell ref="C1487:G1488"/>
    <mergeCell ref="AO1487:AP1487"/>
    <mergeCell ref="C1491:G1492"/>
    <mergeCell ref="AZ1491:BC1492"/>
    <mergeCell ref="BD1491:BG1492"/>
    <mergeCell ref="U1492:U1494"/>
    <mergeCell ref="AB1492:AG1494"/>
    <mergeCell ref="AH1492:AH1494"/>
    <mergeCell ref="AL1492:AL1494"/>
    <mergeCell ref="AT1492:AY1494"/>
    <mergeCell ref="C1493:G1494"/>
    <mergeCell ref="AO1493:AP1493"/>
    <mergeCell ref="BD1489:BG1490"/>
    <mergeCell ref="AB1480:AG1482"/>
    <mergeCell ref="AH1480:AH1482"/>
    <mergeCell ref="AL1480:AL1482"/>
    <mergeCell ref="AT1480:AY1482"/>
    <mergeCell ref="C1481:G1482"/>
    <mergeCell ref="AO1481:AP1481"/>
    <mergeCell ref="BD1477:BG1478"/>
    <mergeCell ref="BH1477:BO1479"/>
    <mergeCell ref="BP1477:BR1479"/>
    <mergeCell ref="BS1477:BU1482"/>
    <mergeCell ref="BV1477:BX1482"/>
    <mergeCell ref="BY1477:CA1482"/>
    <mergeCell ref="BH1480:BO1482"/>
    <mergeCell ref="BP1480:BR1482"/>
    <mergeCell ref="BD1483:BG1484"/>
    <mergeCell ref="BH1483:BO1485"/>
    <mergeCell ref="BP1483:BR1485"/>
    <mergeCell ref="BS1483:BU1488"/>
    <mergeCell ref="BV1483:BX1488"/>
    <mergeCell ref="BY1483:CA1488"/>
    <mergeCell ref="BH1486:BO1488"/>
    <mergeCell ref="BP1486:BR1488"/>
    <mergeCell ref="AZ1481:BC1482"/>
    <mergeCell ref="BD1481:BG1482"/>
    <mergeCell ref="C1483:G1484"/>
    <mergeCell ref="H1483:J1488"/>
    <mergeCell ref="K1483:M1488"/>
    <mergeCell ref="N1483:O1488"/>
    <mergeCell ref="AB1483:AG1485"/>
    <mergeCell ref="AH1483:AH1485"/>
    <mergeCell ref="AL1483:AL1485"/>
    <mergeCell ref="AZ1483:BC1484"/>
    <mergeCell ref="C1471:G1472"/>
    <mergeCell ref="H1471:J1476"/>
    <mergeCell ref="K1471:M1476"/>
    <mergeCell ref="N1471:O1476"/>
    <mergeCell ref="AB1471:AG1473"/>
    <mergeCell ref="AH1471:AH1473"/>
    <mergeCell ref="AL1471:AL1473"/>
    <mergeCell ref="AZ1471:BC1472"/>
    <mergeCell ref="AZ1475:BC1476"/>
    <mergeCell ref="BD1475:BG1476"/>
    <mergeCell ref="C1477:G1478"/>
    <mergeCell ref="H1477:J1482"/>
    <mergeCell ref="K1477:M1482"/>
    <mergeCell ref="N1477:O1482"/>
    <mergeCell ref="AB1477:AG1479"/>
    <mergeCell ref="AH1477:AH1479"/>
    <mergeCell ref="AL1477:AL1479"/>
    <mergeCell ref="AZ1477:BC1478"/>
    <mergeCell ref="C1473:G1474"/>
    <mergeCell ref="AZ1473:BC1474"/>
    <mergeCell ref="BD1473:BG1474"/>
    <mergeCell ref="U1474:U1476"/>
    <mergeCell ref="AB1474:AG1476"/>
    <mergeCell ref="AH1474:AH1476"/>
    <mergeCell ref="AL1474:AL1476"/>
    <mergeCell ref="AT1474:AY1476"/>
    <mergeCell ref="C1475:G1476"/>
    <mergeCell ref="AO1475:AP1475"/>
    <mergeCell ref="C1479:G1480"/>
    <mergeCell ref="AZ1479:BC1480"/>
    <mergeCell ref="BD1479:BG1480"/>
    <mergeCell ref="U1480:U1482"/>
    <mergeCell ref="BH1465:BO1467"/>
    <mergeCell ref="BP1465:BR1467"/>
    <mergeCell ref="BS1465:BU1470"/>
    <mergeCell ref="BV1465:BX1470"/>
    <mergeCell ref="BY1465:CA1470"/>
    <mergeCell ref="BH1468:BO1470"/>
    <mergeCell ref="BP1468:BR1470"/>
    <mergeCell ref="BD1471:BG1472"/>
    <mergeCell ref="BH1471:BO1473"/>
    <mergeCell ref="BP1471:BR1473"/>
    <mergeCell ref="BS1471:BU1476"/>
    <mergeCell ref="BV1471:BX1476"/>
    <mergeCell ref="BY1471:CA1476"/>
    <mergeCell ref="BH1474:BO1476"/>
    <mergeCell ref="BP1474:BR1476"/>
    <mergeCell ref="AZ1469:BC1470"/>
    <mergeCell ref="BD1469:BG1470"/>
    <mergeCell ref="AZ1463:BC1464"/>
    <mergeCell ref="BD1463:BG1464"/>
    <mergeCell ref="C1465:G1466"/>
    <mergeCell ref="H1465:J1470"/>
    <mergeCell ref="K1465:M1470"/>
    <mergeCell ref="N1465:O1470"/>
    <mergeCell ref="AB1465:AG1467"/>
    <mergeCell ref="AH1465:AH1467"/>
    <mergeCell ref="AL1465:AL1467"/>
    <mergeCell ref="AZ1465:BC1466"/>
    <mergeCell ref="C1461:G1462"/>
    <mergeCell ref="AZ1461:BC1462"/>
    <mergeCell ref="BD1461:BG1462"/>
    <mergeCell ref="U1462:U1464"/>
    <mergeCell ref="AB1462:AG1464"/>
    <mergeCell ref="AH1462:AH1464"/>
    <mergeCell ref="AL1462:AL1464"/>
    <mergeCell ref="AT1462:AY1464"/>
    <mergeCell ref="C1463:G1464"/>
    <mergeCell ref="AO1463:AP1463"/>
    <mergeCell ref="C1467:G1468"/>
    <mergeCell ref="AZ1467:BC1468"/>
    <mergeCell ref="BD1467:BG1468"/>
    <mergeCell ref="U1468:U1470"/>
    <mergeCell ref="AB1468:AG1470"/>
    <mergeCell ref="AH1468:AH1470"/>
    <mergeCell ref="AL1468:AL1470"/>
    <mergeCell ref="AT1468:AY1470"/>
    <mergeCell ref="C1469:G1470"/>
    <mergeCell ref="AO1469:AP1469"/>
    <mergeCell ref="BD1465:BG1466"/>
    <mergeCell ref="AB1456:AG1458"/>
    <mergeCell ref="AH1456:AH1458"/>
    <mergeCell ref="AL1456:AL1458"/>
    <mergeCell ref="AT1456:AY1458"/>
    <mergeCell ref="C1457:G1458"/>
    <mergeCell ref="AO1457:AP1457"/>
    <mergeCell ref="BD1453:BG1454"/>
    <mergeCell ref="BH1453:BO1455"/>
    <mergeCell ref="BP1453:BR1455"/>
    <mergeCell ref="BS1453:BU1458"/>
    <mergeCell ref="BV1453:BX1458"/>
    <mergeCell ref="BY1453:CA1458"/>
    <mergeCell ref="BH1456:BO1458"/>
    <mergeCell ref="BP1456:BR1458"/>
    <mergeCell ref="BD1459:BG1460"/>
    <mergeCell ref="BH1459:BO1461"/>
    <mergeCell ref="BP1459:BR1461"/>
    <mergeCell ref="BS1459:BU1464"/>
    <mergeCell ref="BV1459:BX1464"/>
    <mergeCell ref="BY1459:CA1464"/>
    <mergeCell ref="BH1462:BO1464"/>
    <mergeCell ref="BP1462:BR1464"/>
    <mergeCell ref="AZ1457:BC1458"/>
    <mergeCell ref="BD1457:BG1458"/>
    <mergeCell ref="C1459:G1460"/>
    <mergeCell ref="H1459:J1464"/>
    <mergeCell ref="K1459:M1464"/>
    <mergeCell ref="N1459:O1464"/>
    <mergeCell ref="AB1459:AG1461"/>
    <mergeCell ref="AH1459:AH1461"/>
    <mergeCell ref="AL1459:AL1461"/>
    <mergeCell ref="AZ1459:BC1460"/>
    <mergeCell ref="C1447:G1448"/>
    <mergeCell ref="H1447:J1452"/>
    <mergeCell ref="K1447:M1452"/>
    <mergeCell ref="N1447:O1452"/>
    <mergeCell ref="AB1447:AG1449"/>
    <mergeCell ref="AH1447:AH1449"/>
    <mergeCell ref="AL1447:AL1449"/>
    <mergeCell ref="AZ1447:BC1448"/>
    <mergeCell ref="AZ1451:BC1452"/>
    <mergeCell ref="BD1451:BG1452"/>
    <mergeCell ref="C1453:G1454"/>
    <mergeCell ref="H1453:J1458"/>
    <mergeCell ref="K1453:M1458"/>
    <mergeCell ref="N1453:O1458"/>
    <mergeCell ref="AB1453:AG1455"/>
    <mergeCell ref="AH1453:AH1455"/>
    <mergeCell ref="AL1453:AL1455"/>
    <mergeCell ref="AZ1453:BC1454"/>
    <mergeCell ref="C1449:G1450"/>
    <mergeCell ref="AZ1449:BC1450"/>
    <mergeCell ref="BD1449:BG1450"/>
    <mergeCell ref="U1450:U1452"/>
    <mergeCell ref="AB1450:AG1452"/>
    <mergeCell ref="AH1450:AH1452"/>
    <mergeCell ref="AL1450:AL1452"/>
    <mergeCell ref="AT1450:AY1452"/>
    <mergeCell ref="C1451:G1452"/>
    <mergeCell ref="AO1451:AP1451"/>
    <mergeCell ref="C1455:G1456"/>
    <mergeCell ref="AZ1455:BC1456"/>
    <mergeCell ref="BD1455:BG1456"/>
    <mergeCell ref="U1456:U1458"/>
    <mergeCell ref="BH1441:BO1443"/>
    <mergeCell ref="BP1441:BR1443"/>
    <mergeCell ref="BS1441:BU1446"/>
    <mergeCell ref="BV1441:BX1446"/>
    <mergeCell ref="BY1441:CA1446"/>
    <mergeCell ref="BH1444:BO1446"/>
    <mergeCell ref="BP1444:BR1446"/>
    <mergeCell ref="BD1447:BG1448"/>
    <mergeCell ref="BH1447:BO1449"/>
    <mergeCell ref="BP1447:BR1449"/>
    <mergeCell ref="BS1447:BU1452"/>
    <mergeCell ref="BV1447:BX1452"/>
    <mergeCell ref="BY1447:CA1452"/>
    <mergeCell ref="BH1450:BO1452"/>
    <mergeCell ref="BP1450:BR1452"/>
    <mergeCell ref="AZ1445:BC1446"/>
    <mergeCell ref="BD1445:BG1446"/>
    <mergeCell ref="AZ1439:BC1440"/>
    <mergeCell ref="BD1439:BG1440"/>
    <mergeCell ref="C1441:G1442"/>
    <mergeCell ref="H1441:J1446"/>
    <mergeCell ref="K1441:M1446"/>
    <mergeCell ref="N1441:O1446"/>
    <mergeCell ref="AB1441:AG1443"/>
    <mergeCell ref="AH1441:AH1443"/>
    <mergeCell ref="AL1441:AL1443"/>
    <mergeCell ref="AZ1441:BC1442"/>
    <mergeCell ref="C1437:G1438"/>
    <mergeCell ref="AZ1437:BC1438"/>
    <mergeCell ref="BD1437:BG1438"/>
    <mergeCell ref="U1438:U1440"/>
    <mergeCell ref="AB1438:AG1440"/>
    <mergeCell ref="AH1438:AH1440"/>
    <mergeCell ref="AL1438:AL1440"/>
    <mergeCell ref="AT1438:AY1440"/>
    <mergeCell ref="C1439:G1440"/>
    <mergeCell ref="AO1439:AP1439"/>
    <mergeCell ref="C1443:G1444"/>
    <mergeCell ref="AZ1443:BC1444"/>
    <mergeCell ref="BD1443:BG1444"/>
    <mergeCell ref="U1444:U1446"/>
    <mergeCell ref="AB1444:AG1446"/>
    <mergeCell ref="AH1444:AH1446"/>
    <mergeCell ref="AL1444:AL1446"/>
    <mergeCell ref="AT1444:AY1446"/>
    <mergeCell ref="C1445:G1446"/>
    <mergeCell ref="AO1445:AP1445"/>
    <mergeCell ref="BD1441:BG1442"/>
    <mergeCell ref="AB1432:AG1434"/>
    <mergeCell ref="AH1432:AH1434"/>
    <mergeCell ref="AL1432:AL1434"/>
    <mergeCell ref="AT1432:AY1434"/>
    <mergeCell ref="C1433:G1434"/>
    <mergeCell ref="AO1433:AP1433"/>
    <mergeCell ref="BD1429:BG1430"/>
    <mergeCell ref="BH1429:BO1431"/>
    <mergeCell ref="BP1429:BR1431"/>
    <mergeCell ref="BS1429:BU1434"/>
    <mergeCell ref="BV1429:BX1434"/>
    <mergeCell ref="BY1429:CA1434"/>
    <mergeCell ref="BH1432:BO1434"/>
    <mergeCell ref="BP1432:BR1434"/>
    <mergeCell ref="BD1435:BG1436"/>
    <mergeCell ref="BH1435:BO1437"/>
    <mergeCell ref="BP1435:BR1437"/>
    <mergeCell ref="BS1435:BU1440"/>
    <mergeCell ref="BV1435:BX1440"/>
    <mergeCell ref="BY1435:CA1440"/>
    <mergeCell ref="BH1438:BO1440"/>
    <mergeCell ref="BP1438:BR1440"/>
    <mergeCell ref="AZ1433:BC1434"/>
    <mergeCell ref="BD1433:BG1434"/>
    <mergeCell ref="C1435:G1436"/>
    <mergeCell ref="H1435:J1440"/>
    <mergeCell ref="K1435:M1440"/>
    <mergeCell ref="N1435:O1440"/>
    <mergeCell ref="AB1435:AG1437"/>
    <mergeCell ref="AH1435:AH1437"/>
    <mergeCell ref="AL1435:AL1437"/>
    <mergeCell ref="AZ1435:BC1436"/>
    <mergeCell ref="C1423:G1424"/>
    <mergeCell ref="H1423:J1428"/>
    <mergeCell ref="K1423:M1428"/>
    <mergeCell ref="N1423:O1428"/>
    <mergeCell ref="AB1423:AG1425"/>
    <mergeCell ref="AH1423:AH1425"/>
    <mergeCell ref="AL1423:AL1425"/>
    <mergeCell ref="AZ1423:BC1424"/>
    <mergeCell ref="AZ1427:BC1428"/>
    <mergeCell ref="BD1427:BG1428"/>
    <mergeCell ref="C1429:G1430"/>
    <mergeCell ref="H1429:J1434"/>
    <mergeCell ref="K1429:M1434"/>
    <mergeCell ref="N1429:O1434"/>
    <mergeCell ref="AB1429:AG1431"/>
    <mergeCell ref="AH1429:AH1431"/>
    <mergeCell ref="AL1429:AL1431"/>
    <mergeCell ref="AZ1429:BC1430"/>
    <mergeCell ref="C1425:G1426"/>
    <mergeCell ref="AZ1425:BC1426"/>
    <mergeCell ref="BD1425:BG1426"/>
    <mergeCell ref="U1426:U1428"/>
    <mergeCell ref="AB1426:AG1428"/>
    <mergeCell ref="AH1426:AH1428"/>
    <mergeCell ref="AL1426:AL1428"/>
    <mergeCell ref="AT1426:AY1428"/>
    <mergeCell ref="C1427:G1428"/>
    <mergeCell ref="AO1427:AP1427"/>
    <mergeCell ref="C1431:G1432"/>
    <mergeCell ref="AZ1431:BC1432"/>
    <mergeCell ref="BD1431:BG1432"/>
    <mergeCell ref="U1432:U1434"/>
    <mergeCell ref="BH1417:BO1419"/>
    <mergeCell ref="BP1417:BR1419"/>
    <mergeCell ref="BS1417:BU1422"/>
    <mergeCell ref="BV1417:BX1422"/>
    <mergeCell ref="BY1417:CA1422"/>
    <mergeCell ref="BH1420:BO1422"/>
    <mergeCell ref="BP1420:BR1422"/>
    <mergeCell ref="BD1423:BG1424"/>
    <mergeCell ref="BH1423:BO1425"/>
    <mergeCell ref="BP1423:BR1425"/>
    <mergeCell ref="BS1423:BU1428"/>
    <mergeCell ref="BV1423:BX1428"/>
    <mergeCell ref="BY1423:CA1428"/>
    <mergeCell ref="BH1426:BO1428"/>
    <mergeCell ref="BP1426:BR1428"/>
    <mergeCell ref="AZ1421:BC1422"/>
    <mergeCell ref="BD1421:BG1422"/>
    <mergeCell ref="AZ1415:BC1416"/>
    <mergeCell ref="BD1415:BG1416"/>
    <mergeCell ref="C1417:G1418"/>
    <mergeCell ref="H1417:J1422"/>
    <mergeCell ref="K1417:M1422"/>
    <mergeCell ref="N1417:O1422"/>
    <mergeCell ref="AB1417:AG1419"/>
    <mergeCell ref="AH1417:AH1419"/>
    <mergeCell ref="AL1417:AL1419"/>
    <mergeCell ref="AZ1417:BC1418"/>
    <mergeCell ref="C1413:G1414"/>
    <mergeCell ref="AZ1413:BC1414"/>
    <mergeCell ref="BD1413:BG1414"/>
    <mergeCell ref="U1414:U1416"/>
    <mergeCell ref="AB1414:AG1416"/>
    <mergeCell ref="AH1414:AH1416"/>
    <mergeCell ref="AL1414:AL1416"/>
    <mergeCell ref="AT1414:AY1416"/>
    <mergeCell ref="C1415:G1416"/>
    <mergeCell ref="AO1415:AP1415"/>
    <mergeCell ref="C1419:G1420"/>
    <mergeCell ref="AZ1419:BC1420"/>
    <mergeCell ref="BD1419:BG1420"/>
    <mergeCell ref="U1420:U1422"/>
    <mergeCell ref="AB1420:AG1422"/>
    <mergeCell ref="AH1420:AH1422"/>
    <mergeCell ref="AL1420:AL1422"/>
    <mergeCell ref="AT1420:AY1422"/>
    <mergeCell ref="C1421:G1422"/>
    <mergeCell ref="AO1421:AP1421"/>
    <mergeCell ref="BD1417:BG1418"/>
    <mergeCell ref="AB1408:AG1410"/>
    <mergeCell ref="AH1408:AH1410"/>
    <mergeCell ref="AL1408:AL1410"/>
    <mergeCell ref="AT1408:AY1410"/>
    <mergeCell ref="C1409:G1410"/>
    <mergeCell ref="AO1409:AP1409"/>
    <mergeCell ref="BD1405:BG1406"/>
    <mergeCell ref="BH1405:BO1407"/>
    <mergeCell ref="BP1405:BR1407"/>
    <mergeCell ref="BS1405:BU1410"/>
    <mergeCell ref="BV1405:BX1410"/>
    <mergeCell ref="BY1405:CA1410"/>
    <mergeCell ref="BH1408:BO1410"/>
    <mergeCell ref="BP1408:BR1410"/>
    <mergeCell ref="BD1411:BG1412"/>
    <mergeCell ref="BH1411:BO1413"/>
    <mergeCell ref="BP1411:BR1413"/>
    <mergeCell ref="BS1411:BU1416"/>
    <mergeCell ref="BV1411:BX1416"/>
    <mergeCell ref="BY1411:CA1416"/>
    <mergeCell ref="BH1414:BO1416"/>
    <mergeCell ref="BP1414:BR1416"/>
    <mergeCell ref="AZ1409:BC1410"/>
    <mergeCell ref="BD1409:BG1410"/>
    <mergeCell ref="C1411:G1412"/>
    <mergeCell ref="H1411:J1416"/>
    <mergeCell ref="K1411:M1416"/>
    <mergeCell ref="N1411:O1416"/>
    <mergeCell ref="AB1411:AG1413"/>
    <mergeCell ref="AH1411:AH1413"/>
    <mergeCell ref="AL1411:AL1413"/>
    <mergeCell ref="AZ1411:BC1412"/>
    <mergeCell ref="C1399:G1400"/>
    <mergeCell ref="H1399:J1404"/>
    <mergeCell ref="K1399:M1404"/>
    <mergeCell ref="N1399:O1404"/>
    <mergeCell ref="AB1399:AG1401"/>
    <mergeCell ref="AH1399:AH1401"/>
    <mergeCell ref="AL1399:AL1401"/>
    <mergeCell ref="AZ1399:BC1400"/>
    <mergeCell ref="AZ1403:BC1404"/>
    <mergeCell ref="BD1403:BG1404"/>
    <mergeCell ref="C1405:G1406"/>
    <mergeCell ref="H1405:J1410"/>
    <mergeCell ref="K1405:M1410"/>
    <mergeCell ref="N1405:O1410"/>
    <mergeCell ref="AB1405:AG1407"/>
    <mergeCell ref="AH1405:AH1407"/>
    <mergeCell ref="AL1405:AL1407"/>
    <mergeCell ref="AZ1405:BC1406"/>
    <mergeCell ref="C1401:G1402"/>
    <mergeCell ref="AZ1401:BC1402"/>
    <mergeCell ref="BD1401:BG1402"/>
    <mergeCell ref="U1402:U1404"/>
    <mergeCell ref="AB1402:AG1404"/>
    <mergeCell ref="AH1402:AH1404"/>
    <mergeCell ref="AL1402:AL1404"/>
    <mergeCell ref="AT1402:AY1404"/>
    <mergeCell ref="C1403:G1404"/>
    <mergeCell ref="AO1403:AP1403"/>
    <mergeCell ref="C1407:G1408"/>
    <mergeCell ref="AZ1407:BC1408"/>
    <mergeCell ref="BD1407:BG1408"/>
    <mergeCell ref="U1408:U1410"/>
    <mergeCell ref="BH1393:BO1395"/>
    <mergeCell ref="BP1393:BR1395"/>
    <mergeCell ref="BS1393:BU1398"/>
    <mergeCell ref="BV1393:BX1398"/>
    <mergeCell ref="BY1393:CA1398"/>
    <mergeCell ref="BH1396:BO1398"/>
    <mergeCell ref="BP1396:BR1398"/>
    <mergeCell ref="BD1399:BG1400"/>
    <mergeCell ref="BH1399:BO1401"/>
    <mergeCell ref="BP1399:BR1401"/>
    <mergeCell ref="BS1399:BU1404"/>
    <mergeCell ref="BV1399:BX1404"/>
    <mergeCell ref="BY1399:CA1404"/>
    <mergeCell ref="BH1402:BO1404"/>
    <mergeCell ref="BP1402:BR1404"/>
    <mergeCell ref="AZ1397:BC1398"/>
    <mergeCell ref="BD1397:BG1398"/>
    <mergeCell ref="AZ1391:BC1392"/>
    <mergeCell ref="BD1391:BG1392"/>
    <mergeCell ref="C1393:G1394"/>
    <mergeCell ref="H1393:J1398"/>
    <mergeCell ref="K1393:M1398"/>
    <mergeCell ref="N1393:O1398"/>
    <mergeCell ref="AB1393:AG1395"/>
    <mergeCell ref="AH1393:AH1395"/>
    <mergeCell ref="AL1393:AL1395"/>
    <mergeCell ref="AZ1393:BC1394"/>
    <mergeCell ref="C1389:G1390"/>
    <mergeCell ref="AZ1389:BC1390"/>
    <mergeCell ref="BD1389:BG1390"/>
    <mergeCell ref="U1390:U1392"/>
    <mergeCell ref="AB1390:AG1392"/>
    <mergeCell ref="AH1390:AH1392"/>
    <mergeCell ref="AL1390:AL1392"/>
    <mergeCell ref="AT1390:AY1392"/>
    <mergeCell ref="C1391:G1392"/>
    <mergeCell ref="AO1391:AP1391"/>
    <mergeCell ref="C1395:G1396"/>
    <mergeCell ref="AZ1395:BC1396"/>
    <mergeCell ref="BD1395:BG1396"/>
    <mergeCell ref="U1396:U1398"/>
    <mergeCell ref="AB1396:AG1398"/>
    <mergeCell ref="AH1396:AH1398"/>
    <mergeCell ref="AL1396:AL1398"/>
    <mergeCell ref="AT1396:AY1398"/>
    <mergeCell ref="C1397:G1398"/>
    <mergeCell ref="AO1397:AP1397"/>
    <mergeCell ref="BD1393:BG1394"/>
    <mergeCell ref="AB1384:AG1386"/>
    <mergeCell ref="AH1384:AH1386"/>
    <mergeCell ref="AL1384:AL1386"/>
    <mergeCell ref="AT1384:AY1386"/>
    <mergeCell ref="C1385:G1386"/>
    <mergeCell ref="AO1385:AP1385"/>
    <mergeCell ref="BD1381:BG1382"/>
    <mergeCell ref="BH1381:BO1383"/>
    <mergeCell ref="BP1381:BR1383"/>
    <mergeCell ref="BS1381:BU1386"/>
    <mergeCell ref="BV1381:BX1386"/>
    <mergeCell ref="BY1381:CA1386"/>
    <mergeCell ref="BH1384:BO1386"/>
    <mergeCell ref="BP1384:BR1386"/>
    <mergeCell ref="BD1387:BG1388"/>
    <mergeCell ref="BH1387:BO1389"/>
    <mergeCell ref="BP1387:BR1389"/>
    <mergeCell ref="BS1387:BU1392"/>
    <mergeCell ref="BV1387:BX1392"/>
    <mergeCell ref="BY1387:CA1392"/>
    <mergeCell ref="BH1390:BO1392"/>
    <mergeCell ref="BP1390:BR1392"/>
    <mergeCell ref="AZ1385:BC1386"/>
    <mergeCell ref="BD1385:BG1386"/>
    <mergeCell ref="C1387:G1388"/>
    <mergeCell ref="H1387:J1392"/>
    <mergeCell ref="K1387:M1392"/>
    <mergeCell ref="N1387:O1392"/>
    <mergeCell ref="AB1387:AG1389"/>
    <mergeCell ref="AH1387:AH1389"/>
    <mergeCell ref="AL1387:AL1389"/>
    <mergeCell ref="AZ1387:BC1388"/>
    <mergeCell ref="C1375:G1376"/>
    <mergeCell ref="H1375:J1380"/>
    <mergeCell ref="K1375:M1380"/>
    <mergeCell ref="N1375:O1380"/>
    <mergeCell ref="AB1375:AG1377"/>
    <mergeCell ref="AH1375:AH1377"/>
    <mergeCell ref="AL1375:AL1377"/>
    <mergeCell ref="AZ1375:BC1376"/>
    <mergeCell ref="AZ1379:BC1380"/>
    <mergeCell ref="BD1379:BG1380"/>
    <mergeCell ref="C1381:G1382"/>
    <mergeCell ref="H1381:J1386"/>
    <mergeCell ref="K1381:M1386"/>
    <mergeCell ref="N1381:O1386"/>
    <mergeCell ref="AB1381:AG1383"/>
    <mergeCell ref="AH1381:AH1383"/>
    <mergeCell ref="AL1381:AL1383"/>
    <mergeCell ref="AZ1381:BC1382"/>
    <mergeCell ref="C1377:G1378"/>
    <mergeCell ref="AZ1377:BC1378"/>
    <mergeCell ref="BD1377:BG1378"/>
    <mergeCell ref="U1378:U1380"/>
    <mergeCell ref="AB1378:AG1380"/>
    <mergeCell ref="AH1378:AH1380"/>
    <mergeCell ref="AL1378:AL1380"/>
    <mergeCell ref="AT1378:AY1380"/>
    <mergeCell ref="C1379:G1380"/>
    <mergeCell ref="AO1379:AP1379"/>
    <mergeCell ref="C1383:G1384"/>
    <mergeCell ref="AZ1383:BC1384"/>
    <mergeCell ref="BD1383:BG1384"/>
    <mergeCell ref="U1384:U1386"/>
    <mergeCell ref="BH1369:BO1371"/>
    <mergeCell ref="BP1369:BR1371"/>
    <mergeCell ref="BS1369:BU1374"/>
    <mergeCell ref="BV1369:BX1374"/>
    <mergeCell ref="BY1369:CA1374"/>
    <mergeCell ref="BH1372:BO1374"/>
    <mergeCell ref="BP1372:BR1374"/>
    <mergeCell ref="BD1375:BG1376"/>
    <mergeCell ref="BH1375:BO1377"/>
    <mergeCell ref="BP1375:BR1377"/>
    <mergeCell ref="BS1375:BU1380"/>
    <mergeCell ref="BV1375:BX1380"/>
    <mergeCell ref="BY1375:CA1380"/>
    <mergeCell ref="BH1378:BO1380"/>
    <mergeCell ref="BP1378:BR1380"/>
    <mergeCell ref="AZ1373:BC1374"/>
    <mergeCell ref="BD1373:BG1374"/>
    <mergeCell ref="AZ1367:BC1368"/>
    <mergeCell ref="BD1367:BG1368"/>
    <mergeCell ref="C1369:G1370"/>
    <mergeCell ref="H1369:J1374"/>
    <mergeCell ref="K1369:M1374"/>
    <mergeCell ref="N1369:O1374"/>
    <mergeCell ref="AB1369:AG1371"/>
    <mergeCell ref="AH1369:AH1371"/>
    <mergeCell ref="AL1369:AL1371"/>
    <mergeCell ref="AZ1369:BC1370"/>
    <mergeCell ref="C1365:G1366"/>
    <mergeCell ref="AZ1365:BC1366"/>
    <mergeCell ref="BD1365:BG1366"/>
    <mergeCell ref="U1366:U1368"/>
    <mergeCell ref="AB1366:AG1368"/>
    <mergeCell ref="AH1366:AH1368"/>
    <mergeCell ref="AL1366:AL1368"/>
    <mergeCell ref="AT1366:AY1368"/>
    <mergeCell ref="C1367:G1368"/>
    <mergeCell ref="AO1367:AP1367"/>
    <mergeCell ref="C1371:G1372"/>
    <mergeCell ref="AZ1371:BC1372"/>
    <mergeCell ref="BD1371:BG1372"/>
    <mergeCell ref="U1372:U1374"/>
    <mergeCell ref="AB1372:AG1374"/>
    <mergeCell ref="AH1372:AH1374"/>
    <mergeCell ref="AL1372:AL1374"/>
    <mergeCell ref="AT1372:AY1374"/>
    <mergeCell ref="C1373:G1374"/>
    <mergeCell ref="AO1373:AP1373"/>
    <mergeCell ref="BD1369:BG1370"/>
    <mergeCell ref="AB1360:AG1362"/>
    <mergeCell ref="AH1360:AH1362"/>
    <mergeCell ref="AL1360:AL1362"/>
    <mergeCell ref="AT1360:AY1362"/>
    <mergeCell ref="C1361:G1362"/>
    <mergeCell ref="AO1361:AP1361"/>
    <mergeCell ref="BD1357:BG1358"/>
    <mergeCell ref="BH1357:BO1359"/>
    <mergeCell ref="BP1357:BR1359"/>
    <mergeCell ref="BS1357:BU1362"/>
    <mergeCell ref="BV1357:BX1362"/>
    <mergeCell ref="BY1357:CA1362"/>
    <mergeCell ref="BH1360:BO1362"/>
    <mergeCell ref="BP1360:BR1362"/>
    <mergeCell ref="BD1363:BG1364"/>
    <mergeCell ref="BH1363:BO1365"/>
    <mergeCell ref="BP1363:BR1365"/>
    <mergeCell ref="BS1363:BU1368"/>
    <mergeCell ref="BV1363:BX1368"/>
    <mergeCell ref="BY1363:CA1368"/>
    <mergeCell ref="BH1366:BO1368"/>
    <mergeCell ref="BP1366:BR1368"/>
    <mergeCell ref="AZ1361:BC1362"/>
    <mergeCell ref="BD1361:BG1362"/>
    <mergeCell ref="C1363:G1364"/>
    <mergeCell ref="H1363:J1368"/>
    <mergeCell ref="K1363:M1368"/>
    <mergeCell ref="N1363:O1368"/>
    <mergeCell ref="AB1363:AG1365"/>
    <mergeCell ref="AH1363:AH1365"/>
    <mergeCell ref="AL1363:AL1365"/>
    <mergeCell ref="AZ1363:BC1364"/>
    <mergeCell ref="C1351:G1352"/>
    <mergeCell ref="H1351:J1356"/>
    <mergeCell ref="K1351:M1356"/>
    <mergeCell ref="N1351:O1356"/>
    <mergeCell ref="AB1351:AG1353"/>
    <mergeCell ref="AH1351:AH1353"/>
    <mergeCell ref="AL1351:AL1353"/>
    <mergeCell ref="AZ1351:BC1352"/>
    <mergeCell ref="AZ1355:BC1356"/>
    <mergeCell ref="BD1355:BG1356"/>
    <mergeCell ref="C1357:G1358"/>
    <mergeCell ref="H1357:J1362"/>
    <mergeCell ref="K1357:M1362"/>
    <mergeCell ref="N1357:O1362"/>
    <mergeCell ref="AB1357:AG1359"/>
    <mergeCell ref="AH1357:AH1359"/>
    <mergeCell ref="AL1357:AL1359"/>
    <mergeCell ref="AZ1357:BC1358"/>
    <mergeCell ref="C1353:G1354"/>
    <mergeCell ref="AZ1353:BC1354"/>
    <mergeCell ref="BD1353:BG1354"/>
    <mergeCell ref="U1354:U1356"/>
    <mergeCell ref="AB1354:AG1356"/>
    <mergeCell ref="AH1354:AH1356"/>
    <mergeCell ref="AL1354:AL1356"/>
    <mergeCell ref="AT1354:AY1356"/>
    <mergeCell ref="C1355:G1356"/>
    <mergeCell ref="AO1355:AP1355"/>
    <mergeCell ref="C1359:G1360"/>
    <mergeCell ref="AZ1359:BC1360"/>
    <mergeCell ref="BD1359:BG1360"/>
    <mergeCell ref="U1360:U1362"/>
    <mergeCell ref="BH1345:BO1347"/>
    <mergeCell ref="BP1345:BR1347"/>
    <mergeCell ref="BS1345:BU1350"/>
    <mergeCell ref="BV1345:BX1350"/>
    <mergeCell ref="BY1345:CA1350"/>
    <mergeCell ref="BH1348:BO1350"/>
    <mergeCell ref="BP1348:BR1350"/>
    <mergeCell ref="BD1351:BG1352"/>
    <mergeCell ref="BH1351:BO1353"/>
    <mergeCell ref="BP1351:BR1353"/>
    <mergeCell ref="BS1351:BU1356"/>
    <mergeCell ref="BV1351:BX1356"/>
    <mergeCell ref="BY1351:CA1356"/>
    <mergeCell ref="BH1354:BO1356"/>
    <mergeCell ref="BP1354:BR1356"/>
    <mergeCell ref="AZ1349:BC1350"/>
    <mergeCell ref="BD1349:BG1350"/>
    <mergeCell ref="AZ1343:BC1344"/>
    <mergeCell ref="BD1343:BG1344"/>
    <mergeCell ref="C1345:G1346"/>
    <mergeCell ref="H1345:J1350"/>
    <mergeCell ref="K1345:M1350"/>
    <mergeCell ref="N1345:O1350"/>
    <mergeCell ref="AB1345:AG1347"/>
    <mergeCell ref="AH1345:AH1347"/>
    <mergeCell ref="AL1345:AL1347"/>
    <mergeCell ref="AZ1345:BC1346"/>
    <mergeCell ref="C1341:G1342"/>
    <mergeCell ref="AZ1341:BC1342"/>
    <mergeCell ref="BD1341:BG1342"/>
    <mergeCell ref="U1342:U1344"/>
    <mergeCell ref="AB1342:AG1344"/>
    <mergeCell ref="AH1342:AH1344"/>
    <mergeCell ref="AL1342:AL1344"/>
    <mergeCell ref="AT1342:AY1344"/>
    <mergeCell ref="C1343:G1344"/>
    <mergeCell ref="AO1343:AP1343"/>
    <mergeCell ref="C1347:G1348"/>
    <mergeCell ref="AZ1347:BC1348"/>
    <mergeCell ref="BD1347:BG1348"/>
    <mergeCell ref="U1348:U1350"/>
    <mergeCell ref="AB1348:AG1350"/>
    <mergeCell ref="AH1348:AH1350"/>
    <mergeCell ref="AL1348:AL1350"/>
    <mergeCell ref="AT1348:AY1350"/>
    <mergeCell ref="C1349:G1350"/>
    <mergeCell ref="AO1349:AP1349"/>
    <mergeCell ref="BD1345:BG1346"/>
    <mergeCell ref="AB1336:AG1338"/>
    <mergeCell ref="AH1336:AH1338"/>
    <mergeCell ref="AL1336:AL1338"/>
    <mergeCell ref="AT1336:AY1338"/>
    <mergeCell ref="C1337:G1338"/>
    <mergeCell ref="AO1337:AP1337"/>
    <mergeCell ref="BD1333:BG1334"/>
    <mergeCell ref="BH1333:BO1335"/>
    <mergeCell ref="BP1333:BR1335"/>
    <mergeCell ref="BS1333:BU1338"/>
    <mergeCell ref="BV1333:BX1338"/>
    <mergeCell ref="BY1333:CA1338"/>
    <mergeCell ref="BH1336:BO1338"/>
    <mergeCell ref="BP1336:BR1338"/>
    <mergeCell ref="BD1339:BG1340"/>
    <mergeCell ref="BH1339:BO1341"/>
    <mergeCell ref="BP1339:BR1341"/>
    <mergeCell ref="BS1339:BU1344"/>
    <mergeCell ref="BV1339:BX1344"/>
    <mergeCell ref="BY1339:CA1344"/>
    <mergeCell ref="BH1342:BO1344"/>
    <mergeCell ref="BP1342:BR1344"/>
    <mergeCell ref="AZ1337:BC1338"/>
    <mergeCell ref="BD1337:BG1338"/>
    <mergeCell ref="C1339:G1340"/>
    <mergeCell ref="H1339:J1344"/>
    <mergeCell ref="K1339:M1344"/>
    <mergeCell ref="N1339:O1344"/>
    <mergeCell ref="AB1339:AG1341"/>
    <mergeCell ref="AH1339:AH1341"/>
    <mergeCell ref="AL1339:AL1341"/>
    <mergeCell ref="AZ1339:BC1340"/>
    <mergeCell ref="C1327:G1328"/>
    <mergeCell ref="H1327:J1332"/>
    <mergeCell ref="K1327:M1332"/>
    <mergeCell ref="N1327:O1332"/>
    <mergeCell ref="AB1327:AG1329"/>
    <mergeCell ref="AH1327:AH1329"/>
    <mergeCell ref="AL1327:AL1329"/>
    <mergeCell ref="AZ1327:BC1328"/>
    <mergeCell ref="AZ1331:BC1332"/>
    <mergeCell ref="BD1331:BG1332"/>
    <mergeCell ref="C1333:G1334"/>
    <mergeCell ref="H1333:J1338"/>
    <mergeCell ref="K1333:M1338"/>
    <mergeCell ref="N1333:O1338"/>
    <mergeCell ref="AB1333:AG1335"/>
    <mergeCell ref="AH1333:AH1335"/>
    <mergeCell ref="AL1333:AL1335"/>
    <mergeCell ref="AZ1333:BC1334"/>
    <mergeCell ref="C1329:G1330"/>
    <mergeCell ref="AZ1329:BC1330"/>
    <mergeCell ref="BD1329:BG1330"/>
    <mergeCell ref="U1330:U1332"/>
    <mergeCell ref="AB1330:AG1332"/>
    <mergeCell ref="AH1330:AH1332"/>
    <mergeCell ref="AL1330:AL1332"/>
    <mergeCell ref="AT1330:AY1332"/>
    <mergeCell ref="C1331:G1332"/>
    <mergeCell ref="AO1331:AP1331"/>
    <mergeCell ref="C1335:G1336"/>
    <mergeCell ref="AZ1335:BC1336"/>
    <mergeCell ref="BD1335:BG1336"/>
    <mergeCell ref="U1336:U1338"/>
    <mergeCell ref="BH1321:BO1323"/>
    <mergeCell ref="BP1321:BR1323"/>
    <mergeCell ref="BS1321:BU1326"/>
    <mergeCell ref="BV1321:BX1326"/>
    <mergeCell ref="BY1321:CA1326"/>
    <mergeCell ref="BH1324:BO1326"/>
    <mergeCell ref="BP1324:BR1326"/>
    <mergeCell ref="BD1327:BG1328"/>
    <mergeCell ref="BH1327:BO1329"/>
    <mergeCell ref="BP1327:BR1329"/>
    <mergeCell ref="BS1327:BU1332"/>
    <mergeCell ref="BV1327:BX1332"/>
    <mergeCell ref="BY1327:CA1332"/>
    <mergeCell ref="BH1330:BO1332"/>
    <mergeCell ref="BP1330:BR1332"/>
    <mergeCell ref="AZ1325:BC1326"/>
    <mergeCell ref="BD1325:BG1326"/>
    <mergeCell ref="AZ1319:BC1320"/>
    <mergeCell ref="BD1319:BG1320"/>
    <mergeCell ref="C1321:G1322"/>
    <mergeCell ref="H1321:J1326"/>
    <mergeCell ref="K1321:M1326"/>
    <mergeCell ref="N1321:O1326"/>
    <mergeCell ref="AB1321:AG1323"/>
    <mergeCell ref="AH1321:AH1323"/>
    <mergeCell ref="AL1321:AL1323"/>
    <mergeCell ref="AZ1321:BC1322"/>
    <mergeCell ref="C1317:G1318"/>
    <mergeCell ref="AZ1317:BC1318"/>
    <mergeCell ref="BD1317:BG1318"/>
    <mergeCell ref="U1318:U1320"/>
    <mergeCell ref="AB1318:AG1320"/>
    <mergeCell ref="AH1318:AH1320"/>
    <mergeCell ref="AL1318:AL1320"/>
    <mergeCell ref="AT1318:AY1320"/>
    <mergeCell ref="C1319:G1320"/>
    <mergeCell ref="AO1319:AP1319"/>
    <mergeCell ref="C1323:G1324"/>
    <mergeCell ref="AZ1323:BC1324"/>
    <mergeCell ref="BD1323:BG1324"/>
    <mergeCell ref="U1324:U1326"/>
    <mergeCell ref="AB1324:AG1326"/>
    <mergeCell ref="AH1324:AH1326"/>
    <mergeCell ref="AL1324:AL1326"/>
    <mergeCell ref="AT1324:AY1326"/>
    <mergeCell ref="C1325:G1326"/>
    <mergeCell ref="AO1325:AP1325"/>
    <mergeCell ref="BD1321:BG1322"/>
    <mergeCell ref="AB1312:AG1314"/>
    <mergeCell ref="AH1312:AH1314"/>
    <mergeCell ref="AL1312:AL1314"/>
    <mergeCell ref="AT1312:AY1314"/>
    <mergeCell ref="C1313:G1314"/>
    <mergeCell ref="AO1313:AP1313"/>
    <mergeCell ref="BD1309:BG1310"/>
    <mergeCell ref="BH1309:BO1311"/>
    <mergeCell ref="BP1309:BR1311"/>
    <mergeCell ref="BS1309:BU1314"/>
    <mergeCell ref="BV1309:BX1314"/>
    <mergeCell ref="BY1309:CA1314"/>
    <mergeCell ref="BH1312:BO1314"/>
    <mergeCell ref="BP1312:BR1314"/>
    <mergeCell ref="BD1315:BG1316"/>
    <mergeCell ref="BH1315:BO1317"/>
    <mergeCell ref="BP1315:BR1317"/>
    <mergeCell ref="BS1315:BU1320"/>
    <mergeCell ref="BV1315:BX1320"/>
    <mergeCell ref="BY1315:CA1320"/>
    <mergeCell ref="BH1318:BO1320"/>
    <mergeCell ref="BP1318:BR1320"/>
    <mergeCell ref="AZ1313:BC1314"/>
    <mergeCell ref="BD1313:BG1314"/>
    <mergeCell ref="C1315:G1316"/>
    <mergeCell ref="H1315:J1320"/>
    <mergeCell ref="K1315:M1320"/>
    <mergeCell ref="N1315:O1320"/>
    <mergeCell ref="AB1315:AG1317"/>
    <mergeCell ref="AH1315:AH1317"/>
    <mergeCell ref="AL1315:AL1317"/>
    <mergeCell ref="AZ1315:BC1316"/>
    <mergeCell ref="C1303:G1304"/>
    <mergeCell ref="H1303:J1308"/>
    <mergeCell ref="K1303:M1308"/>
    <mergeCell ref="N1303:O1308"/>
    <mergeCell ref="AB1303:AG1305"/>
    <mergeCell ref="AH1303:AH1305"/>
    <mergeCell ref="AL1303:AL1305"/>
    <mergeCell ref="AZ1303:BC1304"/>
    <mergeCell ref="AZ1307:BC1308"/>
    <mergeCell ref="BD1307:BG1308"/>
    <mergeCell ref="C1309:G1310"/>
    <mergeCell ref="H1309:J1314"/>
    <mergeCell ref="K1309:M1314"/>
    <mergeCell ref="N1309:O1314"/>
    <mergeCell ref="AB1309:AG1311"/>
    <mergeCell ref="AH1309:AH1311"/>
    <mergeCell ref="AL1309:AL1311"/>
    <mergeCell ref="AZ1309:BC1310"/>
    <mergeCell ref="C1305:G1306"/>
    <mergeCell ref="AZ1305:BC1306"/>
    <mergeCell ref="BD1305:BG1306"/>
    <mergeCell ref="U1306:U1308"/>
    <mergeCell ref="AB1306:AG1308"/>
    <mergeCell ref="AH1306:AH1308"/>
    <mergeCell ref="AL1306:AL1308"/>
    <mergeCell ref="AT1306:AY1308"/>
    <mergeCell ref="C1307:G1308"/>
    <mergeCell ref="AO1307:AP1307"/>
    <mergeCell ref="C1311:G1312"/>
    <mergeCell ref="AZ1311:BC1312"/>
    <mergeCell ref="BD1311:BG1312"/>
    <mergeCell ref="U1312:U1314"/>
    <mergeCell ref="BH1297:BO1299"/>
    <mergeCell ref="BP1297:BR1299"/>
    <mergeCell ref="BS1297:BU1302"/>
    <mergeCell ref="BV1297:BX1302"/>
    <mergeCell ref="BY1297:CA1302"/>
    <mergeCell ref="BH1300:BO1302"/>
    <mergeCell ref="BP1300:BR1302"/>
    <mergeCell ref="BD1303:BG1304"/>
    <mergeCell ref="BH1303:BO1305"/>
    <mergeCell ref="BP1303:BR1305"/>
    <mergeCell ref="BS1303:BU1308"/>
    <mergeCell ref="BV1303:BX1308"/>
    <mergeCell ref="BY1303:CA1308"/>
    <mergeCell ref="BH1306:BO1308"/>
    <mergeCell ref="BP1306:BR1308"/>
    <mergeCell ref="AZ1301:BC1302"/>
    <mergeCell ref="BD1301:BG1302"/>
    <mergeCell ref="AZ1295:BC1296"/>
    <mergeCell ref="BD1295:BG1296"/>
    <mergeCell ref="C1297:G1298"/>
    <mergeCell ref="H1297:J1302"/>
    <mergeCell ref="K1297:M1302"/>
    <mergeCell ref="N1297:O1302"/>
    <mergeCell ref="AB1297:AG1299"/>
    <mergeCell ref="AH1297:AH1299"/>
    <mergeCell ref="AL1297:AL1299"/>
    <mergeCell ref="AZ1297:BC1298"/>
    <mergeCell ref="C1293:G1294"/>
    <mergeCell ref="AZ1293:BC1294"/>
    <mergeCell ref="BD1293:BG1294"/>
    <mergeCell ref="U1294:U1296"/>
    <mergeCell ref="AB1294:AG1296"/>
    <mergeCell ref="AH1294:AH1296"/>
    <mergeCell ref="AL1294:AL1296"/>
    <mergeCell ref="AT1294:AY1296"/>
    <mergeCell ref="C1295:G1296"/>
    <mergeCell ref="AO1295:AP1295"/>
    <mergeCell ref="C1299:G1300"/>
    <mergeCell ref="AZ1299:BC1300"/>
    <mergeCell ref="BD1299:BG1300"/>
    <mergeCell ref="U1300:U1302"/>
    <mergeCell ref="AB1300:AG1302"/>
    <mergeCell ref="AH1300:AH1302"/>
    <mergeCell ref="AL1300:AL1302"/>
    <mergeCell ref="AT1300:AY1302"/>
    <mergeCell ref="C1301:G1302"/>
    <mergeCell ref="AO1301:AP1301"/>
    <mergeCell ref="BD1297:BG1298"/>
    <mergeCell ref="AB1288:AG1290"/>
    <mergeCell ref="AH1288:AH1290"/>
    <mergeCell ref="AL1288:AL1290"/>
    <mergeCell ref="AT1288:AY1290"/>
    <mergeCell ref="C1289:G1290"/>
    <mergeCell ref="AO1289:AP1289"/>
    <mergeCell ref="BD1285:BG1286"/>
    <mergeCell ref="BH1285:BO1287"/>
    <mergeCell ref="BP1285:BR1287"/>
    <mergeCell ref="BS1285:BU1290"/>
    <mergeCell ref="BV1285:BX1290"/>
    <mergeCell ref="BY1285:CA1290"/>
    <mergeCell ref="BH1288:BO1290"/>
    <mergeCell ref="BP1288:BR1290"/>
    <mergeCell ref="BD1291:BG1292"/>
    <mergeCell ref="BH1291:BO1293"/>
    <mergeCell ref="BP1291:BR1293"/>
    <mergeCell ref="BS1291:BU1296"/>
    <mergeCell ref="BV1291:BX1296"/>
    <mergeCell ref="BY1291:CA1296"/>
    <mergeCell ref="BH1294:BO1296"/>
    <mergeCell ref="BP1294:BR1296"/>
    <mergeCell ref="AZ1289:BC1290"/>
    <mergeCell ref="BD1289:BG1290"/>
    <mergeCell ref="C1291:G1292"/>
    <mergeCell ref="H1291:J1296"/>
    <mergeCell ref="K1291:M1296"/>
    <mergeCell ref="N1291:O1296"/>
    <mergeCell ref="AB1291:AG1293"/>
    <mergeCell ref="AH1291:AH1293"/>
    <mergeCell ref="AL1291:AL1293"/>
    <mergeCell ref="AZ1291:BC1292"/>
    <mergeCell ref="C1279:G1280"/>
    <mergeCell ref="H1279:J1284"/>
    <mergeCell ref="K1279:M1284"/>
    <mergeCell ref="N1279:O1284"/>
    <mergeCell ref="AB1279:AG1281"/>
    <mergeCell ref="AH1279:AH1281"/>
    <mergeCell ref="AL1279:AL1281"/>
    <mergeCell ref="AZ1279:BC1280"/>
    <mergeCell ref="AZ1283:BC1284"/>
    <mergeCell ref="BD1283:BG1284"/>
    <mergeCell ref="C1285:G1286"/>
    <mergeCell ref="H1285:J1290"/>
    <mergeCell ref="K1285:M1290"/>
    <mergeCell ref="N1285:O1290"/>
    <mergeCell ref="AB1285:AG1287"/>
    <mergeCell ref="AH1285:AH1287"/>
    <mergeCell ref="AL1285:AL1287"/>
    <mergeCell ref="AZ1285:BC1286"/>
    <mergeCell ref="C1281:G1282"/>
    <mergeCell ref="AZ1281:BC1282"/>
    <mergeCell ref="BD1281:BG1282"/>
    <mergeCell ref="U1282:U1284"/>
    <mergeCell ref="AB1282:AG1284"/>
    <mergeCell ref="AH1282:AH1284"/>
    <mergeCell ref="AL1282:AL1284"/>
    <mergeCell ref="AT1282:AY1284"/>
    <mergeCell ref="C1283:G1284"/>
    <mergeCell ref="AO1283:AP1283"/>
    <mergeCell ref="C1287:G1288"/>
    <mergeCell ref="AZ1287:BC1288"/>
    <mergeCell ref="BD1287:BG1288"/>
    <mergeCell ref="U1288:U1290"/>
    <mergeCell ref="BH1273:BO1275"/>
    <mergeCell ref="BP1273:BR1275"/>
    <mergeCell ref="BS1273:BU1278"/>
    <mergeCell ref="BV1273:BX1278"/>
    <mergeCell ref="BY1273:CA1278"/>
    <mergeCell ref="BH1276:BO1278"/>
    <mergeCell ref="BP1276:BR1278"/>
    <mergeCell ref="BD1279:BG1280"/>
    <mergeCell ref="BH1279:BO1281"/>
    <mergeCell ref="BP1279:BR1281"/>
    <mergeCell ref="BS1279:BU1284"/>
    <mergeCell ref="BV1279:BX1284"/>
    <mergeCell ref="BY1279:CA1284"/>
    <mergeCell ref="BH1282:BO1284"/>
    <mergeCell ref="BP1282:BR1284"/>
    <mergeCell ref="AZ1277:BC1278"/>
    <mergeCell ref="BD1277:BG1278"/>
    <mergeCell ref="AZ1271:BC1272"/>
    <mergeCell ref="BD1271:BG1272"/>
    <mergeCell ref="C1273:G1274"/>
    <mergeCell ref="H1273:J1278"/>
    <mergeCell ref="K1273:M1278"/>
    <mergeCell ref="N1273:O1278"/>
    <mergeCell ref="AB1273:AG1275"/>
    <mergeCell ref="AH1273:AH1275"/>
    <mergeCell ref="AL1273:AL1275"/>
    <mergeCell ref="AZ1273:BC1274"/>
    <mergeCell ref="C1269:G1270"/>
    <mergeCell ref="AZ1269:BC1270"/>
    <mergeCell ref="BD1269:BG1270"/>
    <mergeCell ref="U1270:U1272"/>
    <mergeCell ref="AB1270:AG1272"/>
    <mergeCell ref="AH1270:AH1272"/>
    <mergeCell ref="AL1270:AL1272"/>
    <mergeCell ref="AT1270:AY1272"/>
    <mergeCell ref="C1271:G1272"/>
    <mergeCell ref="AO1271:AP1271"/>
    <mergeCell ref="C1275:G1276"/>
    <mergeCell ref="AZ1275:BC1276"/>
    <mergeCell ref="BD1275:BG1276"/>
    <mergeCell ref="U1276:U1278"/>
    <mergeCell ref="AB1276:AG1278"/>
    <mergeCell ref="AH1276:AH1278"/>
    <mergeCell ref="AL1276:AL1278"/>
    <mergeCell ref="AT1276:AY1278"/>
    <mergeCell ref="C1277:G1278"/>
    <mergeCell ref="AO1277:AP1277"/>
    <mergeCell ref="BD1273:BG1274"/>
    <mergeCell ref="AB1264:AG1266"/>
    <mergeCell ref="AH1264:AH1266"/>
    <mergeCell ref="AL1264:AL1266"/>
    <mergeCell ref="AT1264:AY1266"/>
    <mergeCell ref="C1265:G1266"/>
    <mergeCell ref="AO1265:AP1265"/>
    <mergeCell ref="BD1261:BG1262"/>
    <mergeCell ref="BH1261:BO1263"/>
    <mergeCell ref="BP1261:BR1263"/>
    <mergeCell ref="BS1261:BU1266"/>
    <mergeCell ref="BV1261:BX1266"/>
    <mergeCell ref="BY1261:CA1266"/>
    <mergeCell ref="BH1264:BO1266"/>
    <mergeCell ref="BP1264:BR1266"/>
    <mergeCell ref="BD1267:BG1268"/>
    <mergeCell ref="BH1267:BO1269"/>
    <mergeCell ref="BP1267:BR1269"/>
    <mergeCell ref="BS1267:BU1272"/>
    <mergeCell ref="BV1267:BX1272"/>
    <mergeCell ref="BY1267:CA1272"/>
    <mergeCell ref="BH1270:BO1272"/>
    <mergeCell ref="BP1270:BR1272"/>
    <mergeCell ref="AZ1265:BC1266"/>
    <mergeCell ref="BD1265:BG1266"/>
    <mergeCell ref="C1267:G1268"/>
    <mergeCell ref="H1267:J1272"/>
    <mergeCell ref="K1267:M1272"/>
    <mergeCell ref="N1267:O1272"/>
    <mergeCell ref="AB1267:AG1269"/>
    <mergeCell ref="AH1267:AH1269"/>
    <mergeCell ref="AL1267:AL1269"/>
    <mergeCell ref="AZ1267:BC1268"/>
    <mergeCell ref="C1255:G1256"/>
    <mergeCell ref="H1255:J1260"/>
    <mergeCell ref="K1255:M1260"/>
    <mergeCell ref="N1255:O1260"/>
    <mergeCell ref="AB1255:AG1257"/>
    <mergeCell ref="AH1255:AH1257"/>
    <mergeCell ref="AL1255:AL1257"/>
    <mergeCell ref="AZ1255:BC1256"/>
    <mergeCell ref="AZ1259:BC1260"/>
    <mergeCell ref="BD1259:BG1260"/>
    <mergeCell ref="C1261:G1262"/>
    <mergeCell ref="H1261:J1266"/>
    <mergeCell ref="K1261:M1266"/>
    <mergeCell ref="N1261:O1266"/>
    <mergeCell ref="AB1261:AG1263"/>
    <mergeCell ref="AH1261:AH1263"/>
    <mergeCell ref="AL1261:AL1263"/>
    <mergeCell ref="AZ1261:BC1262"/>
    <mergeCell ref="C1257:G1258"/>
    <mergeCell ref="AZ1257:BC1258"/>
    <mergeCell ref="BD1257:BG1258"/>
    <mergeCell ref="U1258:U1260"/>
    <mergeCell ref="AB1258:AG1260"/>
    <mergeCell ref="AH1258:AH1260"/>
    <mergeCell ref="AL1258:AL1260"/>
    <mergeCell ref="AT1258:AY1260"/>
    <mergeCell ref="C1259:G1260"/>
    <mergeCell ref="AO1259:AP1259"/>
    <mergeCell ref="C1263:G1264"/>
    <mergeCell ref="AZ1263:BC1264"/>
    <mergeCell ref="BD1263:BG1264"/>
    <mergeCell ref="U1264:U1266"/>
    <mergeCell ref="BH1249:BO1251"/>
    <mergeCell ref="BP1249:BR1251"/>
    <mergeCell ref="BS1249:BU1254"/>
    <mergeCell ref="BV1249:BX1254"/>
    <mergeCell ref="BY1249:CA1254"/>
    <mergeCell ref="BH1252:BO1254"/>
    <mergeCell ref="BP1252:BR1254"/>
    <mergeCell ref="BD1255:BG1256"/>
    <mergeCell ref="BH1255:BO1257"/>
    <mergeCell ref="BP1255:BR1257"/>
    <mergeCell ref="BS1255:BU1260"/>
    <mergeCell ref="BV1255:BX1260"/>
    <mergeCell ref="BY1255:CA1260"/>
    <mergeCell ref="BH1258:BO1260"/>
    <mergeCell ref="BP1258:BR1260"/>
    <mergeCell ref="AZ1253:BC1254"/>
    <mergeCell ref="BD1253:BG1254"/>
    <mergeCell ref="AZ1247:BC1248"/>
    <mergeCell ref="BD1247:BG1248"/>
    <mergeCell ref="C1249:G1250"/>
    <mergeCell ref="H1249:J1254"/>
    <mergeCell ref="K1249:M1254"/>
    <mergeCell ref="N1249:O1254"/>
    <mergeCell ref="AB1249:AG1251"/>
    <mergeCell ref="AH1249:AH1251"/>
    <mergeCell ref="AL1249:AL1251"/>
    <mergeCell ref="AZ1249:BC1250"/>
    <mergeCell ref="C1245:G1246"/>
    <mergeCell ref="AZ1245:BC1246"/>
    <mergeCell ref="BD1245:BG1246"/>
    <mergeCell ref="U1246:U1248"/>
    <mergeCell ref="AB1246:AG1248"/>
    <mergeCell ref="AH1246:AH1248"/>
    <mergeCell ref="AL1246:AL1248"/>
    <mergeCell ref="AT1246:AY1248"/>
    <mergeCell ref="C1247:G1248"/>
    <mergeCell ref="AO1247:AP1247"/>
    <mergeCell ref="C1251:G1252"/>
    <mergeCell ref="AZ1251:BC1252"/>
    <mergeCell ref="BD1251:BG1252"/>
    <mergeCell ref="U1252:U1254"/>
    <mergeCell ref="AB1252:AG1254"/>
    <mergeCell ref="AH1252:AH1254"/>
    <mergeCell ref="AL1252:AL1254"/>
    <mergeCell ref="AT1252:AY1254"/>
    <mergeCell ref="C1253:G1254"/>
    <mergeCell ref="AO1253:AP1253"/>
    <mergeCell ref="BD1249:BG1250"/>
    <mergeCell ref="AB1240:AG1242"/>
    <mergeCell ref="AH1240:AH1242"/>
    <mergeCell ref="AL1240:AL1242"/>
    <mergeCell ref="AT1240:AY1242"/>
    <mergeCell ref="C1241:G1242"/>
    <mergeCell ref="AO1241:AP1241"/>
    <mergeCell ref="BD1237:BG1238"/>
    <mergeCell ref="BH1237:BO1239"/>
    <mergeCell ref="BP1237:BR1239"/>
    <mergeCell ref="BS1237:BU1242"/>
    <mergeCell ref="BV1237:BX1242"/>
    <mergeCell ref="BY1237:CA1242"/>
    <mergeCell ref="BH1240:BO1242"/>
    <mergeCell ref="BP1240:BR1242"/>
    <mergeCell ref="BD1243:BG1244"/>
    <mergeCell ref="BH1243:BO1245"/>
    <mergeCell ref="BP1243:BR1245"/>
    <mergeCell ref="BS1243:BU1248"/>
    <mergeCell ref="BV1243:BX1248"/>
    <mergeCell ref="BY1243:CA1248"/>
    <mergeCell ref="BH1246:BO1248"/>
    <mergeCell ref="BP1246:BR1248"/>
    <mergeCell ref="AZ1241:BC1242"/>
    <mergeCell ref="BD1241:BG1242"/>
    <mergeCell ref="C1243:G1244"/>
    <mergeCell ref="H1243:J1248"/>
    <mergeCell ref="K1243:M1248"/>
    <mergeCell ref="N1243:O1248"/>
    <mergeCell ref="AB1243:AG1245"/>
    <mergeCell ref="AH1243:AH1245"/>
    <mergeCell ref="AL1243:AL1245"/>
    <mergeCell ref="AZ1243:BC1244"/>
    <mergeCell ref="C1231:G1232"/>
    <mergeCell ref="H1231:J1236"/>
    <mergeCell ref="K1231:M1236"/>
    <mergeCell ref="N1231:O1236"/>
    <mergeCell ref="AB1231:AG1233"/>
    <mergeCell ref="AH1231:AH1233"/>
    <mergeCell ref="AL1231:AL1233"/>
    <mergeCell ref="AZ1231:BC1232"/>
    <mergeCell ref="AZ1235:BC1236"/>
    <mergeCell ref="BD1235:BG1236"/>
    <mergeCell ref="C1237:G1238"/>
    <mergeCell ref="H1237:J1242"/>
    <mergeCell ref="K1237:M1242"/>
    <mergeCell ref="N1237:O1242"/>
    <mergeCell ref="AB1237:AG1239"/>
    <mergeCell ref="AH1237:AH1239"/>
    <mergeCell ref="AL1237:AL1239"/>
    <mergeCell ref="AZ1237:BC1238"/>
    <mergeCell ref="C1233:G1234"/>
    <mergeCell ref="AZ1233:BC1234"/>
    <mergeCell ref="BD1233:BG1234"/>
    <mergeCell ref="U1234:U1236"/>
    <mergeCell ref="AB1234:AG1236"/>
    <mergeCell ref="AH1234:AH1236"/>
    <mergeCell ref="AL1234:AL1236"/>
    <mergeCell ref="AT1234:AY1236"/>
    <mergeCell ref="C1235:G1236"/>
    <mergeCell ref="AO1235:AP1235"/>
    <mergeCell ref="C1239:G1240"/>
    <mergeCell ref="AZ1239:BC1240"/>
    <mergeCell ref="BD1239:BG1240"/>
    <mergeCell ref="U1240:U1242"/>
    <mergeCell ref="BH1225:BO1227"/>
    <mergeCell ref="BP1225:BR1227"/>
    <mergeCell ref="BS1225:BU1230"/>
    <mergeCell ref="BV1225:BX1230"/>
    <mergeCell ref="BY1225:CA1230"/>
    <mergeCell ref="BH1228:BO1230"/>
    <mergeCell ref="BP1228:BR1230"/>
    <mergeCell ref="BD1231:BG1232"/>
    <mergeCell ref="BH1231:BO1233"/>
    <mergeCell ref="BP1231:BR1233"/>
    <mergeCell ref="BS1231:BU1236"/>
    <mergeCell ref="BV1231:BX1236"/>
    <mergeCell ref="BY1231:CA1236"/>
    <mergeCell ref="BH1234:BO1236"/>
    <mergeCell ref="BP1234:BR1236"/>
    <mergeCell ref="AZ1229:BC1230"/>
    <mergeCell ref="BD1229:BG1230"/>
    <mergeCell ref="AZ1223:BC1224"/>
    <mergeCell ref="BD1223:BG1224"/>
    <mergeCell ref="C1225:G1226"/>
    <mergeCell ref="H1225:J1230"/>
    <mergeCell ref="K1225:M1230"/>
    <mergeCell ref="N1225:O1230"/>
    <mergeCell ref="AB1225:AG1227"/>
    <mergeCell ref="AH1225:AH1227"/>
    <mergeCell ref="AL1225:AL1227"/>
    <mergeCell ref="AZ1225:BC1226"/>
    <mergeCell ref="C1221:G1222"/>
    <mergeCell ref="AZ1221:BC1222"/>
    <mergeCell ref="BD1221:BG1222"/>
    <mergeCell ref="U1222:U1224"/>
    <mergeCell ref="AB1222:AG1224"/>
    <mergeCell ref="AH1222:AH1224"/>
    <mergeCell ref="AL1222:AL1224"/>
    <mergeCell ref="AT1222:AY1224"/>
    <mergeCell ref="C1223:G1224"/>
    <mergeCell ref="AO1223:AP1223"/>
    <mergeCell ref="C1227:G1228"/>
    <mergeCell ref="AZ1227:BC1228"/>
    <mergeCell ref="BD1227:BG1228"/>
    <mergeCell ref="U1228:U1230"/>
    <mergeCell ref="AB1228:AG1230"/>
    <mergeCell ref="AH1228:AH1230"/>
    <mergeCell ref="AL1228:AL1230"/>
    <mergeCell ref="AT1228:AY1230"/>
    <mergeCell ref="C1229:G1230"/>
    <mergeCell ref="AO1229:AP1229"/>
    <mergeCell ref="BD1225:BG1226"/>
    <mergeCell ref="AB1216:AG1218"/>
    <mergeCell ref="AH1216:AH1218"/>
    <mergeCell ref="AL1216:AL1218"/>
    <mergeCell ref="AT1216:AY1218"/>
    <mergeCell ref="C1217:G1218"/>
    <mergeCell ref="AO1217:AP1217"/>
    <mergeCell ref="BD1213:BG1214"/>
    <mergeCell ref="BH1213:BO1215"/>
    <mergeCell ref="BP1213:BR1215"/>
    <mergeCell ref="BS1213:BU1218"/>
    <mergeCell ref="BV1213:BX1218"/>
    <mergeCell ref="BY1213:CA1218"/>
    <mergeCell ref="BH1216:BO1218"/>
    <mergeCell ref="BP1216:BR1218"/>
    <mergeCell ref="BD1219:BG1220"/>
    <mergeCell ref="BH1219:BO1221"/>
    <mergeCell ref="BP1219:BR1221"/>
    <mergeCell ref="BS1219:BU1224"/>
    <mergeCell ref="BV1219:BX1224"/>
    <mergeCell ref="BY1219:CA1224"/>
    <mergeCell ref="BH1222:BO1224"/>
    <mergeCell ref="BP1222:BR1224"/>
    <mergeCell ref="AZ1217:BC1218"/>
    <mergeCell ref="BD1217:BG1218"/>
    <mergeCell ref="C1219:G1220"/>
    <mergeCell ref="H1219:J1224"/>
    <mergeCell ref="K1219:M1224"/>
    <mergeCell ref="N1219:O1224"/>
    <mergeCell ref="AB1219:AG1221"/>
    <mergeCell ref="AH1219:AH1221"/>
    <mergeCell ref="AL1219:AL1221"/>
    <mergeCell ref="AZ1219:BC1220"/>
    <mergeCell ref="C1207:G1208"/>
    <mergeCell ref="H1207:J1212"/>
    <mergeCell ref="K1207:M1212"/>
    <mergeCell ref="N1207:O1212"/>
    <mergeCell ref="AB1207:AG1209"/>
    <mergeCell ref="AH1207:AH1209"/>
    <mergeCell ref="AL1207:AL1209"/>
    <mergeCell ref="AZ1207:BC1208"/>
    <mergeCell ref="AZ1211:BC1212"/>
    <mergeCell ref="BD1211:BG1212"/>
    <mergeCell ref="C1213:G1214"/>
    <mergeCell ref="H1213:J1218"/>
    <mergeCell ref="K1213:M1218"/>
    <mergeCell ref="N1213:O1218"/>
    <mergeCell ref="AB1213:AG1215"/>
    <mergeCell ref="AH1213:AH1215"/>
    <mergeCell ref="AL1213:AL1215"/>
    <mergeCell ref="AZ1213:BC1214"/>
    <mergeCell ref="C1209:G1210"/>
    <mergeCell ref="AZ1209:BC1210"/>
    <mergeCell ref="BD1209:BG1210"/>
    <mergeCell ref="U1210:U1212"/>
    <mergeCell ref="AB1210:AG1212"/>
    <mergeCell ref="AH1210:AH1212"/>
    <mergeCell ref="AL1210:AL1212"/>
    <mergeCell ref="AT1210:AY1212"/>
    <mergeCell ref="C1211:G1212"/>
    <mergeCell ref="AO1211:AP1211"/>
    <mergeCell ref="C1215:G1216"/>
    <mergeCell ref="AZ1215:BC1216"/>
    <mergeCell ref="BD1215:BG1216"/>
    <mergeCell ref="U1216:U1218"/>
    <mergeCell ref="BH1201:BO1203"/>
    <mergeCell ref="BP1201:BR1203"/>
    <mergeCell ref="BS1201:BU1206"/>
    <mergeCell ref="BV1201:BX1206"/>
    <mergeCell ref="BY1201:CA1206"/>
    <mergeCell ref="BH1204:BO1206"/>
    <mergeCell ref="BP1204:BR1206"/>
    <mergeCell ref="BD1207:BG1208"/>
    <mergeCell ref="BH1207:BO1209"/>
    <mergeCell ref="BP1207:BR1209"/>
    <mergeCell ref="BS1207:BU1212"/>
    <mergeCell ref="BV1207:BX1212"/>
    <mergeCell ref="BY1207:CA1212"/>
    <mergeCell ref="BH1210:BO1212"/>
    <mergeCell ref="BP1210:BR1212"/>
    <mergeCell ref="AZ1205:BC1206"/>
    <mergeCell ref="BD1205:BG1206"/>
    <mergeCell ref="AZ1199:BC1200"/>
    <mergeCell ref="BD1199:BG1200"/>
    <mergeCell ref="C1201:G1202"/>
    <mergeCell ref="H1201:J1206"/>
    <mergeCell ref="K1201:M1206"/>
    <mergeCell ref="N1201:O1206"/>
    <mergeCell ref="AB1201:AG1203"/>
    <mergeCell ref="AH1201:AH1203"/>
    <mergeCell ref="AL1201:AL1203"/>
    <mergeCell ref="AZ1201:BC1202"/>
    <mergeCell ref="C1197:G1198"/>
    <mergeCell ref="AZ1197:BC1198"/>
    <mergeCell ref="BD1197:BG1198"/>
    <mergeCell ref="U1198:U1200"/>
    <mergeCell ref="AB1198:AG1200"/>
    <mergeCell ref="AH1198:AH1200"/>
    <mergeCell ref="AL1198:AL1200"/>
    <mergeCell ref="AT1198:AY1200"/>
    <mergeCell ref="C1199:G1200"/>
    <mergeCell ref="AO1199:AP1199"/>
    <mergeCell ref="C1203:G1204"/>
    <mergeCell ref="AZ1203:BC1204"/>
    <mergeCell ref="BD1203:BG1204"/>
    <mergeCell ref="U1204:U1206"/>
    <mergeCell ref="AB1204:AG1206"/>
    <mergeCell ref="AH1204:AH1206"/>
    <mergeCell ref="AL1204:AL1206"/>
    <mergeCell ref="AT1204:AY1206"/>
    <mergeCell ref="C1205:G1206"/>
    <mergeCell ref="AO1205:AP1205"/>
    <mergeCell ref="BD1201:BG1202"/>
    <mergeCell ref="AB1192:AG1194"/>
    <mergeCell ref="AH1192:AH1194"/>
    <mergeCell ref="AL1192:AL1194"/>
    <mergeCell ref="AT1192:AY1194"/>
    <mergeCell ref="C1193:G1194"/>
    <mergeCell ref="AO1193:AP1193"/>
    <mergeCell ref="BD1189:BG1190"/>
    <mergeCell ref="BH1189:BO1191"/>
    <mergeCell ref="BP1189:BR1191"/>
    <mergeCell ref="BS1189:BU1194"/>
    <mergeCell ref="BV1189:BX1194"/>
    <mergeCell ref="BY1189:CA1194"/>
    <mergeCell ref="BH1192:BO1194"/>
    <mergeCell ref="BP1192:BR1194"/>
    <mergeCell ref="BD1195:BG1196"/>
    <mergeCell ref="BH1195:BO1197"/>
    <mergeCell ref="BP1195:BR1197"/>
    <mergeCell ref="BS1195:BU1200"/>
    <mergeCell ref="BV1195:BX1200"/>
    <mergeCell ref="BY1195:CA1200"/>
    <mergeCell ref="BH1198:BO1200"/>
    <mergeCell ref="BP1198:BR1200"/>
    <mergeCell ref="AZ1193:BC1194"/>
    <mergeCell ref="BD1193:BG1194"/>
    <mergeCell ref="C1195:G1196"/>
    <mergeCell ref="H1195:J1200"/>
    <mergeCell ref="K1195:M1200"/>
    <mergeCell ref="N1195:O1200"/>
    <mergeCell ref="AB1195:AG1197"/>
    <mergeCell ref="AH1195:AH1197"/>
    <mergeCell ref="AL1195:AL1197"/>
    <mergeCell ref="AZ1195:BC1196"/>
    <mergeCell ref="C1183:G1184"/>
    <mergeCell ref="H1183:J1188"/>
    <mergeCell ref="K1183:M1188"/>
    <mergeCell ref="N1183:O1188"/>
    <mergeCell ref="AB1183:AG1185"/>
    <mergeCell ref="AH1183:AH1185"/>
    <mergeCell ref="AL1183:AL1185"/>
    <mergeCell ref="AZ1183:BC1184"/>
    <mergeCell ref="AZ1187:BC1188"/>
    <mergeCell ref="BD1187:BG1188"/>
    <mergeCell ref="C1189:G1190"/>
    <mergeCell ref="H1189:J1194"/>
    <mergeCell ref="K1189:M1194"/>
    <mergeCell ref="N1189:O1194"/>
    <mergeCell ref="AB1189:AG1191"/>
    <mergeCell ref="AH1189:AH1191"/>
    <mergeCell ref="AL1189:AL1191"/>
    <mergeCell ref="AZ1189:BC1190"/>
    <mergeCell ref="C1185:G1186"/>
    <mergeCell ref="AZ1185:BC1186"/>
    <mergeCell ref="BD1185:BG1186"/>
    <mergeCell ref="U1186:U1188"/>
    <mergeCell ref="AB1186:AG1188"/>
    <mergeCell ref="AH1186:AH1188"/>
    <mergeCell ref="AL1186:AL1188"/>
    <mergeCell ref="AT1186:AY1188"/>
    <mergeCell ref="C1187:G1188"/>
    <mergeCell ref="AO1187:AP1187"/>
    <mergeCell ref="C1191:G1192"/>
    <mergeCell ref="AZ1191:BC1192"/>
    <mergeCell ref="BD1191:BG1192"/>
    <mergeCell ref="U1192:U1194"/>
    <mergeCell ref="BH1177:BO1179"/>
    <mergeCell ref="BP1177:BR1179"/>
    <mergeCell ref="BS1177:BU1182"/>
    <mergeCell ref="BV1177:BX1182"/>
    <mergeCell ref="BY1177:CA1182"/>
    <mergeCell ref="BH1180:BO1182"/>
    <mergeCell ref="BP1180:BR1182"/>
    <mergeCell ref="BD1183:BG1184"/>
    <mergeCell ref="BH1183:BO1185"/>
    <mergeCell ref="BP1183:BR1185"/>
    <mergeCell ref="BS1183:BU1188"/>
    <mergeCell ref="BV1183:BX1188"/>
    <mergeCell ref="BY1183:CA1188"/>
    <mergeCell ref="BH1186:BO1188"/>
    <mergeCell ref="BP1186:BR1188"/>
    <mergeCell ref="AZ1181:BC1182"/>
    <mergeCell ref="BD1181:BG1182"/>
    <mergeCell ref="AZ1175:BC1176"/>
    <mergeCell ref="BD1175:BG1176"/>
    <mergeCell ref="C1177:G1178"/>
    <mergeCell ref="H1177:J1182"/>
    <mergeCell ref="K1177:M1182"/>
    <mergeCell ref="N1177:O1182"/>
    <mergeCell ref="AB1177:AG1179"/>
    <mergeCell ref="AH1177:AH1179"/>
    <mergeCell ref="AL1177:AL1179"/>
    <mergeCell ref="AZ1177:BC1178"/>
    <mergeCell ref="C1173:G1174"/>
    <mergeCell ref="AZ1173:BC1174"/>
    <mergeCell ref="BD1173:BG1174"/>
    <mergeCell ref="U1174:U1176"/>
    <mergeCell ref="AB1174:AG1176"/>
    <mergeCell ref="AH1174:AH1176"/>
    <mergeCell ref="AL1174:AL1176"/>
    <mergeCell ref="AT1174:AY1176"/>
    <mergeCell ref="C1175:G1176"/>
    <mergeCell ref="AO1175:AP1175"/>
    <mergeCell ref="C1179:G1180"/>
    <mergeCell ref="AZ1179:BC1180"/>
    <mergeCell ref="BD1179:BG1180"/>
    <mergeCell ref="U1180:U1182"/>
    <mergeCell ref="AB1180:AG1182"/>
    <mergeCell ref="AH1180:AH1182"/>
    <mergeCell ref="AL1180:AL1182"/>
    <mergeCell ref="AT1180:AY1182"/>
    <mergeCell ref="C1181:G1182"/>
    <mergeCell ref="AO1181:AP1181"/>
    <mergeCell ref="BD1177:BG1178"/>
    <mergeCell ref="AB1168:AG1170"/>
    <mergeCell ref="AH1168:AH1170"/>
    <mergeCell ref="AL1168:AL1170"/>
    <mergeCell ref="AT1168:AY1170"/>
    <mergeCell ref="C1169:G1170"/>
    <mergeCell ref="AO1169:AP1169"/>
    <mergeCell ref="BD1165:BG1166"/>
    <mergeCell ref="BH1165:BO1167"/>
    <mergeCell ref="BP1165:BR1167"/>
    <mergeCell ref="BS1165:BU1170"/>
    <mergeCell ref="BV1165:BX1170"/>
    <mergeCell ref="BY1165:CA1170"/>
    <mergeCell ref="BH1168:BO1170"/>
    <mergeCell ref="BP1168:BR1170"/>
    <mergeCell ref="BD1171:BG1172"/>
    <mergeCell ref="BH1171:BO1173"/>
    <mergeCell ref="BP1171:BR1173"/>
    <mergeCell ref="BS1171:BU1176"/>
    <mergeCell ref="BV1171:BX1176"/>
    <mergeCell ref="BY1171:CA1176"/>
    <mergeCell ref="BH1174:BO1176"/>
    <mergeCell ref="BP1174:BR1176"/>
    <mergeCell ref="AZ1169:BC1170"/>
    <mergeCell ref="BD1169:BG1170"/>
    <mergeCell ref="C1171:G1172"/>
    <mergeCell ref="H1171:J1176"/>
    <mergeCell ref="K1171:M1176"/>
    <mergeCell ref="N1171:O1176"/>
    <mergeCell ref="AB1171:AG1173"/>
    <mergeCell ref="AH1171:AH1173"/>
    <mergeCell ref="AL1171:AL1173"/>
    <mergeCell ref="AZ1171:BC1172"/>
    <mergeCell ref="C1159:G1160"/>
    <mergeCell ref="H1159:J1164"/>
    <mergeCell ref="K1159:M1164"/>
    <mergeCell ref="N1159:O1164"/>
    <mergeCell ref="AB1159:AG1161"/>
    <mergeCell ref="AH1159:AH1161"/>
    <mergeCell ref="AL1159:AL1161"/>
    <mergeCell ref="AZ1159:BC1160"/>
    <mergeCell ref="AZ1163:BC1164"/>
    <mergeCell ref="BD1163:BG1164"/>
    <mergeCell ref="C1165:G1166"/>
    <mergeCell ref="H1165:J1170"/>
    <mergeCell ref="K1165:M1170"/>
    <mergeCell ref="N1165:O1170"/>
    <mergeCell ref="AB1165:AG1167"/>
    <mergeCell ref="AH1165:AH1167"/>
    <mergeCell ref="AL1165:AL1167"/>
    <mergeCell ref="AZ1165:BC1166"/>
    <mergeCell ref="C1161:G1162"/>
    <mergeCell ref="AZ1161:BC1162"/>
    <mergeCell ref="BD1161:BG1162"/>
    <mergeCell ref="U1162:U1164"/>
    <mergeCell ref="AB1162:AG1164"/>
    <mergeCell ref="AH1162:AH1164"/>
    <mergeCell ref="AL1162:AL1164"/>
    <mergeCell ref="AT1162:AY1164"/>
    <mergeCell ref="C1163:G1164"/>
    <mergeCell ref="AO1163:AP1163"/>
    <mergeCell ref="C1167:G1168"/>
    <mergeCell ref="AZ1167:BC1168"/>
    <mergeCell ref="BD1167:BG1168"/>
    <mergeCell ref="U1168:U1170"/>
    <mergeCell ref="BH1153:BO1155"/>
    <mergeCell ref="BP1153:BR1155"/>
    <mergeCell ref="BS1153:BU1158"/>
    <mergeCell ref="BV1153:BX1158"/>
    <mergeCell ref="BY1153:CA1158"/>
    <mergeCell ref="BH1156:BO1158"/>
    <mergeCell ref="BP1156:BR1158"/>
    <mergeCell ref="BD1159:BG1160"/>
    <mergeCell ref="BH1159:BO1161"/>
    <mergeCell ref="BP1159:BR1161"/>
    <mergeCell ref="BS1159:BU1164"/>
    <mergeCell ref="BV1159:BX1164"/>
    <mergeCell ref="BY1159:CA1164"/>
    <mergeCell ref="BH1162:BO1164"/>
    <mergeCell ref="BP1162:BR1164"/>
    <mergeCell ref="AZ1157:BC1158"/>
    <mergeCell ref="BD1157:BG1158"/>
    <mergeCell ref="AZ1151:BC1152"/>
    <mergeCell ref="BD1151:BG1152"/>
    <mergeCell ref="C1153:G1154"/>
    <mergeCell ref="H1153:J1158"/>
    <mergeCell ref="K1153:M1158"/>
    <mergeCell ref="N1153:O1158"/>
    <mergeCell ref="AB1153:AG1155"/>
    <mergeCell ref="AH1153:AH1155"/>
    <mergeCell ref="AL1153:AL1155"/>
    <mergeCell ref="AZ1153:BC1154"/>
    <mergeCell ref="C1149:G1150"/>
    <mergeCell ref="AZ1149:BC1150"/>
    <mergeCell ref="BD1149:BG1150"/>
    <mergeCell ref="U1150:U1152"/>
    <mergeCell ref="AB1150:AG1152"/>
    <mergeCell ref="AH1150:AH1152"/>
    <mergeCell ref="AL1150:AL1152"/>
    <mergeCell ref="AT1150:AY1152"/>
    <mergeCell ref="C1151:G1152"/>
    <mergeCell ref="AO1151:AP1151"/>
    <mergeCell ref="C1155:G1156"/>
    <mergeCell ref="AZ1155:BC1156"/>
    <mergeCell ref="BD1155:BG1156"/>
    <mergeCell ref="U1156:U1158"/>
    <mergeCell ref="AB1156:AG1158"/>
    <mergeCell ref="AH1156:AH1158"/>
    <mergeCell ref="AL1156:AL1158"/>
    <mergeCell ref="AT1156:AY1158"/>
    <mergeCell ref="C1157:G1158"/>
    <mergeCell ref="AO1157:AP1157"/>
    <mergeCell ref="BD1153:BG1154"/>
    <mergeCell ref="AB1144:AG1146"/>
    <mergeCell ref="AH1144:AH1146"/>
    <mergeCell ref="AL1144:AL1146"/>
    <mergeCell ref="AT1144:AY1146"/>
    <mergeCell ref="C1145:G1146"/>
    <mergeCell ref="AO1145:AP1145"/>
    <mergeCell ref="BD1141:BG1142"/>
    <mergeCell ref="BH1141:BO1143"/>
    <mergeCell ref="BP1141:BR1143"/>
    <mergeCell ref="BS1141:BU1146"/>
    <mergeCell ref="BV1141:BX1146"/>
    <mergeCell ref="BY1141:CA1146"/>
    <mergeCell ref="BH1144:BO1146"/>
    <mergeCell ref="BP1144:BR1146"/>
    <mergeCell ref="BD1147:BG1148"/>
    <mergeCell ref="BH1147:BO1149"/>
    <mergeCell ref="BP1147:BR1149"/>
    <mergeCell ref="BS1147:BU1152"/>
    <mergeCell ref="BV1147:BX1152"/>
    <mergeCell ref="BY1147:CA1152"/>
    <mergeCell ref="BH1150:BO1152"/>
    <mergeCell ref="BP1150:BR1152"/>
    <mergeCell ref="AZ1145:BC1146"/>
    <mergeCell ref="BD1145:BG1146"/>
    <mergeCell ref="C1147:G1148"/>
    <mergeCell ref="H1147:J1152"/>
    <mergeCell ref="K1147:M1152"/>
    <mergeCell ref="N1147:O1152"/>
    <mergeCell ref="AB1147:AG1149"/>
    <mergeCell ref="AH1147:AH1149"/>
    <mergeCell ref="AL1147:AL1149"/>
    <mergeCell ref="AZ1147:BC1148"/>
    <mergeCell ref="C1135:G1136"/>
    <mergeCell ref="H1135:J1140"/>
    <mergeCell ref="K1135:M1140"/>
    <mergeCell ref="N1135:O1140"/>
    <mergeCell ref="AB1135:AG1137"/>
    <mergeCell ref="AH1135:AH1137"/>
    <mergeCell ref="AL1135:AL1137"/>
    <mergeCell ref="AZ1135:BC1136"/>
    <mergeCell ref="AZ1139:BC1140"/>
    <mergeCell ref="BD1139:BG1140"/>
    <mergeCell ref="C1141:G1142"/>
    <mergeCell ref="H1141:J1146"/>
    <mergeCell ref="K1141:M1146"/>
    <mergeCell ref="N1141:O1146"/>
    <mergeCell ref="AB1141:AG1143"/>
    <mergeCell ref="AH1141:AH1143"/>
    <mergeCell ref="AL1141:AL1143"/>
    <mergeCell ref="AZ1141:BC1142"/>
    <mergeCell ref="C1137:G1138"/>
    <mergeCell ref="AZ1137:BC1138"/>
    <mergeCell ref="BD1137:BG1138"/>
    <mergeCell ref="U1138:U1140"/>
    <mergeCell ref="AB1138:AG1140"/>
    <mergeCell ref="AH1138:AH1140"/>
    <mergeCell ref="AL1138:AL1140"/>
    <mergeCell ref="AT1138:AY1140"/>
    <mergeCell ref="C1139:G1140"/>
    <mergeCell ref="AO1139:AP1139"/>
    <mergeCell ref="C1143:G1144"/>
    <mergeCell ref="AZ1143:BC1144"/>
    <mergeCell ref="BD1143:BG1144"/>
    <mergeCell ref="U1144:U1146"/>
    <mergeCell ref="BH1129:BO1131"/>
    <mergeCell ref="BP1129:BR1131"/>
    <mergeCell ref="BS1129:BU1134"/>
    <mergeCell ref="BV1129:BX1134"/>
    <mergeCell ref="BY1129:CA1134"/>
    <mergeCell ref="BH1132:BO1134"/>
    <mergeCell ref="BP1132:BR1134"/>
    <mergeCell ref="BD1135:BG1136"/>
    <mergeCell ref="BH1135:BO1137"/>
    <mergeCell ref="BP1135:BR1137"/>
    <mergeCell ref="BS1135:BU1140"/>
    <mergeCell ref="BV1135:BX1140"/>
    <mergeCell ref="BY1135:CA1140"/>
    <mergeCell ref="BH1138:BO1140"/>
    <mergeCell ref="BP1138:BR1140"/>
    <mergeCell ref="AZ1133:BC1134"/>
    <mergeCell ref="BD1133:BG1134"/>
    <mergeCell ref="AZ1127:BC1128"/>
    <mergeCell ref="BD1127:BG1128"/>
    <mergeCell ref="C1129:G1130"/>
    <mergeCell ref="H1129:J1134"/>
    <mergeCell ref="K1129:M1134"/>
    <mergeCell ref="N1129:O1134"/>
    <mergeCell ref="AB1129:AG1131"/>
    <mergeCell ref="AH1129:AH1131"/>
    <mergeCell ref="AL1129:AL1131"/>
    <mergeCell ref="AZ1129:BC1130"/>
    <mergeCell ref="C1125:G1126"/>
    <mergeCell ref="AZ1125:BC1126"/>
    <mergeCell ref="BD1125:BG1126"/>
    <mergeCell ref="U1126:U1128"/>
    <mergeCell ref="AB1126:AG1128"/>
    <mergeCell ref="AH1126:AH1128"/>
    <mergeCell ref="AL1126:AL1128"/>
    <mergeCell ref="AT1126:AY1128"/>
    <mergeCell ref="C1127:G1128"/>
    <mergeCell ref="AO1127:AP1127"/>
    <mergeCell ref="C1131:G1132"/>
    <mergeCell ref="AZ1131:BC1132"/>
    <mergeCell ref="BD1131:BG1132"/>
    <mergeCell ref="U1132:U1134"/>
    <mergeCell ref="AB1132:AG1134"/>
    <mergeCell ref="AH1132:AH1134"/>
    <mergeCell ref="AL1132:AL1134"/>
    <mergeCell ref="AT1132:AY1134"/>
    <mergeCell ref="C1133:G1134"/>
    <mergeCell ref="AO1133:AP1133"/>
    <mergeCell ref="BD1129:BG1130"/>
    <mergeCell ref="AB1120:AG1122"/>
    <mergeCell ref="AH1120:AH1122"/>
    <mergeCell ref="AL1120:AL1122"/>
    <mergeCell ref="AT1120:AY1122"/>
    <mergeCell ref="C1121:G1122"/>
    <mergeCell ref="AO1121:AP1121"/>
    <mergeCell ref="BD1117:BG1118"/>
    <mergeCell ref="BH1117:BO1119"/>
    <mergeCell ref="BP1117:BR1119"/>
    <mergeCell ref="BS1117:BU1122"/>
    <mergeCell ref="BV1117:BX1122"/>
    <mergeCell ref="BY1117:CA1122"/>
    <mergeCell ref="BH1120:BO1122"/>
    <mergeCell ref="BP1120:BR1122"/>
    <mergeCell ref="BD1123:BG1124"/>
    <mergeCell ref="BH1123:BO1125"/>
    <mergeCell ref="BP1123:BR1125"/>
    <mergeCell ref="BS1123:BU1128"/>
    <mergeCell ref="BV1123:BX1128"/>
    <mergeCell ref="BY1123:CA1128"/>
    <mergeCell ref="BH1126:BO1128"/>
    <mergeCell ref="BP1126:BR1128"/>
    <mergeCell ref="AZ1121:BC1122"/>
    <mergeCell ref="BD1121:BG1122"/>
    <mergeCell ref="C1123:G1124"/>
    <mergeCell ref="H1123:J1128"/>
    <mergeCell ref="K1123:M1128"/>
    <mergeCell ref="N1123:O1128"/>
    <mergeCell ref="AB1123:AG1125"/>
    <mergeCell ref="AH1123:AH1125"/>
    <mergeCell ref="AL1123:AL1125"/>
    <mergeCell ref="AZ1123:BC1124"/>
    <mergeCell ref="C1111:G1112"/>
    <mergeCell ref="H1111:J1116"/>
    <mergeCell ref="K1111:M1116"/>
    <mergeCell ref="N1111:O1116"/>
    <mergeCell ref="AB1111:AG1113"/>
    <mergeCell ref="AH1111:AH1113"/>
    <mergeCell ref="AL1111:AL1113"/>
    <mergeCell ref="AZ1111:BC1112"/>
    <mergeCell ref="AZ1115:BC1116"/>
    <mergeCell ref="BD1115:BG1116"/>
    <mergeCell ref="C1117:G1118"/>
    <mergeCell ref="H1117:J1122"/>
    <mergeCell ref="K1117:M1122"/>
    <mergeCell ref="N1117:O1122"/>
    <mergeCell ref="AB1117:AG1119"/>
    <mergeCell ref="AH1117:AH1119"/>
    <mergeCell ref="AL1117:AL1119"/>
    <mergeCell ref="AZ1117:BC1118"/>
    <mergeCell ref="C1113:G1114"/>
    <mergeCell ref="AZ1113:BC1114"/>
    <mergeCell ref="BD1113:BG1114"/>
    <mergeCell ref="U1114:U1116"/>
    <mergeCell ref="AB1114:AG1116"/>
    <mergeCell ref="AH1114:AH1116"/>
    <mergeCell ref="AL1114:AL1116"/>
    <mergeCell ref="AT1114:AY1116"/>
    <mergeCell ref="C1115:G1116"/>
    <mergeCell ref="AO1115:AP1115"/>
    <mergeCell ref="C1119:G1120"/>
    <mergeCell ref="AZ1119:BC1120"/>
    <mergeCell ref="BD1119:BG1120"/>
    <mergeCell ref="U1120:U1122"/>
    <mergeCell ref="BH1105:BO1107"/>
    <mergeCell ref="BP1105:BR1107"/>
    <mergeCell ref="BS1105:BU1110"/>
    <mergeCell ref="BV1105:BX1110"/>
    <mergeCell ref="BY1105:CA1110"/>
    <mergeCell ref="BH1108:BO1110"/>
    <mergeCell ref="BP1108:BR1110"/>
    <mergeCell ref="BD1111:BG1112"/>
    <mergeCell ref="BH1111:BO1113"/>
    <mergeCell ref="BP1111:BR1113"/>
    <mergeCell ref="BS1111:BU1116"/>
    <mergeCell ref="BV1111:BX1116"/>
    <mergeCell ref="BY1111:CA1116"/>
    <mergeCell ref="BH1114:BO1116"/>
    <mergeCell ref="BP1114:BR1116"/>
    <mergeCell ref="AZ1109:BC1110"/>
    <mergeCell ref="BD1109:BG1110"/>
    <mergeCell ref="AZ1103:BC1104"/>
    <mergeCell ref="BD1103:BG1104"/>
    <mergeCell ref="C1105:G1106"/>
    <mergeCell ref="H1105:J1110"/>
    <mergeCell ref="K1105:M1110"/>
    <mergeCell ref="N1105:O1110"/>
    <mergeCell ref="AB1105:AG1107"/>
    <mergeCell ref="AH1105:AH1107"/>
    <mergeCell ref="AL1105:AL1107"/>
    <mergeCell ref="AZ1105:BC1106"/>
    <mergeCell ref="C1101:G1102"/>
    <mergeCell ref="AZ1101:BC1102"/>
    <mergeCell ref="BD1101:BG1102"/>
    <mergeCell ref="U1102:U1104"/>
    <mergeCell ref="AB1102:AG1104"/>
    <mergeCell ref="AH1102:AH1104"/>
    <mergeCell ref="AL1102:AL1104"/>
    <mergeCell ref="AT1102:AY1104"/>
    <mergeCell ref="C1103:G1104"/>
    <mergeCell ref="AO1103:AP1103"/>
    <mergeCell ref="C1107:G1108"/>
    <mergeCell ref="AZ1107:BC1108"/>
    <mergeCell ref="BD1107:BG1108"/>
    <mergeCell ref="U1108:U1110"/>
    <mergeCell ref="AB1108:AG1110"/>
    <mergeCell ref="AH1108:AH1110"/>
    <mergeCell ref="AL1108:AL1110"/>
    <mergeCell ref="AT1108:AY1110"/>
    <mergeCell ref="C1109:G1110"/>
    <mergeCell ref="AO1109:AP1109"/>
    <mergeCell ref="BD1105:BG1106"/>
    <mergeCell ref="AB1096:AG1098"/>
    <mergeCell ref="AH1096:AH1098"/>
    <mergeCell ref="AL1096:AL1098"/>
    <mergeCell ref="AT1096:AY1098"/>
    <mergeCell ref="C1097:G1098"/>
    <mergeCell ref="AO1097:AP1097"/>
    <mergeCell ref="BD1093:BG1094"/>
    <mergeCell ref="BH1093:BO1095"/>
    <mergeCell ref="BP1093:BR1095"/>
    <mergeCell ref="BS1093:BU1098"/>
    <mergeCell ref="BV1093:BX1098"/>
    <mergeCell ref="BY1093:CA1098"/>
    <mergeCell ref="BH1096:BO1098"/>
    <mergeCell ref="BP1096:BR1098"/>
    <mergeCell ref="BD1099:BG1100"/>
    <mergeCell ref="BH1099:BO1101"/>
    <mergeCell ref="BP1099:BR1101"/>
    <mergeCell ref="BS1099:BU1104"/>
    <mergeCell ref="BV1099:BX1104"/>
    <mergeCell ref="BY1099:CA1104"/>
    <mergeCell ref="BH1102:BO1104"/>
    <mergeCell ref="BP1102:BR1104"/>
    <mergeCell ref="AZ1097:BC1098"/>
    <mergeCell ref="BD1097:BG1098"/>
    <mergeCell ref="C1099:G1100"/>
    <mergeCell ref="H1099:J1104"/>
    <mergeCell ref="K1099:M1104"/>
    <mergeCell ref="N1099:O1104"/>
    <mergeCell ref="AB1099:AG1101"/>
    <mergeCell ref="AH1099:AH1101"/>
    <mergeCell ref="AL1099:AL1101"/>
    <mergeCell ref="AZ1099:BC1100"/>
    <mergeCell ref="C1087:G1088"/>
    <mergeCell ref="H1087:J1092"/>
    <mergeCell ref="K1087:M1092"/>
    <mergeCell ref="N1087:O1092"/>
    <mergeCell ref="AB1087:AG1089"/>
    <mergeCell ref="AH1087:AH1089"/>
    <mergeCell ref="AL1087:AL1089"/>
    <mergeCell ref="AZ1087:BC1088"/>
    <mergeCell ref="AZ1091:BC1092"/>
    <mergeCell ref="BD1091:BG1092"/>
    <mergeCell ref="C1093:G1094"/>
    <mergeCell ref="H1093:J1098"/>
    <mergeCell ref="K1093:M1098"/>
    <mergeCell ref="N1093:O1098"/>
    <mergeCell ref="AB1093:AG1095"/>
    <mergeCell ref="AH1093:AH1095"/>
    <mergeCell ref="AL1093:AL1095"/>
    <mergeCell ref="AZ1093:BC1094"/>
    <mergeCell ref="C1089:G1090"/>
    <mergeCell ref="AZ1089:BC1090"/>
    <mergeCell ref="BD1089:BG1090"/>
    <mergeCell ref="U1090:U1092"/>
    <mergeCell ref="AB1090:AG1092"/>
    <mergeCell ref="AH1090:AH1092"/>
    <mergeCell ref="AL1090:AL1092"/>
    <mergeCell ref="AT1090:AY1092"/>
    <mergeCell ref="C1091:G1092"/>
    <mergeCell ref="AO1091:AP1091"/>
    <mergeCell ref="C1095:G1096"/>
    <mergeCell ref="AZ1095:BC1096"/>
    <mergeCell ref="BD1095:BG1096"/>
    <mergeCell ref="U1096:U1098"/>
    <mergeCell ref="BH1081:BO1083"/>
    <mergeCell ref="BP1081:BR1083"/>
    <mergeCell ref="BS1081:BU1086"/>
    <mergeCell ref="BV1081:BX1086"/>
    <mergeCell ref="BY1081:CA1086"/>
    <mergeCell ref="BH1084:BO1086"/>
    <mergeCell ref="BP1084:BR1086"/>
    <mergeCell ref="BD1087:BG1088"/>
    <mergeCell ref="BH1087:BO1089"/>
    <mergeCell ref="BP1087:BR1089"/>
    <mergeCell ref="BS1087:BU1092"/>
    <mergeCell ref="BV1087:BX1092"/>
    <mergeCell ref="BY1087:CA1092"/>
    <mergeCell ref="BH1090:BO1092"/>
    <mergeCell ref="BP1090:BR1092"/>
    <mergeCell ref="AZ1085:BC1086"/>
    <mergeCell ref="BD1085:BG1086"/>
    <mergeCell ref="AZ1079:BC1080"/>
    <mergeCell ref="BD1079:BG1080"/>
    <mergeCell ref="C1081:G1082"/>
    <mergeCell ref="H1081:J1086"/>
    <mergeCell ref="K1081:M1086"/>
    <mergeCell ref="N1081:O1086"/>
    <mergeCell ref="AB1081:AG1083"/>
    <mergeCell ref="AH1081:AH1083"/>
    <mergeCell ref="AL1081:AL1083"/>
    <mergeCell ref="AZ1081:BC1082"/>
    <mergeCell ref="C1077:G1078"/>
    <mergeCell ref="AZ1077:BC1078"/>
    <mergeCell ref="BD1077:BG1078"/>
    <mergeCell ref="U1078:U1080"/>
    <mergeCell ref="AB1078:AG1080"/>
    <mergeCell ref="AH1078:AH1080"/>
    <mergeCell ref="AL1078:AL1080"/>
    <mergeCell ref="AT1078:AY1080"/>
    <mergeCell ref="C1079:G1080"/>
    <mergeCell ref="AO1079:AP1079"/>
    <mergeCell ref="C1083:G1084"/>
    <mergeCell ref="AZ1083:BC1084"/>
    <mergeCell ref="BD1083:BG1084"/>
    <mergeCell ref="U1084:U1086"/>
    <mergeCell ref="AB1084:AG1086"/>
    <mergeCell ref="AH1084:AH1086"/>
    <mergeCell ref="AL1084:AL1086"/>
    <mergeCell ref="AT1084:AY1086"/>
    <mergeCell ref="C1085:G1086"/>
    <mergeCell ref="AO1085:AP1085"/>
    <mergeCell ref="BD1081:BG1082"/>
    <mergeCell ref="AB1072:AG1074"/>
    <mergeCell ref="AH1072:AH1074"/>
    <mergeCell ref="AL1072:AL1074"/>
    <mergeCell ref="AT1072:AY1074"/>
    <mergeCell ref="C1073:G1074"/>
    <mergeCell ref="AO1073:AP1073"/>
    <mergeCell ref="BD1069:BG1070"/>
    <mergeCell ref="BH1069:BO1071"/>
    <mergeCell ref="BP1069:BR1071"/>
    <mergeCell ref="BS1069:BU1074"/>
    <mergeCell ref="BV1069:BX1074"/>
    <mergeCell ref="BY1069:CA1074"/>
    <mergeCell ref="BH1072:BO1074"/>
    <mergeCell ref="BP1072:BR1074"/>
    <mergeCell ref="BD1075:BG1076"/>
    <mergeCell ref="BH1075:BO1077"/>
    <mergeCell ref="BP1075:BR1077"/>
    <mergeCell ref="BS1075:BU1080"/>
    <mergeCell ref="BV1075:BX1080"/>
    <mergeCell ref="BY1075:CA1080"/>
    <mergeCell ref="BH1078:BO1080"/>
    <mergeCell ref="BP1078:BR1080"/>
    <mergeCell ref="AZ1073:BC1074"/>
    <mergeCell ref="BD1073:BG1074"/>
    <mergeCell ref="C1075:G1076"/>
    <mergeCell ref="H1075:J1080"/>
    <mergeCell ref="K1075:M1080"/>
    <mergeCell ref="N1075:O1080"/>
    <mergeCell ref="AB1075:AG1077"/>
    <mergeCell ref="AH1075:AH1077"/>
    <mergeCell ref="AL1075:AL1077"/>
    <mergeCell ref="AZ1075:BC1076"/>
    <mergeCell ref="C1063:G1064"/>
    <mergeCell ref="H1063:J1068"/>
    <mergeCell ref="K1063:M1068"/>
    <mergeCell ref="N1063:O1068"/>
    <mergeCell ref="AB1063:AG1065"/>
    <mergeCell ref="AH1063:AH1065"/>
    <mergeCell ref="AL1063:AL1065"/>
    <mergeCell ref="AZ1063:BC1064"/>
    <mergeCell ref="AZ1067:BC1068"/>
    <mergeCell ref="BD1067:BG1068"/>
    <mergeCell ref="C1069:G1070"/>
    <mergeCell ref="H1069:J1074"/>
    <mergeCell ref="K1069:M1074"/>
    <mergeCell ref="N1069:O1074"/>
    <mergeCell ref="AB1069:AG1071"/>
    <mergeCell ref="AH1069:AH1071"/>
    <mergeCell ref="AL1069:AL1071"/>
    <mergeCell ref="AZ1069:BC1070"/>
    <mergeCell ref="C1065:G1066"/>
    <mergeCell ref="AZ1065:BC1066"/>
    <mergeCell ref="BD1065:BG1066"/>
    <mergeCell ref="U1066:U1068"/>
    <mergeCell ref="AB1066:AG1068"/>
    <mergeCell ref="AH1066:AH1068"/>
    <mergeCell ref="AL1066:AL1068"/>
    <mergeCell ref="AT1066:AY1068"/>
    <mergeCell ref="C1067:G1068"/>
    <mergeCell ref="AO1067:AP1067"/>
    <mergeCell ref="C1071:G1072"/>
    <mergeCell ref="AZ1071:BC1072"/>
    <mergeCell ref="BD1071:BG1072"/>
    <mergeCell ref="U1072:U1074"/>
    <mergeCell ref="BH1057:BO1059"/>
    <mergeCell ref="BP1057:BR1059"/>
    <mergeCell ref="BS1057:BU1062"/>
    <mergeCell ref="BV1057:BX1062"/>
    <mergeCell ref="BY1057:CA1062"/>
    <mergeCell ref="BH1060:BO1062"/>
    <mergeCell ref="BP1060:BR1062"/>
    <mergeCell ref="BD1063:BG1064"/>
    <mergeCell ref="BH1063:BO1065"/>
    <mergeCell ref="BP1063:BR1065"/>
    <mergeCell ref="BS1063:BU1068"/>
    <mergeCell ref="BV1063:BX1068"/>
    <mergeCell ref="BY1063:CA1068"/>
    <mergeCell ref="BH1066:BO1068"/>
    <mergeCell ref="BP1066:BR1068"/>
    <mergeCell ref="AZ1061:BC1062"/>
    <mergeCell ref="BD1061:BG1062"/>
    <mergeCell ref="AZ1055:BC1056"/>
    <mergeCell ref="BD1055:BG1056"/>
    <mergeCell ref="C1057:G1058"/>
    <mergeCell ref="H1057:J1062"/>
    <mergeCell ref="K1057:M1062"/>
    <mergeCell ref="N1057:O1062"/>
    <mergeCell ref="AB1057:AG1059"/>
    <mergeCell ref="AH1057:AH1059"/>
    <mergeCell ref="AL1057:AL1059"/>
    <mergeCell ref="AZ1057:BC1058"/>
    <mergeCell ref="C1053:G1054"/>
    <mergeCell ref="AZ1053:BC1054"/>
    <mergeCell ref="BD1053:BG1054"/>
    <mergeCell ref="U1054:U1056"/>
    <mergeCell ref="AB1054:AG1056"/>
    <mergeCell ref="AH1054:AH1056"/>
    <mergeCell ref="AL1054:AL1056"/>
    <mergeCell ref="AT1054:AY1056"/>
    <mergeCell ref="C1055:G1056"/>
    <mergeCell ref="AO1055:AP1055"/>
    <mergeCell ref="C1059:G1060"/>
    <mergeCell ref="AZ1059:BC1060"/>
    <mergeCell ref="BD1059:BG1060"/>
    <mergeCell ref="U1060:U1062"/>
    <mergeCell ref="AB1060:AG1062"/>
    <mergeCell ref="AH1060:AH1062"/>
    <mergeCell ref="AL1060:AL1062"/>
    <mergeCell ref="AT1060:AY1062"/>
    <mergeCell ref="C1061:G1062"/>
    <mergeCell ref="AO1061:AP1061"/>
    <mergeCell ref="BD1057:BG1058"/>
    <mergeCell ref="AB1048:AG1050"/>
    <mergeCell ref="AH1048:AH1050"/>
    <mergeCell ref="AL1048:AL1050"/>
    <mergeCell ref="AT1048:AY1050"/>
    <mergeCell ref="C1049:G1050"/>
    <mergeCell ref="AO1049:AP1049"/>
    <mergeCell ref="BD1045:BG1046"/>
    <mergeCell ref="BH1045:BO1047"/>
    <mergeCell ref="BP1045:BR1047"/>
    <mergeCell ref="BS1045:BU1050"/>
    <mergeCell ref="BV1045:BX1050"/>
    <mergeCell ref="BY1045:CA1050"/>
    <mergeCell ref="BH1048:BO1050"/>
    <mergeCell ref="BP1048:BR1050"/>
    <mergeCell ref="BD1051:BG1052"/>
    <mergeCell ref="BH1051:BO1053"/>
    <mergeCell ref="BP1051:BR1053"/>
    <mergeCell ref="BS1051:BU1056"/>
    <mergeCell ref="BV1051:BX1056"/>
    <mergeCell ref="BY1051:CA1056"/>
    <mergeCell ref="BH1054:BO1056"/>
    <mergeCell ref="BP1054:BR1056"/>
    <mergeCell ref="AZ1049:BC1050"/>
    <mergeCell ref="BD1049:BG1050"/>
    <mergeCell ref="C1051:G1052"/>
    <mergeCell ref="H1051:J1056"/>
    <mergeCell ref="K1051:M1056"/>
    <mergeCell ref="N1051:O1056"/>
    <mergeCell ref="AB1051:AG1053"/>
    <mergeCell ref="AH1051:AH1053"/>
    <mergeCell ref="AL1051:AL1053"/>
    <mergeCell ref="AZ1051:BC1052"/>
    <mergeCell ref="C1039:G1040"/>
    <mergeCell ref="H1039:J1044"/>
    <mergeCell ref="K1039:M1044"/>
    <mergeCell ref="N1039:O1044"/>
    <mergeCell ref="AB1039:AG1041"/>
    <mergeCell ref="AH1039:AH1041"/>
    <mergeCell ref="AL1039:AL1041"/>
    <mergeCell ref="AZ1039:BC1040"/>
    <mergeCell ref="AZ1043:BC1044"/>
    <mergeCell ref="BD1043:BG1044"/>
    <mergeCell ref="C1045:G1046"/>
    <mergeCell ref="H1045:J1050"/>
    <mergeCell ref="K1045:M1050"/>
    <mergeCell ref="N1045:O1050"/>
    <mergeCell ref="AB1045:AG1047"/>
    <mergeCell ref="AH1045:AH1047"/>
    <mergeCell ref="AL1045:AL1047"/>
    <mergeCell ref="AZ1045:BC1046"/>
    <mergeCell ref="C1041:G1042"/>
    <mergeCell ref="AZ1041:BC1042"/>
    <mergeCell ref="BD1041:BG1042"/>
    <mergeCell ref="U1042:U1044"/>
    <mergeCell ref="AB1042:AG1044"/>
    <mergeCell ref="AH1042:AH1044"/>
    <mergeCell ref="AL1042:AL1044"/>
    <mergeCell ref="AT1042:AY1044"/>
    <mergeCell ref="C1043:G1044"/>
    <mergeCell ref="AO1043:AP1043"/>
    <mergeCell ref="C1047:G1048"/>
    <mergeCell ref="AZ1047:BC1048"/>
    <mergeCell ref="BD1047:BG1048"/>
    <mergeCell ref="U1048:U1050"/>
    <mergeCell ref="BH1033:BO1035"/>
    <mergeCell ref="BP1033:BR1035"/>
    <mergeCell ref="BS1033:BU1038"/>
    <mergeCell ref="BV1033:BX1038"/>
    <mergeCell ref="BY1033:CA1038"/>
    <mergeCell ref="BH1036:BO1038"/>
    <mergeCell ref="BP1036:BR1038"/>
    <mergeCell ref="BD1039:BG1040"/>
    <mergeCell ref="BH1039:BO1041"/>
    <mergeCell ref="BP1039:BR1041"/>
    <mergeCell ref="BS1039:BU1044"/>
    <mergeCell ref="BV1039:BX1044"/>
    <mergeCell ref="BY1039:CA1044"/>
    <mergeCell ref="BH1042:BO1044"/>
    <mergeCell ref="BP1042:BR1044"/>
    <mergeCell ref="AZ1037:BC1038"/>
    <mergeCell ref="BD1037:BG1038"/>
    <mergeCell ref="AZ1031:BC1032"/>
    <mergeCell ref="BD1031:BG1032"/>
    <mergeCell ref="C1033:G1034"/>
    <mergeCell ref="H1033:J1038"/>
    <mergeCell ref="K1033:M1038"/>
    <mergeCell ref="N1033:O1038"/>
    <mergeCell ref="AB1033:AG1035"/>
    <mergeCell ref="AH1033:AH1035"/>
    <mergeCell ref="AL1033:AL1035"/>
    <mergeCell ref="AZ1033:BC1034"/>
    <mergeCell ref="C1029:G1030"/>
    <mergeCell ref="AZ1029:BC1030"/>
    <mergeCell ref="BD1029:BG1030"/>
    <mergeCell ref="U1030:U1032"/>
    <mergeCell ref="AB1030:AG1032"/>
    <mergeCell ref="AH1030:AH1032"/>
    <mergeCell ref="AL1030:AL1032"/>
    <mergeCell ref="AT1030:AY1032"/>
    <mergeCell ref="C1031:G1032"/>
    <mergeCell ref="AO1031:AP1031"/>
    <mergeCell ref="C1035:G1036"/>
    <mergeCell ref="AZ1035:BC1036"/>
    <mergeCell ref="BD1035:BG1036"/>
    <mergeCell ref="U1036:U1038"/>
    <mergeCell ref="AB1036:AG1038"/>
    <mergeCell ref="AH1036:AH1038"/>
    <mergeCell ref="AL1036:AL1038"/>
    <mergeCell ref="AT1036:AY1038"/>
    <mergeCell ref="C1037:G1038"/>
    <mergeCell ref="AO1037:AP1037"/>
    <mergeCell ref="BD1033:BG1034"/>
    <mergeCell ref="AB1024:AG1026"/>
    <mergeCell ref="AH1024:AH1026"/>
    <mergeCell ref="AL1024:AL1026"/>
    <mergeCell ref="AT1024:AY1026"/>
    <mergeCell ref="C1025:G1026"/>
    <mergeCell ref="AO1025:AP1025"/>
    <mergeCell ref="BD1021:BG1022"/>
    <mergeCell ref="BH1021:BO1023"/>
    <mergeCell ref="BP1021:BR1023"/>
    <mergeCell ref="BS1021:BU1026"/>
    <mergeCell ref="BV1021:BX1026"/>
    <mergeCell ref="BY1021:CA1026"/>
    <mergeCell ref="BH1024:BO1026"/>
    <mergeCell ref="BP1024:BR1026"/>
    <mergeCell ref="BD1027:BG1028"/>
    <mergeCell ref="BH1027:BO1029"/>
    <mergeCell ref="BP1027:BR1029"/>
    <mergeCell ref="BS1027:BU1032"/>
    <mergeCell ref="BV1027:BX1032"/>
    <mergeCell ref="BY1027:CA1032"/>
    <mergeCell ref="BH1030:BO1032"/>
    <mergeCell ref="BP1030:BR1032"/>
    <mergeCell ref="AZ1025:BC1026"/>
    <mergeCell ref="BD1025:BG1026"/>
    <mergeCell ref="C1027:G1028"/>
    <mergeCell ref="H1027:J1032"/>
    <mergeCell ref="K1027:M1032"/>
    <mergeCell ref="N1027:O1032"/>
    <mergeCell ref="AB1027:AG1029"/>
    <mergeCell ref="AH1027:AH1029"/>
    <mergeCell ref="AL1027:AL1029"/>
    <mergeCell ref="AZ1027:BC1028"/>
    <mergeCell ref="C1015:G1016"/>
    <mergeCell ref="H1015:J1020"/>
    <mergeCell ref="K1015:M1020"/>
    <mergeCell ref="N1015:O1020"/>
    <mergeCell ref="AB1015:AG1017"/>
    <mergeCell ref="AH1015:AH1017"/>
    <mergeCell ref="AL1015:AL1017"/>
    <mergeCell ref="AZ1015:BC1016"/>
    <mergeCell ref="AZ1019:BC1020"/>
    <mergeCell ref="BD1019:BG1020"/>
    <mergeCell ref="C1021:G1022"/>
    <mergeCell ref="H1021:J1026"/>
    <mergeCell ref="K1021:M1026"/>
    <mergeCell ref="N1021:O1026"/>
    <mergeCell ref="AB1021:AG1023"/>
    <mergeCell ref="AH1021:AH1023"/>
    <mergeCell ref="AL1021:AL1023"/>
    <mergeCell ref="AZ1021:BC1022"/>
    <mergeCell ref="C1017:G1018"/>
    <mergeCell ref="AZ1017:BC1018"/>
    <mergeCell ref="BD1017:BG1018"/>
    <mergeCell ref="U1018:U1020"/>
    <mergeCell ref="AB1018:AG1020"/>
    <mergeCell ref="AH1018:AH1020"/>
    <mergeCell ref="AL1018:AL1020"/>
    <mergeCell ref="AT1018:AY1020"/>
    <mergeCell ref="C1019:G1020"/>
    <mergeCell ref="AO1019:AP1019"/>
    <mergeCell ref="C1023:G1024"/>
    <mergeCell ref="AZ1023:BC1024"/>
    <mergeCell ref="BD1023:BG1024"/>
    <mergeCell ref="U1024:U1026"/>
    <mergeCell ref="BH1009:BO1011"/>
    <mergeCell ref="BP1009:BR1011"/>
    <mergeCell ref="BS1009:BU1014"/>
    <mergeCell ref="BV1009:BX1014"/>
    <mergeCell ref="BY1009:CA1014"/>
    <mergeCell ref="BH1012:BO1014"/>
    <mergeCell ref="BP1012:BR1014"/>
    <mergeCell ref="BD1015:BG1016"/>
    <mergeCell ref="BH1015:BO1017"/>
    <mergeCell ref="BP1015:BR1017"/>
    <mergeCell ref="BS1015:BU1020"/>
    <mergeCell ref="BV1015:BX1020"/>
    <mergeCell ref="BY1015:CA1020"/>
    <mergeCell ref="BH1018:BO1020"/>
    <mergeCell ref="BP1018:BR1020"/>
    <mergeCell ref="AZ1013:BC1014"/>
    <mergeCell ref="BD1013:BG1014"/>
    <mergeCell ref="AZ1007:BC1008"/>
    <mergeCell ref="BD1007:BG1008"/>
    <mergeCell ref="C1009:G1010"/>
    <mergeCell ref="H1009:J1014"/>
    <mergeCell ref="K1009:M1014"/>
    <mergeCell ref="N1009:O1014"/>
    <mergeCell ref="AB1009:AG1011"/>
    <mergeCell ref="AH1009:AH1011"/>
    <mergeCell ref="AL1009:AL1011"/>
    <mergeCell ref="AZ1009:BC1010"/>
    <mergeCell ref="C1005:G1006"/>
    <mergeCell ref="AZ1005:BC1006"/>
    <mergeCell ref="BD1005:BG1006"/>
    <mergeCell ref="U1006:U1008"/>
    <mergeCell ref="AB1006:AG1008"/>
    <mergeCell ref="AH1006:AH1008"/>
    <mergeCell ref="AL1006:AL1008"/>
    <mergeCell ref="AT1006:AY1008"/>
    <mergeCell ref="C1007:G1008"/>
    <mergeCell ref="AO1007:AP1007"/>
    <mergeCell ref="C1011:G1012"/>
    <mergeCell ref="AZ1011:BC1012"/>
    <mergeCell ref="BD1011:BG1012"/>
    <mergeCell ref="U1012:U1014"/>
    <mergeCell ref="AB1012:AG1014"/>
    <mergeCell ref="AH1012:AH1014"/>
    <mergeCell ref="AL1012:AL1014"/>
    <mergeCell ref="AT1012:AY1014"/>
    <mergeCell ref="C1013:G1014"/>
    <mergeCell ref="AO1013:AP1013"/>
    <mergeCell ref="BD1009:BG1010"/>
    <mergeCell ref="AB1000:AG1002"/>
    <mergeCell ref="AH1000:AH1002"/>
    <mergeCell ref="AL1000:AL1002"/>
    <mergeCell ref="AT1000:AY1002"/>
    <mergeCell ref="C1001:G1002"/>
    <mergeCell ref="AO1001:AP1001"/>
    <mergeCell ref="BD997:BG998"/>
    <mergeCell ref="BH997:BO999"/>
    <mergeCell ref="BP997:BR999"/>
    <mergeCell ref="BS997:BU1002"/>
    <mergeCell ref="BV997:BX1002"/>
    <mergeCell ref="BY997:CA1002"/>
    <mergeCell ref="BH1000:BO1002"/>
    <mergeCell ref="BP1000:BR1002"/>
    <mergeCell ref="BD1003:BG1004"/>
    <mergeCell ref="BH1003:BO1005"/>
    <mergeCell ref="BP1003:BR1005"/>
    <mergeCell ref="BS1003:BU1008"/>
    <mergeCell ref="BV1003:BX1008"/>
    <mergeCell ref="BY1003:CA1008"/>
    <mergeCell ref="BH1006:BO1008"/>
    <mergeCell ref="BP1006:BR1008"/>
    <mergeCell ref="AZ1001:BC1002"/>
    <mergeCell ref="BD1001:BG1002"/>
    <mergeCell ref="C1003:G1004"/>
    <mergeCell ref="H1003:J1008"/>
    <mergeCell ref="K1003:M1008"/>
    <mergeCell ref="N1003:O1008"/>
    <mergeCell ref="AB1003:AG1005"/>
    <mergeCell ref="AH1003:AH1005"/>
    <mergeCell ref="AL1003:AL1005"/>
    <mergeCell ref="AZ1003:BC1004"/>
    <mergeCell ref="C991:G992"/>
    <mergeCell ref="H991:J996"/>
    <mergeCell ref="K991:M996"/>
    <mergeCell ref="N991:O996"/>
    <mergeCell ref="AB991:AG993"/>
    <mergeCell ref="AH991:AH993"/>
    <mergeCell ref="AL991:AL993"/>
    <mergeCell ref="AZ991:BC992"/>
    <mergeCell ref="AZ995:BC996"/>
    <mergeCell ref="BD995:BG996"/>
    <mergeCell ref="C997:G998"/>
    <mergeCell ref="H997:J1002"/>
    <mergeCell ref="K997:M1002"/>
    <mergeCell ref="N997:O1002"/>
    <mergeCell ref="AB997:AG999"/>
    <mergeCell ref="AH997:AH999"/>
    <mergeCell ref="AL997:AL999"/>
    <mergeCell ref="AZ997:BC998"/>
    <mergeCell ref="C993:G994"/>
    <mergeCell ref="AZ993:BC994"/>
    <mergeCell ref="BD993:BG994"/>
    <mergeCell ref="U994:U996"/>
    <mergeCell ref="AB994:AG996"/>
    <mergeCell ref="AH994:AH996"/>
    <mergeCell ref="AL994:AL996"/>
    <mergeCell ref="AT994:AY996"/>
    <mergeCell ref="C995:G996"/>
    <mergeCell ref="AO995:AP995"/>
    <mergeCell ref="C999:G1000"/>
    <mergeCell ref="AZ999:BC1000"/>
    <mergeCell ref="BD999:BG1000"/>
    <mergeCell ref="U1000:U1002"/>
    <mergeCell ref="BH985:BO987"/>
    <mergeCell ref="BP985:BR987"/>
    <mergeCell ref="BS985:BU990"/>
    <mergeCell ref="BV985:BX990"/>
    <mergeCell ref="BY985:CA990"/>
    <mergeCell ref="BH988:BO990"/>
    <mergeCell ref="BP988:BR990"/>
    <mergeCell ref="BD991:BG992"/>
    <mergeCell ref="BH991:BO993"/>
    <mergeCell ref="BP991:BR993"/>
    <mergeCell ref="BS991:BU996"/>
    <mergeCell ref="BV991:BX996"/>
    <mergeCell ref="BY991:CA996"/>
    <mergeCell ref="BH994:BO996"/>
    <mergeCell ref="BP994:BR996"/>
    <mergeCell ref="AZ989:BC990"/>
    <mergeCell ref="BD989:BG990"/>
    <mergeCell ref="AZ983:BC984"/>
    <mergeCell ref="BD983:BG984"/>
    <mergeCell ref="C985:G986"/>
    <mergeCell ref="H985:J990"/>
    <mergeCell ref="K985:M990"/>
    <mergeCell ref="N985:O990"/>
    <mergeCell ref="AB985:AG987"/>
    <mergeCell ref="AH985:AH987"/>
    <mergeCell ref="AL985:AL987"/>
    <mergeCell ref="AZ985:BC986"/>
    <mergeCell ref="C981:G982"/>
    <mergeCell ref="AZ981:BC982"/>
    <mergeCell ref="BD981:BG982"/>
    <mergeCell ref="U982:U984"/>
    <mergeCell ref="AB982:AG984"/>
    <mergeCell ref="AH982:AH984"/>
    <mergeCell ref="AL982:AL984"/>
    <mergeCell ref="AT982:AY984"/>
    <mergeCell ref="C983:G984"/>
    <mergeCell ref="AO983:AP983"/>
    <mergeCell ref="C987:G988"/>
    <mergeCell ref="AZ987:BC988"/>
    <mergeCell ref="BD987:BG988"/>
    <mergeCell ref="U988:U990"/>
    <mergeCell ref="AB988:AG990"/>
    <mergeCell ref="AH988:AH990"/>
    <mergeCell ref="AL988:AL990"/>
    <mergeCell ref="AT988:AY990"/>
    <mergeCell ref="C989:G990"/>
    <mergeCell ref="AO989:AP989"/>
    <mergeCell ref="BD985:BG986"/>
    <mergeCell ref="AB976:AG978"/>
    <mergeCell ref="AH976:AH978"/>
    <mergeCell ref="AL976:AL978"/>
    <mergeCell ref="AT976:AY978"/>
    <mergeCell ref="C977:G978"/>
    <mergeCell ref="AO977:AP977"/>
    <mergeCell ref="BD973:BG974"/>
    <mergeCell ref="BH973:BO975"/>
    <mergeCell ref="BP973:BR975"/>
    <mergeCell ref="BS973:BU978"/>
    <mergeCell ref="BV973:BX978"/>
    <mergeCell ref="BY973:CA978"/>
    <mergeCell ref="BH976:BO978"/>
    <mergeCell ref="BP976:BR978"/>
    <mergeCell ref="BD979:BG980"/>
    <mergeCell ref="BH979:BO981"/>
    <mergeCell ref="BP979:BR981"/>
    <mergeCell ref="BS979:BU984"/>
    <mergeCell ref="BV979:BX984"/>
    <mergeCell ref="BY979:CA984"/>
    <mergeCell ref="BH982:BO984"/>
    <mergeCell ref="BP982:BR984"/>
    <mergeCell ref="AZ977:BC978"/>
    <mergeCell ref="BD977:BG978"/>
    <mergeCell ref="C979:G980"/>
    <mergeCell ref="H979:J984"/>
    <mergeCell ref="K979:M984"/>
    <mergeCell ref="N979:O984"/>
    <mergeCell ref="AB979:AG981"/>
    <mergeCell ref="AH979:AH981"/>
    <mergeCell ref="AL979:AL981"/>
    <mergeCell ref="AZ979:BC980"/>
    <mergeCell ref="C967:G968"/>
    <mergeCell ref="H967:J972"/>
    <mergeCell ref="K967:M972"/>
    <mergeCell ref="N967:O972"/>
    <mergeCell ref="AB967:AG969"/>
    <mergeCell ref="AH967:AH969"/>
    <mergeCell ref="AL967:AL969"/>
    <mergeCell ref="AZ967:BC968"/>
    <mergeCell ref="AZ971:BC972"/>
    <mergeCell ref="BD971:BG972"/>
    <mergeCell ref="C973:G974"/>
    <mergeCell ref="H973:J978"/>
    <mergeCell ref="K973:M978"/>
    <mergeCell ref="N973:O978"/>
    <mergeCell ref="AB973:AG975"/>
    <mergeCell ref="AH973:AH975"/>
    <mergeCell ref="AL973:AL975"/>
    <mergeCell ref="AZ973:BC974"/>
    <mergeCell ref="C969:G970"/>
    <mergeCell ref="AZ969:BC970"/>
    <mergeCell ref="BD969:BG970"/>
    <mergeCell ref="U970:U972"/>
    <mergeCell ref="AB970:AG972"/>
    <mergeCell ref="AH970:AH972"/>
    <mergeCell ref="AL970:AL972"/>
    <mergeCell ref="AT970:AY972"/>
    <mergeCell ref="C971:G972"/>
    <mergeCell ref="AO971:AP971"/>
    <mergeCell ref="C975:G976"/>
    <mergeCell ref="AZ975:BC976"/>
    <mergeCell ref="BD975:BG976"/>
    <mergeCell ref="U976:U978"/>
    <mergeCell ref="BH961:BO963"/>
    <mergeCell ref="BP961:BR963"/>
    <mergeCell ref="BS961:BU966"/>
    <mergeCell ref="BV961:BX966"/>
    <mergeCell ref="BY961:CA966"/>
    <mergeCell ref="BH964:BO966"/>
    <mergeCell ref="BP964:BR966"/>
    <mergeCell ref="BD967:BG968"/>
    <mergeCell ref="BH967:BO969"/>
    <mergeCell ref="BP967:BR969"/>
    <mergeCell ref="BS967:BU972"/>
    <mergeCell ref="BV967:BX972"/>
    <mergeCell ref="BY967:CA972"/>
    <mergeCell ref="BH970:BO972"/>
    <mergeCell ref="BP970:BR972"/>
    <mergeCell ref="AZ965:BC966"/>
    <mergeCell ref="BD965:BG966"/>
    <mergeCell ref="AZ959:BC960"/>
    <mergeCell ref="BD959:BG960"/>
    <mergeCell ref="C961:G962"/>
    <mergeCell ref="H961:J966"/>
    <mergeCell ref="K961:M966"/>
    <mergeCell ref="N961:O966"/>
    <mergeCell ref="AB961:AG963"/>
    <mergeCell ref="AH961:AH963"/>
    <mergeCell ref="AL961:AL963"/>
    <mergeCell ref="AZ961:BC962"/>
    <mergeCell ref="C957:G958"/>
    <mergeCell ref="AZ957:BC958"/>
    <mergeCell ref="BD957:BG958"/>
    <mergeCell ref="U958:U960"/>
    <mergeCell ref="AB958:AG960"/>
    <mergeCell ref="AH958:AH960"/>
    <mergeCell ref="AL958:AL960"/>
    <mergeCell ref="AT958:AY960"/>
    <mergeCell ref="C959:G960"/>
    <mergeCell ref="AO959:AP959"/>
    <mergeCell ref="C963:G964"/>
    <mergeCell ref="AZ963:BC964"/>
    <mergeCell ref="BD963:BG964"/>
    <mergeCell ref="U964:U966"/>
    <mergeCell ref="AB964:AG966"/>
    <mergeCell ref="AH964:AH966"/>
    <mergeCell ref="AL964:AL966"/>
    <mergeCell ref="AT964:AY966"/>
    <mergeCell ref="C965:G966"/>
    <mergeCell ref="AO965:AP965"/>
    <mergeCell ref="BD961:BG962"/>
    <mergeCell ref="AB952:AG954"/>
    <mergeCell ref="AH952:AH954"/>
    <mergeCell ref="AL952:AL954"/>
    <mergeCell ref="AT952:AY954"/>
    <mergeCell ref="C953:G954"/>
    <mergeCell ref="AO953:AP953"/>
    <mergeCell ref="BD949:BG950"/>
    <mergeCell ref="BH949:BO951"/>
    <mergeCell ref="BP949:BR951"/>
    <mergeCell ref="BS949:BU954"/>
    <mergeCell ref="BV949:BX954"/>
    <mergeCell ref="BY949:CA954"/>
    <mergeCell ref="BH952:BO954"/>
    <mergeCell ref="BP952:BR954"/>
    <mergeCell ref="BD955:BG956"/>
    <mergeCell ref="BH955:BO957"/>
    <mergeCell ref="BP955:BR957"/>
    <mergeCell ref="BS955:BU960"/>
    <mergeCell ref="BV955:BX960"/>
    <mergeCell ref="BY955:CA960"/>
    <mergeCell ref="BH958:BO960"/>
    <mergeCell ref="BP958:BR960"/>
    <mergeCell ref="AZ953:BC954"/>
    <mergeCell ref="BD953:BG954"/>
    <mergeCell ref="C955:G956"/>
    <mergeCell ref="H955:J960"/>
    <mergeCell ref="K955:M960"/>
    <mergeCell ref="N955:O960"/>
    <mergeCell ref="AB955:AG957"/>
    <mergeCell ref="AH955:AH957"/>
    <mergeCell ref="AL955:AL957"/>
    <mergeCell ref="AZ955:BC956"/>
    <mergeCell ref="C943:G944"/>
    <mergeCell ref="H943:J948"/>
    <mergeCell ref="K943:M948"/>
    <mergeCell ref="N943:O948"/>
    <mergeCell ref="AB943:AG945"/>
    <mergeCell ref="AH943:AH945"/>
    <mergeCell ref="AL943:AL945"/>
    <mergeCell ref="AZ943:BC944"/>
    <mergeCell ref="AZ947:BC948"/>
    <mergeCell ref="BD947:BG948"/>
    <mergeCell ref="C949:G950"/>
    <mergeCell ref="H949:J954"/>
    <mergeCell ref="K949:M954"/>
    <mergeCell ref="N949:O954"/>
    <mergeCell ref="AB949:AG951"/>
    <mergeCell ref="AH949:AH951"/>
    <mergeCell ref="AL949:AL951"/>
    <mergeCell ref="AZ949:BC950"/>
    <mergeCell ref="C945:G946"/>
    <mergeCell ref="AZ945:BC946"/>
    <mergeCell ref="BD945:BG946"/>
    <mergeCell ref="U946:U948"/>
    <mergeCell ref="AB946:AG948"/>
    <mergeCell ref="AH946:AH948"/>
    <mergeCell ref="AL946:AL948"/>
    <mergeCell ref="AT946:AY948"/>
    <mergeCell ref="C947:G948"/>
    <mergeCell ref="AO947:AP947"/>
    <mergeCell ref="C951:G952"/>
    <mergeCell ref="AZ951:BC952"/>
    <mergeCell ref="BD951:BG952"/>
    <mergeCell ref="U952:U954"/>
    <mergeCell ref="BH937:BO939"/>
    <mergeCell ref="BP937:BR939"/>
    <mergeCell ref="BS937:BU942"/>
    <mergeCell ref="BV937:BX942"/>
    <mergeCell ref="BY937:CA942"/>
    <mergeCell ref="BH940:BO942"/>
    <mergeCell ref="BP940:BR942"/>
    <mergeCell ref="BD943:BG944"/>
    <mergeCell ref="BH943:BO945"/>
    <mergeCell ref="BP943:BR945"/>
    <mergeCell ref="BS943:BU948"/>
    <mergeCell ref="BV943:BX948"/>
    <mergeCell ref="BY943:CA948"/>
    <mergeCell ref="BH946:BO948"/>
    <mergeCell ref="BP946:BR948"/>
    <mergeCell ref="AZ941:BC942"/>
    <mergeCell ref="BD941:BG942"/>
    <mergeCell ref="AZ935:BC936"/>
    <mergeCell ref="BD935:BG936"/>
    <mergeCell ref="C937:G938"/>
    <mergeCell ref="H937:J942"/>
    <mergeCell ref="K937:M942"/>
    <mergeCell ref="N937:O942"/>
    <mergeCell ref="AB937:AG939"/>
    <mergeCell ref="AH937:AH939"/>
    <mergeCell ref="AL937:AL939"/>
    <mergeCell ref="AZ937:BC938"/>
    <mergeCell ref="C933:G934"/>
    <mergeCell ref="AZ933:BC934"/>
    <mergeCell ref="BD933:BG934"/>
    <mergeCell ref="U934:U936"/>
    <mergeCell ref="AB934:AG936"/>
    <mergeCell ref="AH934:AH936"/>
    <mergeCell ref="AL934:AL936"/>
    <mergeCell ref="AT934:AY936"/>
    <mergeCell ref="C935:G936"/>
    <mergeCell ref="AO935:AP935"/>
    <mergeCell ref="C939:G940"/>
    <mergeCell ref="AZ939:BC940"/>
    <mergeCell ref="BD939:BG940"/>
    <mergeCell ref="U940:U942"/>
    <mergeCell ref="AB940:AG942"/>
    <mergeCell ref="AH940:AH942"/>
    <mergeCell ref="AL940:AL942"/>
    <mergeCell ref="AT940:AY942"/>
    <mergeCell ref="C941:G942"/>
    <mergeCell ref="AO941:AP941"/>
    <mergeCell ref="BD937:BG938"/>
    <mergeCell ref="AB928:AG930"/>
    <mergeCell ref="AH928:AH930"/>
    <mergeCell ref="AL928:AL930"/>
    <mergeCell ref="AT928:AY930"/>
    <mergeCell ref="C929:G930"/>
    <mergeCell ref="AO929:AP929"/>
    <mergeCell ref="BD925:BG926"/>
    <mergeCell ref="BH925:BO927"/>
    <mergeCell ref="BP925:BR927"/>
    <mergeCell ref="BS925:BU930"/>
    <mergeCell ref="BV925:BX930"/>
    <mergeCell ref="BY925:CA930"/>
    <mergeCell ref="BH928:BO930"/>
    <mergeCell ref="BP928:BR930"/>
    <mergeCell ref="BD931:BG932"/>
    <mergeCell ref="BH931:BO933"/>
    <mergeCell ref="BP931:BR933"/>
    <mergeCell ref="BS931:BU936"/>
    <mergeCell ref="BV931:BX936"/>
    <mergeCell ref="BY931:CA936"/>
    <mergeCell ref="BH934:BO936"/>
    <mergeCell ref="BP934:BR936"/>
    <mergeCell ref="AZ929:BC930"/>
    <mergeCell ref="BD929:BG930"/>
    <mergeCell ref="C931:G932"/>
    <mergeCell ref="H931:J936"/>
    <mergeCell ref="K931:M936"/>
    <mergeCell ref="N931:O936"/>
    <mergeCell ref="AB931:AG933"/>
    <mergeCell ref="AH931:AH933"/>
    <mergeCell ref="AL931:AL933"/>
    <mergeCell ref="AZ931:BC932"/>
    <mergeCell ref="C919:G920"/>
    <mergeCell ref="H919:J924"/>
    <mergeCell ref="K919:M924"/>
    <mergeCell ref="N919:O924"/>
    <mergeCell ref="AB919:AG921"/>
    <mergeCell ref="AH919:AH921"/>
    <mergeCell ref="AL919:AL921"/>
    <mergeCell ref="AZ919:BC920"/>
    <mergeCell ref="AZ923:BC924"/>
    <mergeCell ref="BD923:BG924"/>
    <mergeCell ref="C925:G926"/>
    <mergeCell ref="H925:J930"/>
    <mergeCell ref="K925:M930"/>
    <mergeCell ref="N925:O930"/>
    <mergeCell ref="AB925:AG927"/>
    <mergeCell ref="AH925:AH927"/>
    <mergeCell ref="AL925:AL927"/>
    <mergeCell ref="AZ925:BC926"/>
    <mergeCell ref="C921:G922"/>
    <mergeCell ref="AZ921:BC922"/>
    <mergeCell ref="BD921:BG922"/>
    <mergeCell ref="U922:U924"/>
    <mergeCell ref="AB922:AG924"/>
    <mergeCell ref="AH922:AH924"/>
    <mergeCell ref="AL922:AL924"/>
    <mergeCell ref="AT922:AY924"/>
    <mergeCell ref="C923:G924"/>
    <mergeCell ref="AO923:AP923"/>
    <mergeCell ref="C927:G928"/>
    <mergeCell ref="AZ927:BC928"/>
    <mergeCell ref="BD927:BG928"/>
    <mergeCell ref="U928:U930"/>
    <mergeCell ref="BH913:BO915"/>
    <mergeCell ref="BP913:BR915"/>
    <mergeCell ref="BS913:BU918"/>
    <mergeCell ref="BV913:BX918"/>
    <mergeCell ref="BY913:CA918"/>
    <mergeCell ref="BH916:BO918"/>
    <mergeCell ref="BP916:BR918"/>
    <mergeCell ref="BD919:BG920"/>
    <mergeCell ref="BH919:BO921"/>
    <mergeCell ref="BP919:BR921"/>
    <mergeCell ref="BS919:BU924"/>
    <mergeCell ref="BV919:BX924"/>
    <mergeCell ref="BY919:CA924"/>
    <mergeCell ref="BH922:BO924"/>
    <mergeCell ref="BP922:BR924"/>
    <mergeCell ref="AZ917:BC918"/>
    <mergeCell ref="BD917:BG918"/>
    <mergeCell ref="AZ911:BC912"/>
    <mergeCell ref="BD911:BG912"/>
    <mergeCell ref="C913:G914"/>
    <mergeCell ref="H913:J918"/>
    <mergeCell ref="K913:M918"/>
    <mergeCell ref="N913:O918"/>
    <mergeCell ref="AB913:AG915"/>
    <mergeCell ref="AH913:AH915"/>
    <mergeCell ref="AL913:AL915"/>
    <mergeCell ref="AZ913:BC914"/>
    <mergeCell ref="C909:G910"/>
    <mergeCell ref="AZ909:BC910"/>
    <mergeCell ref="BD909:BG910"/>
    <mergeCell ref="U910:U912"/>
    <mergeCell ref="AB910:AG912"/>
    <mergeCell ref="AH910:AH912"/>
    <mergeCell ref="AL910:AL912"/>
    <mergeCell ref="AT910:AY912"/>
    <mergeCell ref="C911:G912"/>
    <mergeCell ref="AO911:AP911"/>
    <mergeCell ref="C915:G916"/>
    <mergeCell ref="AZ915:BC916"/>
    <mergeCell ref="BD915:BG916"/>
    <mergeCell ref="U916:U918"/>
    <mergeCell ref="AB916:AG918"/>
    <mergeCell ref="AH916:AH918"/>
    <mergeCell ref="AL916:AL918"/>
    <mergeCell ref="AT916:AY918"/>
    <mergeCell ref="C917:G918"/>
    <mergeCell ref="AO917:AP917"/>
    <mergeCell ref="BD913:BG914"/>
    <mergeCell ref="AB904:AG906"/>
    <mergeCell ref="AH904:AH906"/>
    <mergeCell ref="AL904:AL906"/>
    <mergeCell ref="AT904:AY906"/>
    <mergeCell ref="C905:G906"/>
    <mergeCell ref="AO905:AP905"/>
    <mergeCell ref="BD901:BG902"/>
    <mergeCell ref="BH901:BO903"/>
    <mergeCell ref="BP901:BR903"/>
    <mergeCell ref="BS901:BU906"/>
    <mergeCell ref="BV901:BX906"/>
    <mergeCell ref="BY901:CA906"/>
    <mergeCell ref="BH904:BO906"/>
    <mergeCell ref="BP904:BR906"/>
    <mergeCell ref="BD907:BG908"/>
    <mergeCell ref="BH907:BO909"/>
    <mergeCell ref="BP907:BR909"/>
    <mergeCell ref="BS907:BU912"/>
    <mergeCell ref="BV907:BX912"/>
    <mergeCell ref="BY907:CA912"/>
    <mergeCell ref="BH910:BO912"/>
    <mergeCell ref="BP910:BR912"/>
    <mergeCell ref="AZ905:BC906"/>
    <mergeCell ref="BD905:BG906"/>
    <mergeCell ref="C907:G908"/>
    <mergeCell ref="H907:J912"/>
    <mergeCell ref="K907:M912"/>
    <mergeCell ref="N907:O912"/>
    <mergeCell ref="AB907:AG909"/>
    <mergeCell ref="AH907:AH909"/>
    <mergeCell ref="AL907:AL909"/>
    <mergeCell ref="AZ907:BC908"/>
    <mergeCell ref="C895:G896"/>
    <mergeCell ref="H895:J900"/>
    <mergeCell ref="K895:M900"/>
    <mergeCell ref="N895:O900"/>
    <mergeCell ref="AB895:AG897"/>
    <mergeCell ref="AH895:AH897"/>
    <mergeCell ref="AL895:AL897"/>
    <mergeCell ref="AZ895:BC896"/>
    <mergeCell ref="AZ899:BC900"/>
    <mergeCell ref="BD899:BG900"/>
    <mergeCell ref="C901:G902"/>
    <mergeCell ref="H901:J906"/>
    <mergeCell ref="K901:M906"/>
    <mergeCell ref="N901:O906"/>
    <mergeCell ref="AB901:AG903"/>
    <mergeCell ref="AH901:AH903"/>
    <mergeCell ref="AL901:AL903"/>
    <mergeCell ref="AZ901:BC902"/>
    <mergeCell ref="C897:G898"/>
    <mergeCell ref="AZ897:BC898"/>
    <mergeCell ref="BD897:BG898"/>
    <mergeCell ref="U898:U900"/>
    <mergeCell ref="AB898:AG900"/>
    <mergeCell ref="AH898:AH900"/>
    <mergeCell ref="AL898:AL900"/>
    <mergeCell ref="AT898:AY900"/>
    <mergeCell ref="C899:G900"/>
    <mergeCell ref="AO899:AP899"/>
    <mergeCell ref="C903:G904"/>
    <mergeCell ref="AZ903:BC904"/>
    <mergeCell ref="BD903:BG904"/>
    <mergeCell ref="U904:U906"/>
    <mergeCell ref="BH889:BO891"/>
    <mergeCell ref="BP889:BR891"/>
    <mergeCell ref="BS889:BU894"/>
    <mergeCell ref="BV889:BX894"/>
    <mergeCell ref="BY889:CA894"/>
    <mergeCell ref="BH892:BO894"/>
    <mergeCell ref="BP892:BR894"/>
    <mergeCell ref="BD895:BG896"/>
    <mergeCell ref="BH895:BO897"/>
    <mergeCell ref="BP895:BR897"/>
    <mergeCell ref="BS895:BU900"/>
    <mergeCell ref="BV895:BX900"/>
    <mergeCell ref="BY895:CA900"/>
    <mergeCell ref="BH898:BO900"/>
    <mergeCell ref="BP898:BR900"/>
    <mergeCell ref="AZ893:BC894"/>
    <mergeCell ref="BD893:BG894"/>
    <mergeCell ref="AZ887:BC888"/>
    <mergeCell ref="BD887:BG888"/>
    <mergeCell ref="C889:G890"/>
    <mergeCell ref="H889:J894"/>
    <mergeCell ref="K889:M894"/>
    <mergeCell ref="N889:O894"/>
    <mergeCell ref="AB889:AG891"/>
    <mergeCell ref="AH889:AH891"/>
    <mergeCell ref="AL889:AL891"/>
    <mergeCell ref="AZ889:BC890"/>
    <mergeCell ref="C885:G886"/>
    <mergeCell ref="AZ885:BC886"/>
    <mergeCell ref="BD885:BG886"/>
    <mergeCell ref="U886:U888"/>
    <mergeCell ref="AB886:AG888"/>
    <mergeCell ref="AH886:AH888"/>
    <mergeCell ref="AL886:AL888"/>
    <mergeCell ref="AT886:AY888"/>
    <mergeCell ref="C887:G888"/>
    <mergeCell ref="AO887:AP887"/>
    <mergeCell ref="C891:G892"/>
    <mergeCell ref="AZ891:BC892"/>
    <mergeCell ref="BD891:BG892"/>
    <mergeCell ref="U892:U894"/>
    <mergeCell ref="AB892:AG894"/>
    <mergeCell ref="AH892:AH894"/>
    <mergeCell ref="AL892:AL894"/>
    <mergeCell ref="AT892:AY894"/>
    <mergeCell ref="C893:G894"/>
    <mergeCell ref="AO893:AP893"/>
    <mergeCell ref="BD889:BG890"/>
    <mergeCell ref="AB880:AG882"/>
    <mergeCell ref="AH880:AH882"/>
    <mergeCell ref="AL880:AL882"/>
    <mergeCell ref="AT880:AY882"/>
    <mergeCell ref="C881:G882"/>
    <mergeCell ref="AO881:AP881"/>
    <mergeCell ref="BD877:BG878"/>
    <mergeCell ref="BH877:BO879"/>
    <mergeCell ref="BP877:BR879"/>
    <mergeCell ref="BS877:BU882"/>
    <mergeCell ref="BV877:BX882"/>
    <mergeCell ref="BY877:CA882"/>
    <mergeCell ref="BH880:BO882"/>
    <mergeCell ref="BP880:BR882"/>
    <mergeCell ref="BD883:BG884"/>
    <mergeCell ref="BH883:BO885"/>
    <mergeCell ref="BP883:BR885"/>
    <mergeCell ref="BS883:BU888"/>
    <mergeCell ref="BV883:BX888"/>
    <mergeCell ref="BY883:CA888"/>
    <mergeCell ref="BH886:BO888"/>
    <mergeCell ref="BP886:BR888"/>
    <mergeCell ref="AZ881:BC882"/>
    <mergeCell ref="BD881:BG882"/>
    <mergeCell ref="C883:G884"/>
    <mergeCell ref="H883:J888"/>
    <mergeCell ref="K883:M888"/>
    <mergeCell ref="N883:O888"/>
    <mergeCell ref="AB883:AG885"/>
    <mergeCell ref="AH883:AH885"/>
    <mergeCell ref="AL883:AL885"/>
    <mergeCell ref="AZ883:BC884"/>
    <mergeCell ref="C871:G872"/>
    <mergeCell ref="H871:J876"/>
    <mergeCell ref="K871:M876"/>
    <mergeCell ref="N871:O876"/>
    <mergeCell ref="AB871:AG873"/>
    <mergeCell ref="AH871:AH873"/>
    <mergeCell ref="AL871:AL873"/>
    <mergeCell ref="AZ871:BC872"/>
    <mergeCell ref="AZ875:BC876"/>
    <mergeCell ref="BD875:BG876"/>
    <mergeCell ref="C877:G878"/>
    <mergeCell ref="H877:J882"/>
    <mergeCell ref="K877:M882"/>
    <mergeCell ref="N877:O882"/>
    <mergeCell ref="AB877:AG879"/>
    <mergeCell ref="AH877:AH879"/>
    <mergeCell ref="AL877:AL879"/>
    <mergeCell ref="AZ877:BC878"/>
    <mergeCell ref="C873:G874"/>
    <mergeCell ref="AZ873:BC874"/>
    <mergeCell ref="BD873:BG874"/>
    <mergeCell ref="U874:U876"/>
    <mergeCell ref="AB874:AG876"/>
    <mergeCell ref="AH874:AH876"/>
    <mergeCell ref="AL874:AL876"/>
    <mergeCell ref="AT874:AY876"/>
    <mergeCell ref="C875:G876"/>
    <mergeCell ref="AO875:AP875"/>
    <mergeCell ref="C879:G880"/>
    <mergeCell ref="AZ879:BC880"/>
    <mergeCell ref="BD879:BG880"/>
    <mergeCell ref="U880:U882"/>
    <mergeCell ref="BH865:BO867"/>
    <mergeCell ref="BP865:BR867"/>
    <mergeCell ref="BS865:BU870"/>
    <mergeCell ref="BV865:BX870"/>
    <mergeCell ref="BY865:CA870"/>
    <mergeCell ref="BH868:BO870"/>
    <mergeCell ref="BP868:BR870"/>
    <mergeCell ref="BD871:BG872"/>
    <mergeCell ref="BH871:BO873"/>
    <mergeCell ref="BP871:BR873"/>
    <mergeCell ref="BS871:BU876"/>
    <mergeCell ref="BV871:BX876"/>
    <mergeCell ref="BY871:CA876"/>
    <mergeCell ref="BH874:BO876"/>
    <mergeCell ref="BP874:BR876"/>
    <mergeCell ref="AZ869:BC870"/>
    <mergeCell ref="BD869:BG870"/>
    <mergeCell ref="AZ863:BC864"/>
    <mergeCell ref="BD863:BG864"/>
    <mergeCell ref="C865:G866"/>
    <mergeCell ref="H865:J870"/>
    <mergeCell ref="K865:M870"/>
    <mergeCell ref="N865:O870"/>
    <mergeCell ref="AB865:AG867"/>
    <mergeCell ref="AH865:AH867"/>
    <mergeCell ref="AL865:AL867"/>
    <mergeCell ref="AZ865:BC866"/>
    <mergeCell ref="C861:G862"/>
    <mergeCell ref="AZ861:BC862"/>
    <mergeCell ref="BD861:BG862"/>
    <mergeCell ref="U862:U864"/>
    <mergeCell ref="AB862:AG864"/>
    <mergeCell ref="AH862:AH864"/>
    <mergeCell ref="AL862:AL864"/>
    <mergeCell ref="AT862:AY864"/>
    <mergeCell ref="C863:G864"/>
    <mergeCell ref="AO863:AP863"/>
    <mergeCell ref="C867:G868"/>
    <mergeCell ref="AZ867:BC868"/>
    <mergeCell ref="BD867:BG868"/>
    <mergeCell ref="U868:U870"/>
    <mergeCell ref="AB868:AG870"/>
    <mergeCell ref="AH868:AH870"/>
    <mergeCell ref="AL868:AL870"/>
    <mergeCell ref="AT868:AY870"/>
    <mergeCell ref="C869:G870"/>
    <mergeCell ref="AO869:AP869"/>
    <mergeCell ref="BD865:BG866"/>
    <mergeCell ref="AB856:AG858"/>
    <mergeCell ref="AH856:AH858"/>
    <mergeCell ref="AL856:AL858"/>
    <mergeCell ref="AT856:AY858"/>
    <mergeCell ref="C857:G858"/>
    <mergeCell ref="AO857:AP857"/>
    <mergeCell ref="BD853:BG854"/>
    <mergeCell ref="BH853:BO855"/>
    <mergeCell ref="BP853:BR855"/>
    <mergeCell ref="BS853:BU858"/>
    <mergeCell ref="BV853:BX858"/>
    <mergeCell ref="BY853:CA858"/>
    <mergeCell ref="BH856:BO858"/>
    <mergeCell ref="BP856:BR858"/>
    <mergeCell ref="BD859:BG860"/>
    <mergeCell ref="BH859:BO861"/>
    <mergeCell ref="BP859:BR861"/>
    <mergeCell ref="BS859:BU864"/>
    <mergeCell ref="BV859:BX864"/>
    <mergeCell ref="BY859:CA864"/>
    <mergeCell ref="BH862:BO864"/>
    <mergeCell ref="BP862:BR864"/>
    <mergeCell ref="AZ857:BC858"/>
    <mergeCell ref="BD857:BG858"/>
    <mergeCell ref="C859:G860"/>
    <mergeCell ref="H859:J864"/>
    <mergeCell ref="K859:M864"/>
    <mergeCell ref="N859:O864"/>
    <mergeCell ref="AB859:AG861"/>
    <mergeCell ref="AH859:AH861"/>
    <mergeCell ref="AL859:AL861"/>
    <mergeCell ref="AZ859:BC860"/>
    <mergeCell ref="C847:G848"/>
    <mergeCell ref="H847:J852"/>
    <mergeCell ref="K847:M852"/>
    <mergeCell ref="N847:O852"/>
    <mergeCell ref="AB847:AG849"/>
    <mergeCell ref="AH847:AH849"/>
    <mergeCell ref="AL847:AL849"/>
    <mergeCell ref="AZ847:BC848"/>
    <mergeCell ref="AZ851:BC852"/>
    <mergeCell ref="BD851:BG852"/>
    <mergeCell ref="C853:G854"/>
    <mergeCell ref="H853:J858"/>
    <mergeCell ref="K853:M858"/>
    <mergeCell ref="N853:O858"/>
    <mergeCell ref="AB853:AG855"/>
    <mergeCell ref="AH853:AH855"/>
    <mergeCell ref="AL853:AL855"/>
    <mergeCell ref="AZ853:BC854"/>
    <mergeCell ref="C849:G850"/>
    <mergeCell ref="AZ849:BC850"/>
    <mergeCell ref="BD849:BG850"/>
    <mergeCell ref="U850:U852"/>
    <mergeCell ref="AB850:AG852"/>
    <mergeCell ref="AH850:AH852"/>
    <mergeCell ref="AL850:AL852"/>
    <mergeCell ref="AT850:AY852"/>
    <mergeCell ref="C851:G852"/>
    <mergeCell ref="AO851:AP851"/>
    <mergeCell ref="C855:G856"/>
    <mergeCell ref="AZ855:BC856"/>
    <mergeCell ref="BD855:BG856"/>
    <mergeCell ref="U856:U858"/>
    <mergeCell ref="BH841:BO843"/>
    <mergeCell ref="BP841:BR843"/>
    <mergeCell ref="BS841:BU846"/>
    <mergeCell ref="BV841:BX846"/>
    <mergeCell ref="BY841:CA846"/>
    <mergeCell ref="BH844:BO846"/>
    <mergeCell ref="BP844:BR846"/>
    <mergeCell ref="BD847:BG848"/>
    <mergeCell ref="BH847:BO849"/>
    <mergeCell ref="BP847:BR849"/>
    <mergeCell ref="BS847:BU852"/>
    <mergeCell ref="BV847:BX852"/>
    <mergeCell ref="BY847:CA852"/>
    <mergeCell ref="BH850:BO852"/>
    <mergeCell ref="BP850:BR852"/>
    <mergeCell ref="AZ845:BC846"/>
    <mergeCell ref="BD845:BG846"/>
    <mergeCell ref="AZ839:BC840"/>
    <mergeCell ref="BD839:BG840"/>
    <mergeCell ref="C841:G842"/>
    <mergeCell ref="H841:J846"/>
    <mergeCell ref="K841:M846"/>
    <mergeCell ref="N841:O846"/>
    <mergeCell ref="AB841:AG843"/>
    <mergeCell ref="AH841:AH843"/>
    <mergeCell ref="AL841:AL843"/>
    <mergeCell ref="AZ841:BC842"/>
    <mergeCell ref="C837:G838"/>
    <mergeCell ref="AZ837:BC838"/>
    <mergeCell ref="BD837:BG838"/>
    <mergeCell ref="U838:U840"/>
    <mergeCell ref="AB838:AG840"/>
    <mergeCell ref="AH838:AH840"/>
    <mergeCell ref="AL838:AL840"/>
    <mergeCell ref="AT838:AY840"/>
    <mergeCell ref="C839:G840"/>
    <mergeCell ref="AO839:AP839"/>
    <mergeCell ref="C843:G844"/>
    <mergeCell ref="AZ843:BC844"/>
    <mergeCell ref="BD843:BG844"/>
    <mergeCell ref="U844:U846"/>
    <mergeCell ref="AB844:AG846"/>
    <mergeCell ref="AH844:AH846"/>
    <mergeCell ref="AL844:AL846"/>
    <mergeCell ref="AT844:AY846"/>
    <mergeCell ref="C845:G846"/>
    <mergeCell ref="AO845:AP845"/>
    <mergeCell ref="BD841:BG842"/>
    <mergeCell ref="AB832:AG834"/>
    <mergeCell ref="AH832:AH834"/>
    <mergeCell ref="AL832:AL834"/>
    <mergeCell ref="AT832:AY834"/>
    <mergeCell ref="C833:G834"/>
    <mergeCell ref="AO833:AP833"/>
    <mergeCell ref="BD829:BG830"/>
    <mergeCell ref="BH829:BO831"/>
    <mergeCell ref="BP829:BR831"/>
    <mergeCell ref="BS829:BU834"/>
    <mergeCell ref="BV829:BX834"/>
    <mergeCell ref="BY829:CA834"/>
    <mergeCell ref="BH832:BO834"/>
    <mergeCell ref="BP832:BR834"/>
    <mergeCell ref="BD835:BG836"/>
    <mergeCell ref="BH835:BO837"/>
    <mergeCell ref="BP835:BR837"/>
    <mergeCell ref="BS835:BU840"/>
    <mergeCell ref="BV835:BX840"/>
    <mergeCell ref="BY835:CA840"/>
    <mergeCell ref="BH838:BO840"/>
    <mergeCell ref="BP838:BR840"/>
    <mergeCell ref="AZ833:BC834"/>
    <mergeCell ref="BD833:BG834"/>
    <mergeCell ref="C835:G836"/>
    <mergeCell ref="H835:J840"/>
    <mergeCell ref="K835:M840"/>
    <mergeCell ref="N835:O840"/>
    <mergeCell ref="AB835:AG837"/>
    <mergeCell ref="AH835:AH837"/>
    <mergeCell ref="AL835:AL837"/>
    <mergeCell ref="AZ835:BC836"/>
    <mergeCell ref="C823:G824"/>
    <mergeCell ref="H823:J828"/>
    <mergeCell ref="K823:M828"/>
    <mergeCell ref="N823:O828"/>
    <mergeCell ref="AB823:AG825"/>
    <mergeCell ref="AH823:AH825"/>
    <mergeCell ref="AL823:AL825"/>
    <mergeCell ref="AZ823:BC824"/>
    <mergeCell ref="AZ827:BC828"/>
    <mergeCell ref="BD827:BG828"/>
    <mergeCell ref="C829:G830"/>
    <mergeCell ref="H829:J834"/>
    <mergeCell ref="K829:M834"/>
    <mergeCell ref="N829:O834"/>
    <mergeCell ref="AB829:AG831"/>
    <mergeCell ref="AH829:AH831"/>
    <mergeCell ref="AL829:AL831"/>
    <mergeCell ref="AZ829:BC830"/>
    <mergeCell ref="C825:G826"/>
    <mergeCell ref="AZ825:BC826"/>
    <mergeCell ref="BD825:BG826"/>
    <mergeCell ref="U826:U828"/>
    <mergeCell ref="AB826:AG828"/>
    <mergeCell ref="AH826:AH828"/>
    <mergeCell ref="AL826:AL828"/>
    <mergeCell ref="AT826:AY828"/>
    <mergeCell ref="C827:G828"/>
    <mergeCell ref="AO827:AP827"/>
    <mergeCell ref="C831:G832"/>
    <mergeCell ref="AZ831:BC832"/>
    <mergeCell ref="BD831:BG832"/>
    <mergeCell ref="U832:U834"/>
    <mergeCell ref="BH817:BO819"/>
    <mergeCell ref="BP817:BR819"/>
    <mergeCell ref="BS817:BU822"/>
    <mergeCell ref="BV817:BX822"/>
    <mergeCell ref="BY817:CA822"/>
    <mergeCell ref="BH820:BO822"/>
    <mergeCell ref="BP820:BR822"/>
    <mergeCell ref="BD823:BG824"/>
    <mergeCell ref="BH823:BO825"/>
    <mergeCell ref="BP823:BR825"/>
    <mergeCell ref="BS823:BU828"/>
    <mergeCell ref="BV823:BX828"/>
    <mergeCell ref="BY823:CA828"/>
    <mergeCell ref="BH826:BO828"/>
    <mergeCell ref="BP826:BR828"/>
    <mergeCell ref="AZ821:BC822"/>
    <mergeCell ref="BD821:BG822"/>
    <mergeCell ref="AZ815:BC816"/>
    <mergeCell ref="BD815:BG816"/>
    <mergeCell ref="C817:G818"/>
    <mergeCell ref="H817:J822"/>
    <mergeCell ref="K817:M822"/>
    <mergeCell ref="N817:O822"/>
    <mergeCell ref="AB817:AG819"/>
    <mergeCell ref="AH817:AH819"/>
    <mergeCell ref="AL817:AL819"/>
    <mergeCell ref="AZ817:BC818"/>
    <mergeCell ref="C813:G814"/>
    <mergeCell ref="AZ813:BC814"/>
    <mergeCell ref="BD813:BG814"/>
    <mergeCell ref="U814:U816"/>
    <mergeCell ref="AB814:AG816"/>
    <mergeCell ref="AH814:AH816"/>
    <mergeCell ref="AL814:AL816"/>
    <mergeCell ref="AT814:AY816"/>
    <mergeCell ref="C815:G816"/>
    <mergeCell ref="AO815:AP815"/>
    <mergeCell ref="C819:G820"/>
    <mergeCell ref="AZ819:BC820"/>
    <mergeCell ref="BD819:BG820"/>
    <mergeCell ref="U820:U822"/>
    <mergeCell ref="AB820:AG822"/>
    <mergeCell ref="AH820:AH822"/>
    <mergeCell ref="AL820:AL822"/>
    <mergeCell ref="AT820:AY822"/>
    <mergeCell ref="C821:G822"/>
    <mergeCell ref="AO821:AP821"/>
    <mergeCell ref="BD817:BG818"/>
    <mergeCell ref="AB808:AG810"/>
    <mergeCell ref="AH808:AH810"/>
    <mergeCell ref="AL808:AL810"/>
    <mergeCell ref="AT808:AY810"/>
    <mergeCell ref="C809:G810"/>
    <mergeCell ref="AO809:AP809"/>
    <mergeCell ref="BD805:BG806"/>
    <mergeCell ref="BH805:BO807"/>
    <mergeCell ref="BP805:BR807"/>
    <mergeCell ref="BS805:BU810"/>
    <mergeCell ref="BV805:BX810"/>
    <mergeCell ref="BY805:CA810"/>
    <mergeCell ref="BH808:BO810"/>
    <mergeCell ref="BP808:BR810"/>
    <mergeCell ref="BD811:BG812"/>
    <mergeCell ref="BH811:BO813"/>
    <mergeCell ref="BP811:BR813"/>
    <mergeCell ref="BS811:BU816"/>
    <mergeCell ref="BV811:BX816"/>
    <mergeCell ref="BY811:CA816"/>
    <mergeCell ref="BH814:BO816"/>
    <mergeCell ref="BP814:BR816"/>
    <mergeCell ref="AZ809:BC810"/>
    <mergeCell ref="BD809:BG810"/>
    <mergeCell ref="C811:G812"/>
    <mergeCell ref="H811:J816"/>
    <mergeCell ref="K811:M816"/>
    <mergeCell ref="N811:O816"/>
    <mergeCell ref="AB811:AG813"/>
    <mergeCell ref="AH811:AH813"/>
    <mergeCell ref="AL811:AL813"/>
    <mergeCell ref="AZ811:BC812"/>
    <mergeCell ref="C799:G800"/>
    <mergeCell ref="H799:J804"/>
    <mergeCell ref="K799:M804"/>
    <mergeCell ref="N799:O804"/>
    <mergeCell ref="AB799:AG801"/>
    <mergeCell ref="AH799:AH801"/>
    <mergeCell ref="AL799:AL801"/>
    <mergeCell ref="AZ799:BC800"/>
    <mergeCell ref="AZ803:BC804"/>
    <mergeCell ref="BD803:BG804"/>
    <mergeCell ref="C805:G806"/>
    <mergeCell ref="H805:J810"/>
    <mergeCell ref="K805:M810"/>
    <mergeCell ref="N805:O810"/>
    <mergeCell ref="AB805:AG807"/>
    <mergeCell ref="AH805:AH807"/>
    <mergeCell ref="AL805:AL807"/>
    <mergeCell ref="AZ805:BC806"/>
    <mergeCell ref="C801:G802"/>
    <mergeCell ref="AZ801:BC802"/>
    <mergeCell ref="BD801:BG802"/>
    <mergeCell ref="U802:U804"/>
    <mergeCell ref="AB802:AG804"/>
    <mergeCell ref="AH802:AH804"/>
    <mergeCell ref="AL802:AL804"/>
    <mergeCell ref="AT802:AY804"/>
    <mergeCell ref="C803:G804"/>
    <mergeCell ref="AO803:AP803"/>
    <mergeCell ref="C807:G808"/>
    <mergeCell ref="AZ807:BC808"/>
    <mergeCell ref="BD807:BG808"/>
    <mergeCell ref="U808:U810"/>
    <mergeCell ref="BH793:BO795"/>
    <mergeCell ref="BP793:BR795"/>
    <mergeCell ref="BS793:BU798"/>
    <mergeCell ref="BV793:BX798"/>
    <mergeCell ref="BY793:CA798"/>
    <mergeCell ref="BH796:BO798"/>
    <mergeCell ref="BP796:BR798"/>
    <mergeCell ref="BD799:BG800"/>
    <mergeCell ref="BH799:BO801"/>
    <mergeCell ref="BP799:BR801"/>
    <mergeCell ref="BS799:BU804"/>
    <mergeCell ref="BV799:BX804"/>
    <mergeCell ref="BY799:CA804"/>
    <mergeCell ref="BH802:BO804"/>
    <mergeCell ref="BP802:BR804"/>
    <mergeCell ref="AZ797:BC798"/>
    <mergeCell ref="BD797:BG798"/>
    <mergeCell ref="AZ791:BC792"/>
    <mergeCell ref="BD791:BG792"/>
    <mergeCell ref="C793:G794"/>
    <mergeCell ref="H793:J798"/>
    <mergeCell ref="K793:M798"/>
    <mergeCell ref="N793:O798"/>
    <mergeCell ref="AB793:AG795"/>
    <mergeCell ref="AH793:AH795"/>
    <mergeCell ref="AL793:AL795"/>
    <mergeCell ref="AZ793:BC794"/>
    <mergeCell ref="C789:G790"/>
    <mergeCell ref="AZ789:BC790"/>
    <mergeCell ref="BD789:BG790"/>
    <mergeCell ref="U790:U792"/>
    <mergeCell ref="AB790:AG792"/>
    <mergeCell ref="AH790:AH792"/>
    <mergeCell ref="AL790:AL792"/>
    <mergeCell ref="AT790:AY792"/>
    <mergeCell ref="C791:G792"/>
    <mergeCell ref="AO791:AP791"/>
    <mergeCell ref="C795:G796"/>
    <mergeCell ref="AZ795:BC796"/>
    <mergeCell ref="BD795:BG796"/>
    <mergeCell ref="U796:U798"/>
    <mergeCell ref="AB796:AG798"/>
    <mergeCell ref="AH796:AH798"/>
    <mergeCell ref="AL796:AL798"/>
    <mergeCell ref="AT796:AY798"/>
    <mergeCell ref="C797:G798"/>
    <mergeCell ref="AO797:AP797"/>
    <mergeCell ref="BD793:BG794"/>
    <mergeCell ref="AB784:AG786"/>
    <mergeCell ref="AH784:AH786"/>
    <mergeCell ref="AL784:AL786"/>
    <mergeCell ref="AT784:AY786"/>
    <mergeCell ref="C785:G786"/>
    <mergeCell ref="AO785:AP785"/>
    <mergeCell ref="BD781:BG782"/>
    <mergeCell ref="BH781:BO783"/>
    <mergeCell ref="BP781:BR783"/>
    <mergeCell ref="BS781:BU786"/>
    <mergeCell ref="BV781:BX786"/>
    <mergeCell ref="BY781:CA786"/>
    <mergeCell ref="BH784:BO786"/>
    <mergeCell ref="BP784:BR786"/>
    <mergeCell ref="BD787:BG788"/>
    <mergeCell ref="BH787:BO789"/>
    <mergeCell ref="BP787:BR789"/>
    <mergeCell ref="BS787:BU792"/>
    <mergeCell ref="BV787:BX792"/>
    <mergeCell ref="BY787:CA792"/>
    <mergeCell ref="BH790:BO792"/>
    <mergeCell ref="BP790:BR792"/>
    <mergeCell ref="AZ785:BC786"/>
    <mergeCell ref="BD785:BG786"/>
    <mergeCell ref="C787:G788"/>
    <mergeCell ref="H787:J792"/>
    <mergeCell ref="K787:M792"/>
    <mergeCell ref="N787:O792"/>
    <mergeCell ref="AB787:AG789"/>
    <mergeCell ref="AH787:AH789"/>
    <mergeCell ref="AL787:AL789"/>
    <mergeCell ref="AZ787:BC788"/>
    <mergeCell ref="C775:G776"/>
    <mergeCell ref="H775:J780"/>
    <mergeCell ref="K775:M780"/>
    <mergeCell ref="N775:O780"/>
    <mergeCell ref="AB775:AG777"/>
    <mergeCell ref="AH775:AH777"/>
    <mergeCell ref="AL775:AL777"/>
    <mergeCell ref="AZ775:BC776"/>
    <mergeCell ref="AZ779:BC780"/>
    <mergeCell ref="BD779:BG780"/>
    <mergeCell ref="C781:G782"/>
    <mergeCell ref="H781:J786"/>
    <mergeCell ref="K781:M786"/>
    <mergeCell ref="N781:O786"/>
    <mergeCell ref="AB781:AG783"/>
    <mergeCell ref="AH781:AH783"/>
    <mergeCell ref="AL781:AL783"/>
    <mergeCell ref="AZ781:BC782"/>
    <mergeCell ref="C777:G778"/>
    <mergeCell ref="AZ777:BC778"/>
    <mergeCell ref="BD777:BG778"/>
    <mergeCell ref="U778:U780"/>
    <mergeCell ref="AB778:AG780"/>
    <mergeCell ref="AH778:AH780"/>
    <mergeCell ref="AL778:AL780"/>
    <mergeCell ref="AT778:AY780"/>
    <mergeCell ref="C779:G780"/>
    <mergeCell ref="AO779:AP779"/>
    <mergeCell ref="C783:G784"/>
    <mergeCell ref="AZ783:BC784"/>
    <mergeCell ref="BD783:BG784"/>
    <mergeCell ref="U784:U786"/>
    <mergeCell ref="BH769:BO771"/>
    <mergeCell ref="BP769:BR771"/>
    <mergeCell ref="BS769:BU774"/>
    <mergeCell ref="BV769:BX774"/>
    <mergeCell ref="BY769:CA774"/>
    <mergeCell ref="BH772:BO774"/>
    <mergeCell ref="BP772:BR774"/>
    <mergeCell ref="BD775:BG776"/>
    <mergeCell ref="BH775:BO777"/>
    <mergeCell ref="BP775:BR777"/>
    <mergeCell ref="BS775:BU780"/>
    <mergeCell ref="BV775:BX780"/>
    <mergeCell ref="BY775:CA780"/>
    <mergeCell ref="BH778:BO780"/>
    <mergeCell ref="BP778:BR780"/>
    <mergeCell ref="AZ773:BC774"/>
    <mergeCell ref="BD773:BG774"/>
    <mergeCell ref="AZ767:BC768"/>
    <mergeCell ref="BD767:BG768"/>
    <mergeCell ref="C769:G770"/>
    <mergeCell ref="H769:J774"/>
    <mergeCell ref="K769:M774"/>
    <mergeCell ref="N769:O774"/>
    <mergeCell ref="AB769:AG771"/>
    <mergeCell ref="AH769:AH771"/>
    <mergeCell ref="AL769:AL771"/>
    <mergeCell ref="AZ769:BC770"/>
    <mergeCell ref="C765:G766"/>
    <mergeCell ref="AZ765:BC766"/>
    <mergeCell ref="BD765:BG766"/>
    <mergeCell ref="U766:U768"/>
    <mergeCell ref="AB766:AG768"/>
    <mergeCell ref="AH766:AH768"/>
    <mergeCell ref="AL766:AL768"/>
    <mergeCell ref="AT766:AY768"/>
    <mergeCell ref="C767:G768"/>
    <mergeCell ref="AO767:AP767"/>
    <mergeCell ref="C771:G772"/>
    <mergeCell ref="AZ771:BC772"/>
    <mergeCell ref="BD771:BG772"/>
    <mergeCell ref="U772:U774"/>
    <mergeCell ref="AB772:AG774"/>
    <mergeCell ref="AH772:AH774"/>
    <mergeCell ref="AL772:AL774"/>
    <mergeCell ref="AT772:AY774"/>
    <mergeCell ref="C773:G774"/>
    <mergeCell ref="AO773:AP773"/>
    <mergeCell ref="BD769:BG770"/>
    <mergeCell ref="AB760:AG762"/>
    <mergeCell ref="AH760:AH762"/>
    <mergeCell ref="AL760:AL762"/>
    <mergeCell ref="AT760:AY762"/>
    <mergeCell ref="C761:G762"/>
    <mergeCell ref="AO761:AP761"/>
    <mergeCell ref="BD757:BG758"/>
    <mergeCell ref="BH757:BO759"/>
    <mergeCell ref="BP757:BR759"/>
    <mergeCell ref="BS757:BU762"/>
    <mergeCell ref="BV757:BX762"/>
    <mergeCell ref="BY757:CA762"/>
    <mergeCell ref="BH760:BO762"/>
    <mergeCell ref="BP760:BR762"/>
    <mergeCell ref="BD763:BG764"/>
    <mergeCell ref="BH763:BO765"/>
    <mergeCell ref="BP763:BR765"/>
    <mergeCell ref="BS763:BU768"/>
    <mergeCell ref="BV763:BX768"/>
    <mergeCell ref="BY763:CA768"/>
    <mergeCell ref="BH766:BO768"/>
    <mergeCell ref="BP766:BR768"/>
    <mergeCell ref="AZ761:BC762"/>
    <mergeCell ref="BD761:BG762"/>
    <mergeCell ref="C763:G764"/>
    <mergeCell ref="H763:J768"/>
    <mergeCell ref="K763:M768"/>
    <mergeCell ref="N763:O768"/>
    <mergeCell ref="AB763:AG765"/>
    <mergeCell ref="AH763:AH765"/>
    <mergeCell ref="AL763:AL765"/>
    <mergeCell ref="AZ763:BC764"/>
    <mergeCell ref="C751:G752"/>
    <mergeCell ref="H751:J756"/>
    <mergeCell ref="K751:M756"/>
    <mergeCell ref="N751:O756"/>
    <mergeCell ref="AB751:AG753"/>
    <mergeCell ref="AH751:AH753"/>
    <mergeCell ref="AL751:AL753"/>
    <mergeCell ref="AZ751:BC752"/>
    <mergeCell ref="AZ755:BC756"/>
    <mergeCell ref="BD755:BG756"/>
    <mergeCell ref="C757:G758"/>
    <mergeCell ref="H757:J762"/>
    <mergeCell ref="K757:M762"/>
    <mergeCell ref="N757:O762"/>
    <mergeCell ref="AB757:AG759"/>
    <mergeCell ref="AH757:AH759"/>
    <mergeCell ref="AL757:AL759"/>
    <mergeCell ref="AZ757:BC758"/>
    <mergeCell ref="C753:G754"/>
    <mergeCell ref="AZ753:BC754"/>
    <mergeCell ref="BD753:BG754"/>
    <mergeCell ref="U754:U756"/>
    <mergeCell ref="AB754:AG756"/>
    <mergeCell ref="AH754:AH756"/>
    <mergeCell ref="AL754:AL756"/>
    <mergeCell ref="AT754:AY756"/>
    <mergeCell ref="C755:G756"/>
    <mergeCell ref="AO755:AP755"/>
    <mergeCell ref="C759:G760"/>
    <mergeCell ref="AZ759:BC760"/>
    <mergeCell ref="BD759:BG760"/>
    <mergeCell ref="U760:U762"/>
    <mergeCell ref="BH745:BO747"/>
    <mergeCell ref="BP745:BR747"/>
    <mergeCell ref="BS745:BU750"/>
    <mergeCell ref="BV745:BX750"/>
    <mergeCell ref="BY745:CA750"/>
    <mergeCell ref="BH748:BO750"/>
    <mergeCell ref="BP748:BR750"/>
    <mergeCell ref="BD751:BG752"/>
    <mergeCell ref="BH751:BO753"/>
    <mergeCell ref="BP751:BR753"/>
    <mergeCell ref="BS751:BU756"/>
    <mergeCell ref="BV751:BX756"/>
    <mergeCell ref="BY751:CA756"/>
    <mergeCell ref="BH754:BO756"/>
    <mergeCell ref="BP754:BR756"/>
    <mergeCell ref="AZ749:BC750"/>
    <mergeCell ref="BD749:BG750"/>
    <mergeCell ref="AZ743:BC744"/>
    <mergeCell ref="BD743:BG744"/>
    <mergeCell ref="C745:G746"/>
    <mergeCell ref="H745:J750"/>
    <mergeCell ref="K745:M750"/>
    <mergeCell ref="N745:O750"/>
    <mergeCell ref="AB745:AG747"/>
    <mergeCell ref="AH745:AH747"/>
    <mergeCell ref="AL745:AL747"/>
    <mergeCell ref="AZ745:BC746"/>
    <mergeCell ref="C741:G742"/>
    <mergeCell ref="AZ741:BC742"/>
    <mergeCell ref="BD741:BG742"/>
    <mergeCell ref="U742:U744"/>
    <mergeCell ref="AB742:AG744"/>
    <mergeCell ref="AH742:AH744"/>
    <mergeCell ref="AL742:AL744"/>
    <mergeCell ref="AT742:AY744"/>
    <mergeCell ref="C743:G744"/>
    <mergeCell ref="AO743:AP743"/>
    <mergeCell ref="C747:G748"/>
    <mergeCell ref="AZ747:BC748"/>
    <mergeCell ref="BD747:BG748"/>
    <mergeCell ref="U748:U750"/>
    <mergeCell ref="AB748:AG750"/>
    <mergeCell ref="AH748:AH750"/>
    <mergeCell ref="AL748:AL750"/>
    <mergeCell ref="AT748:AY750"/>
    <mergeCell ref="C749:G750"/>
    <mergeCell ref="AO749:AP749"/>
    <mergeCell ref="BD745:BG746"/>
    <mergeCell ref="AB736:AG738"/>
    <mergeCell ref="AH736:AH738"/>
    <mergeCell ref="AL736:AL738"/>
    <mergeCell ref="AT736:AY738"/>
    <mergeCell ref="C737:G738"/>
    <mergeCell ref="AO737:AP737"/>
    <mergeCell ref="BD733:BG734"/>
    <mergeCell ref="BH733:BO735"/>
    <mergeCell ref="BP733:BR735"/>
    <mergeCell ref="BS733:BU738"/>
    <mergeCell ref="BV733:BX738"/>
    <mergeCell ref="BY733:CA738"/>
    <mergeCell ref="BH736:BO738"/>
    <mergeCell ref="BP736:BR738"/>
    <mergeCell ref="BD739:BG740"/>
    <mergeCell ref="BH739:BO741"/>
    <mergeCell ref="BP739:BR741"/>
    <mergeCell ref="BS739:BU744"/>
    <mergeCell ref="BV739:BX744"/>
    <mergeCell ref="BY739:CA744"/>
    <mergeCell ref="BH742:BO744"/>
    <mergeCell ref="BP742:BR744"/>
    <mergeCell ref="AZ737:BC738"/>
    <mergeCell ref="BD737:BG738"/>
    <mergeCell ref="C739:G740"/>
    <mergeCell ref="H739:J744"/>
    <mergeCell ref="K739:M744"/>
    <mergeCell ref="N739:O744"/>
    <mergeCell ref="AB739:AG741"/>
    <mergeCell ref="AH739:AH741"/>
    <mergeCell ref="AL739:AL741"/>
    <mergeCell ref="AZ739:BC740"/>
    <mergeCell ref="C727:G728"/>
    <mergeCell ref="H727:J732"/>
    <mergeCell ref="K727:M732"/>
    <mergeCell ref="N727:O732"/>
    <mergeCell ref="AB727:AG729"/>
    <mergeCell ref="AH727:AH729"/>
    <mergeCell ref="AL727:AL729"/>
    <mergeCell ref="AZ727:BC728"/>
    <mergeCell ref="AZ731:BC732"/>
    <mergeCell ref="BD731:BG732"/>
    <mergeCell ref="C733:G734"/>
    <mergeCell ref="H733:J738"/>
    <mergeCell ref="K733:M738"/>
    <mergeCell ref="N733:O738"/>
    <mergeCell ref="AB733:AG735"/>
    <mergeCell ref="AH733:AH735"/>
    <mergeCell ref="AL733:AL735"/>
    <mergeCell ref="AZ733:BC734"/>
    <mergeCell ref="C729:G730"/>
    <mergeCell ref="AZ729:BC730"/>
    <mergeCell ref="BD729:BG730"/>
    <mergeCell ref="U730:U732"/>
    <mergeCell ref="AB730:AG732"/>
    <mergeCell ref="AH730:AH732"/>
    <mergeCell ref="AL730:AL732"/>
    <mergeCell ref="AT730:AY732"/>
    <mergeCell ref="C731:G732"/>
    <mergeCell ref="AO731:AP731"/>
    <mergeCell ref="C735:G736"/>
    <mergeCell ref="AZ735:BC736"/>
    <mergeCell ref="BD735:BG736"/>
    <mergeCell ref="U736:U738"/>
    <mergeCell ref="BH721:BO723"/>
    <mergeCell ref="BP721:BR723"/>
    <mergeCell ref="BS721:BU726"/>
    <mergeCell ref="BV721:BX726"/>
    <mergeCell ref="BY721:CA726"/>
    <mergeCell ref="BH724:BO726"/>
    <mergeCell ref="BP724:BR726"/>
    <mergeCell ref="BD727:BG728"/>
    <mergeCell ref="BH727:BO729"/>
    <mergeCell ref="BP727:BR729"/>
    <mergeCell ref="BS727:BU732"/>
    <mergeCell ref="BV727:BX732"/>
    <mergeCell ref="BY727:CA732"/>
    <mergeCell ref="BH730:BO732"/>
    <mergeCell ref="BP730:BR732"/>
    <mergeCell ref="AZ725:BC726"/>
    <mergeCell ref="BD725:BG726"/>
    <mergeCell ref="AZ719:BC720"/>
    <mergeCell ref="BD719:BG720"/>
    <mergeCell ref="C721:G722"/>
    <mergeCell ref="H721:J726"/>
    <mergeCell ref="K721:M726"/>
    <mergeCell ref="N721:O726"/>
    <mergeCell ref="AB721:AG723"/>
    <mergeCell ref="AH721:AH723"/>
    <mergeCell ref="AL721:AL723"/>
    <mergeCell ref="AZ721:BC722"/>
    <mergeCell ref="C717:G718"/>
    <mergeCell ref="AZ717:BC718"/>
    <mergeCell ref="BD717:BG718"/>
    <mergeCell ref="U718:U720"/>
    <mergeCell ref="AB718:AG720"/>
    <mergeCell ref="AH718:AH720"/>
    <mergeCell ref="AL718:AL720"/>
    <mergeCell ref="AT718:AY720"/>
    <mergeCell ref="C719:G720"/>
    <mergeCell ref="AO719:AP719"/>
    <mergeCell ref="C723:G724"/>
    <mergeCell ref="AZ723:BC724"/>
    <mergeCell ref="BD723:BG724"/>
    <mergeCell ref="U724:U726"/>
    <mergeCell ref="AB724:AG726"/>
    <mergeCell ref="AH724:AH726"/>
    <mergeCell ref="AL724:AL726"/>
    <mergeCell ref="AT724:AY726"/>
    <mergeCell ref="C725:G726"/>
    <mergeCell ref="AO725:AP725"/>
    <mergeCell ref="BD721:BG722"/>
    <mergeCell ref="AB712:AG714"/>
    <mergeCell ref="AH712:AH714"/>
    <mergeCell ref="AL712:AL714"/>
    <mergeCell ref="AT712:AY714"/>
    <mergeCell ref="C713:G714"/>
    <mergeCell ref="AO713:AP713"/>
    <mergeCell ref="BD709:BG710"/>
    <mergeCell ref="BH709:BO711"/>
    <mergeCell ref="BP709:BR711"/>
    <mergeCell ref="BS709:BU714"/>
    <mergeCell ref="BV709:BX714"/>
    <mergeCell ref="BY709:CA714"/>
    <mergeCell ref="BH712:BO714"/>
    <mergeCell ref="BP712:BR714"/>
    <mergeCell ref="BD715:BG716"/>
    <mergeCell ref="BH715:BO717"/>
    <mergeCell ref="BP715:BR717"/>
    <mergeCell ref="BS715:BU720"/>
    <mergeCell ref="BV715:BX720"/>
    <mergeCell ref="BY715:CA720"/>
    <mergeCell ref="BH718:BO720"/>
    <mergeCell ref="BP718:BR720"/>
    <mergeCell ref="AZ713:BC714"/>
    <mergeCell ref="BD713:BG714"/>
    <mergeCell ref="C715:G716"/>
    <mergeCell ref="H715:J720"/>
    <mergeCell ref="K715:M720"/>
    <mergeCell ref="N715:O720"/>
    <mergeCell ref="AB715:AG717"/>
    <mergeCell ref="AH715:AH717"/>
    <mergeCell ref="AL715:AL717"/>
    <mergeCell ref="AZ715:BC716"/>
    <mergeCell ref="C703:G704"/>
    <mergeCell ref="H703:J708"/>
    <mergeCell ref="K703:M708"/>
    <mergeCell ref="N703:O708"/>
    <mergeCell ref="AB703:AG705"/>
    <mergeCell ref="AH703:AH705"/>
    <mergeCell ref="AL703:AL705"/>
    <mergeCell ref="AZ703:BC704"/>
    <mergeCell ref="AZ707:BC708"/>
    <mergeCell ref="BD707:BG708"/>
    <mergeCell ref="C709:G710"/>
    <mergeCell ref="H709:J714"/>
    <mergeCell ref="K709:M714"/>
    <mergeCell ref="N709:O714"/>
    <mergeCell ref="AB709:AG711"/>
    <mergeCell ref="AH709:AH711"/>
    <mergeCell ref="AL709:AL711"/>
    <mergeCell ref="AZ709:BC710"/>
    <mergeCell ref="C705:G706"/>
    <mergeCell ref="AZ705:BC706"/>
    <mergeCell ref="BD705:BG706"/>
    <mergeCell ref="U706:U708"/>
    <mergeCell ref="AB706:AG708"/>
    <mergeCell ref="AH706:AH708"/>
    <mergeCell ref="AL706:AL708"/>
    <mergeCell ref="AT706:AY708"/>
    <mergeCell ref="C707:G708"/>
    <mergeCell ref="AO707:AP707"/>
    <mergeCell ref="C711:G712"/>
    <mergeCell ref="AZ711:BC712"/>
    <mergeCell ref="BD711:BG712"/>
    <mergeCell ref="U712:U714"/>
    <mergeCell ref="BH697:BO699"/>
    <mergeCell ref="BP697:BR699"/>
    <mergeCell ref="BS697:BU702"/>
    <mergeCell ref="BV697:BX702"/>
    <mergeCell ref="BY697:CA702"/>
    <mergeCell ref="BH700:BO702"/>
    <mergeCell ref="BP700:BR702"/>
    <mergeCell ref="BD703:BG704"/>
    <mergeCell ref="BH703:BO705"/>
    <mergeCell ref="BP703:BR705"/>
    <mergeCell ref="BS703:BU708"/>
    <mergeCell ref="BV703:BX708"/>
    <mergeCell ref="BY703:CA708"/>
    <mergeCell ref="BH706:BO708"/>
    <mergeCell ref="BP706:BR708"/>
    <mergeCell ref="AZ701:BC702"/>
    <mergeCell ref="BD701:BG702"/>
    <mergeCell ref="AZ695:BC696"/>
    <mergeCell ref="BD695:BG696"/>
    <mergeCell ref="C697:G698"/>
    <mergeCell ref="H697:J702"/>
    <mergeCell ref="K697:M702"/>
    <mergeCell ref="N697:O702"/>
    <mergeCell ref="AB697:AG699"/>
    <mergeCell ref="AH697:AH699"/>
    <mergeCell ref="AL697:AL699"/>
    <mergeCell ref="AZ697:BC698"/>
    <mergeCell ref="C693:G694"/>
    <mergeCell ref="AZ693:BC694"/>
    <mergeCell ref="BD693:BG694"/>
    <mergeCell ref="U694:U696"/>
    <mergeCell ref="AB694:AG696"/>
    <mergeCell ref="AH694:AH696"/>
    <mergeCell ref="AL694:AL696"/>
    <mergeCell ref="AT694:AY696"/>
    <mergeCell ref="C695:G696"/>
    <mergeCell ref="AO695:AP695"/>
    <mergeCell ref="C699:G700"/>
    <mergeCell ref="AZ699:BC700"/>
    <mergeCell ref="BD699:BG700"/>
    <mergeCell ref="U700:U702"/>
    <mergeCell ref="AB700:AG702"/>
    <mergeCell ref="AH700:AH702"/>
    <mergeCell ref="AL700:AL702"/>
    <mergeCell ref="AT700:AY702"/>
    <mergeCell ref="C701:G702"/>
    <mergeCell ref="AO701:AP701"/>
    <mergeCell ref="BD697:BG698"/>
    <mergeCell ref="AB688:AG690"/>
    <mergeCell ref="AH688:AH690"/>
    <mergeCell ref="AL688:AL690"/>
    <mergeCell ref="AT688:AY690"/>
    <mergeCell ref="C689:G690"/>
    <mergeCell ref="AO689:AP689"/>
    <mergeCell ref="BD685:BG686"/>
    <mergeCell ref="BH685:BO687"/>
    <mergeCell ref="BP685:BR687"/>
    <mergeCell ref="BS685:BU690"/>
    <mergeCell ref="BV685:BX690"/>
    <mergeCell ref="BY685:CA690"/>
    <mergeCell ref="BH688:BO690"/>
    <mergeCell ref="BP688:BR690"/>
    <mergeCell ref="BD691:BG692"/>
    <mergeCell ref="BH691:BO693"/>
    <mergeCell ref="BP691:BR693"/>
    <mergeCell ref="BS691:BU696"/>
    <mergeCell ref="BV691:BX696"/>
    <mergeCell ref="BY691:CA696"/>
    <mergeCell ref="BH694:BO696"/>
    <mergeCell ref="BP694:BR696"/>
    <mergeCell ref="AZ689:BC690"/>
    <mergeCell ref="BD689:BG690"/>
    <mergeCell ref="C691:G692"/>
    <mergeCell ref="H691:J696"/>
    <mergeCell ref="K691:M696"/>
    <mergeCell ref="N691:O696"/>
    <mergeCell ref="AB691:AG693"/>
    <mergeCell ref="AH691:AH693"/>
    <mergeCell ref="AL691:AL693"/>
    <mergeCell ref="AZ691:BC692"/>
    <mergeCell ref="C679:G680"/>
    <mergeCell ref="H679:J684"/>
    <mergeCell ref="K679:M684"/>
    <mergeCell ref="N679:O684"/>
    <mergeCell ref="AB679:AG681"/>
    <mergeCell ref="AH679:AH681"/>
    <mergeCell ref="AL679:AL681"/>
    <mergeCell ref="AZ679:BC680"/>
    <mergeCell ref="AZ683:BC684"/>
    <mergeCell ref="BD683:BG684"/>
    <mergeCell ref="C685:G686"/>
    <mergeCell ref="H685:J690"/>
    <mergeCell ref="K685:M690"/>
    <mergeCell ref="N685:O690"/>
    <mergeCell ref="AB685:AG687"/>
    <mergeCell ref="AH685:AH687"/>
    <mergeCell ref="AL685:AL687"/>
    <mergeCell ref="AZ685:BC686"/>
    <mergeCell ref="C681:G682"/>
    <mergeCell ref="AZ681:BC682"/>
    <mergeCell ref="BD681:BG682"/>
    <mergeCell ref="U682:U684"/>
    <mergeCell ref="AB682:AG684"/>
    <mergeCell ref="AH682:AH684"/>
    <mergeCell ref="AL682:AL684"/>
    <mergeCell ref="AT682:AY684"/>
    <mergeCell ref="C683:G684"/>
    <mergeCell ref="AO683:AP683"/>
    <mergeCell ref="C687:G688"/>
    <mergeCell ref="AZ687:BC688"/>
    <mergeCell ref="BD687:BG688"/>
    <mergeCell ref="U688:U690"/>
    <mergeCell ref="BH673:BO675"/>
    <mergeCell ref="BP673:BR675"/>
    <mergeCell ref="BS673:BU678"/>
    <mergeCell ref="BV673:BX678"/>
    <mergeCell ref="BY673:CA678"/>
    <mergeCell ref="BH676:BO678"/>
    <mergeCell ref="BP676:BR678"/>
    <mergeCell ref="BD679:BG680"/>
    <mergeCell ref="BH679:BO681"/>
    <mergeCell ref="BP679:BR681"/>
    <mergeCell ref="BS679:BU684"/>
    <mergeCell ref="BV679:BX684"/>
    <mergeCell ref="BY679:CA684"/>
    <mergeCell ref="BH682:BO684"/>
    <mergeCell ref="BP682:BR684"/>
    <mergeCell ref="AZ677:BC678"/>
    <mergeCell ref="BD677:BG678"/>
    <mergeCell ref="AZ671:BC672"/>
    <mergeCell ref="BD671:BG672"/>
    <mergeCell ref="C673:G674"/>
    <mergeCell ref="H673:J678"/>
    <mergeCell ref="K673:M678"/>
    <mergeCell ref="N673:O678"/>
    <mergeCell ref="AB673:AG675"/>
    <mergeCell ref="AH673:AH675"/>
    <mergeCell ref="AL673:AL675"/>
    <mergeCell ref="AZ673:BC674"/>
    <mergeCell ref="C669:G670"/>
    <mergeCell ref="AZ669:BC670"/>
    <mergeCell ref="BD669:BG670"/>
    <mergeCell ref="U670:U672"/>
    <mergeCell ref="AB670:AG672"/>
    <mergeCell ref="AH670:AH672"/>
    <mergeCell ref="AL670:AL672"/>
    <mergeCell ref="AT670:AY672"/>
    <mergeCell ref="C671:G672"/>
    <mergeCell ref="AO671:AP671"/>
    <mergeCell ref="C675:G676"/>
    <mergeCell ref="AZ675:BC676"/>
    <mergeCell ref="BD675:BG676"/>
    <mergeCell ref="U676:U678"/>
    <mergeCell ref="AB676:AG678"/>
    <mergeCell ref="AH676:AH678"/>
    <mergeCell ref="AL676:AL678"/>
    <mergeCell ref="AT676:AY678"/>
    <mergeCell ref="C677:G678"/>
    <mergeCell ref="AO677:AP677"/>
    <mergeCell ref="BD673:BG674"/>
    <mergeCell ref="AB664:AG666"/>
    <mergeCell ref="AH664:AH666"/>
    <mergeCell ref="AL664:AL666"/>
    <mergeCell ref="AT664:AY666"/>
    <mergeCell ref="C665:G666"/>
    <mergeCell ref="AO665:AP665"/>
    <mergeCell ref="BD661:BG662"/>
    <mergeCell ref="BH661:BO663"/>
    <mergeCell ref="BP661:BR663"/>
    <mergeCell ref="BS661:BU666"/>
    <mergeCell ref="BV661:BX666"/>
    <mergeCell ref="BY661:CA666"/>
    <mergeCell ref="BH664:BO666"/>
    <mergeCell ref="BP664:BR666"/>
    <mergeCell ref="BD667:BG668"/>
    <mergeCell ref="BH667:BO669"/>
    <mergeCell ref="BP667:BR669"/>
    <mergeCell ref="BS667:BU672"/>
    <mergeCell ref="BV667:BX672"/>
    <mergeCell ref="BY667:CA672"/>
    <mergeCell ref="BH670:BO672"/>
    <mergeCell ref="BP670:BR672"/>
    <mergeCell ref="AZ665:BC666"/>
    <mergeCell ref="BD665:BG666"/>
    <mergeCell ref="C667:G668"/>
    <mergeCell ref="H667:J672"/>
    <mergeCell ref="K667:M672"/>
    <mergeCell ref="N667:O672"/>
    <mergeCell ref="AB667:AG669"/>
    <mergeCell ref="AH667:AH669"/>
    <mergeCell ref="AL667:AL669"/>
    <mergeCell ref="AZ667:BC668"/>
    <mergeCell ref="C655:G656"/>
    <mergeCell ref="H655:J660"/>
    <mergeCell ref="K655:M660"/>
    <mergeCell ref="N655:O660"/>
    <mergeCell ref="AB655:AG657"/>
    <mergeCell ref="AH655:AH657"/>
    <mergeCell ref="AL655:AL657"/>
    <mergeCell ref="AZ655:BC656"/>
    <mergeCell ref="AZ659:BC660"/>
    <mergeCell ref="BD659:BG660"/>
    <mergeCell ref="C661:G662"/>
    <mergeCell ref="H661:J666"/>
    <mergeCell ref="K661:M666"/>
    <mergeCell ref="N661:O666"/>
    <mergeCell ref="AB661:AG663"/>
    <mergeCell ref="AH661:AH663"/>
    <mergeCell ref="AL661:AL663"/>
    <mergeCell ref="AZ661:BC662"/>
    <mergeCell ref="C657:G658"/>
    <mergeCell ref="AZ657:BC658"/>
    <mergeCell ref="BD657:BG658"/>
    <mergeCell ref="U658:U660"/>
    <mergeCell ref="AB658:AG660"/>
    <mergeCell ref="AH658:AH660"/>
    <mergeCell ref="AL658:AL660"/>
    <mergeCell ref="AT658:AY660"/>
    <mergeCell ref="C659:G660"/>
    <mergeCell ref="AO659:AP659"/>
    <mergeCell ref="C663:G664"/>
    <mergeCell ref="AZ663:BC664"/>
    <mergeCell ref="BD663:BG664"/>
    <mergeCell ref="U664:U666"/>
    <mergeCell ref="BH649:BO651"/>
    <mergeCell ref="BP649:BR651"/>
    <mergeCell ref="BS649:BU654"/>
    <mergeCell ref="BV649:BX654"/>
    <mergeCell ref="BY649:CA654"/>
    <mergeCell ref="BH652:BO654"/>
    <mergeCell ref="BP652:BR654"/>
    <mergeCell ref="BD655:BG656"/>
    <mergeCell ref="BH655:BO657"/>
    <mergeCell ref="BP655:BR657"/>
    <mergeCell ref="BS655:BU660"/>
    <mergeCell ref="BV655:BX660"/>
    <mergeCell ref="BY655:CA660"/>
    <mergeCell ref="BH658:BO660"/>
    <mergeCell ref="BP658:BR660"/>
    <mergeCell ref="AZ653:BC654"/>
    <mergeCell ref="BD653:BG654"/>
    <mergeCell ref="AZ647:BC648"/>
    <mergeCell ref="BD647:BG648"/>
    <mergeCell ref="C649:G650"/>
    <mergeCell ref="H649:J654"/>
    <mergeCell ref="K649:M654"/>
    <mergeCell ref="N649:O654"/>
    <mergeCell ref="AB649:AG651"/>
    <mergeCell ref="AH649:AH651"/>
    <mergeCell ref="AL649:AL651"/>
    <mergeCell ref="AZ649:BC650"/>
    <mergeCell ref="C645:G646"/>
    <mergeCell ref="AZ645:BC646"/>
    <mergeCell ref="BD645:BG646"/>
    <mergeCell ref="U646:U648"/>
    <mergeCell ref="AB646:AG648"/>
    <mergeCell ref="AH646:AH648"/>
    <mergeCell ref="AL646:AL648"/>
    <mergeCell ref="AT646:AY648"/>
    <mergeCell ref="C647:G648"/>
    <mergeCell ref="AO647:AP647"/>
    <mergeCell ref="C651:G652"/>
    <mergeCell ref="AZ651:BC652"/>
    <mergeCell ref="BD651:BG652"/>
    <mergeCell ref="U652:U654"/>
    <mergeCell ref="AB652:AG654"/>
    <mergeCell ref="AH652:AH654"/>
    <mergeCell ref="AL652:AL654"/>
    <mergeCell ref="AT652:AY654"/>
    <mergeCell ref="C653:G654"/>
    <mergeCell ref="AO653:AP653"/>
    <mergeCell ref="BD649:BG650"/>
    <mergeCell ref="AB640:AG642"/>
    <mergeCell ref="AH640:AH642"/>
    <mergeCell ref="AL640:AL642"/>
    <mergeCell ref="AT640:AY642"/>
    <mergeCell ref="C641:G642"/>
    <mergeCell ref="AO641:AP641"/>
    <mergeCell ref="BD637:BG638"/>
    <mergeCell ref="BH637:BO639"/>
    <mergeCell ref="BP637:BR639"/>
    <mergeCell ref="BS637:BU642"/>
    <mergeCell ref="BV637:BX642"/>
    <mergeCell ref="BY637:CA642"/>
    <mergeCell ref="BH640:BO642"/>
    <mergeCell ref="BP640:BR642"/>
    <mergeCell ref="BD643:BG644"/>
    <mergeCell ref="BH643:BO645"/>
    <mergeCell ref="BP643:BR645"/>
    <mergeCell ref="BS643:BU648"/>
    <mergeCell ref="BV643:BX648"/>
    <mergeCell ref="BY643:CA648"/>
    <mergeCell ref="BH646:BO648"/>
    <mergeCell ref="BP646:BR648"/>
    <mergeCell ref="AZ641:BC642"/>
    <mergeCell ref="BD641:BG642"/>
    <mergeCell ref="C643:G644"/>
    <mergeCell ref="H643:J648"/>
    <mergeCell ref="K643:M648"/>
    <mergeCell ref="N643:O648"/>
    <mergeCell ref="AB643:AG645"/>
    <mergeCell ref="AH643:AH645"/>
    <mergeCell ref="AL643:AL645"/>
    <mergeCell ref="AZ643:BC644"/>
    <mergeCell ref="C631:G632"/>
    <mergeCell ref="H631:J636"/>
    <mergeCell ref="K631:M636"/>
    <mergeCell ref="N631:O636"/>
    <mergeCell ref="AB631:AG633"/>
    <mergeCell ref="AH631:AH633"/>
    <mergeCell ref="AL631:AL633"/>
    <mergeCell ref="AZ631:BC632"/>
    <mergeCell ref="AZ635:BC636"/>
    <mergeCell ref="BD635:BG636"/>
    <mergeCell ref="C637:G638"/>
    <mergeCell ref="H637:J642"/>
    <mergeCell ref="K637:M642"/>
    <mergeCell ref="N637:O642"/>
    <mergeCell ref="AB637:AG639"/>
    <mergeCell ref="AH637:AH639"/>
    <mergeCell ref="AL637:AL639"/>
    <mergeCell ref="AZ637:BC638"/>
    <mergeCell ref="C633:G634"/>
    <mergeCell ref="AZ633:BC634"/>
    <mergeCell ref="BD633:BG634"/>
    <mergeCell ref="U634:U636"/>
    <mergeCell ref="AB634:AG636"/>
    <mergeCell ref="AH634:AH636"/>
    <mergeCell ref="AL634:AL636"/>
    <mergeCell ref="AT634:AY636"/>
    <mergeCell ref="C635:G636"/>
    <mergeCell ref="AO635:AP635"/>
    <mergeCell ref="C639:G640"/>
    <mergeCell ref="AZ639:BC640"/>
    <mergeCell ref="BD639:BG640"/>
    <mergeCell ref="U640:U642"/>
    <mergeCell ref="BH625:BO627"/>
    <mergeCell ref="BP625:BR627"/>
    <mergeCell ref="BS625:BU630"/>
    <mergeCell ref="BV625:BX630"/>
    <mergeCell ref="BY625:CA630"/>
    <mergeCell ref="BH628:BO630"/>
    <mergeCell ref="BP628:BR630"/>
    <mergeCell ref="BD631:BG632"/>
    <mergeCell ref="BH631:BO633"/>
    <mergeCell ref="BP631:BR633"/>
    <mergeCell ref="BS631:BU636"/>
    <mergeCell ref="BV631:BX636"/>
    <mergeCell ref="BY631:CA636"/>
    <mergeCell ref="BH634:BO636"/>
    <mergeCell ref="BP634:BR636"/>
    <mergeCell ref="AZ629:BC630"/>
    <mergeCell ref="BD629:BG630"/>
    <mergeCell ref="AZ623:BC624"/>
    <mergeCell ref="BD623:BG624"/>
    <mergeCell ref="C625:G626"/>
    <mergeCell ref="H625:J630"/>
    <mergeCell ref="K625:M630"/>
    <mergeCell ref="N625:O630"/>
    <mergeCell ref="AB625:AG627"/>
    <mergeCell ref="AH625:AH627"/>
    <mergeCell ref="AL625:AL627"/>
    <mergeCell ref="AZ625:BC626"/>
    <mergeCell ref="C621:G622"/>
    <mergeCell ref="AZ621:BC622"/>
    <mergeCell ref="BD621:BG622"/>
    <mergeCell ref="U622:U624"/>
    <mergeCell ref="AB622:AG624"/>
    <mergeCell ref="AH622:AH624"/>
    <mergeCell ref="AL622:AL624"/>
    <mergeCell ref="AT622:AY624"/>
    <mergeCell ref="C623:G624"/>
    <mergeCell ref="AO623:AP623"/>
    <mergeCell ref="C627:G628"/>
    <mergeCell ref="AZ627:BC628"/>
    <mergeCell ref="BD627:BG628"/>
    <mergeCell ref="U628:U630"/>
    <mergeCell ref="AB628:AG630"/>
    <mergeCell ref="AH628:AH630"/>
    <mergeCell ref="AL628:AL630"/>
    <mergeCell ref="AT628:AY630"/>
    <mergeCell ref="C629:G630"/>
    <mergeCell ref="AO629:AP629"/>
    <mergeCell ref="BD625:BG626"/>
    <mergeCell ref="AB616:AG618"/>
    <mergeCell ref="AH616:AH618"/>
    <mergeCell ref="AL616:AL618"/>
    <mergeCell ref="AT616:AY618"/>
    <mergeCell ref="C617:G618"/>
    <mergeCell ref="AO617:AP617"/>
    <mergeCell ref="BD613:BG614"/>
    <mergeCell ref="BH613:BO615"/>
    <mergeCell ref="BP613:BR615"/>
    <mergeCell ref="BS613:BU618"/>
    <mergeCell ref="BV613:BX618"/>
    <mergeCell ref="BY613:CA618"/>
    <mergeCell ref="BH616:BO618"/>
    <mergeCell ref="BP616:BR618"/>
    <mergeCell ref="BD619:BG620"/>
    <mergeCell ref="BH619:BO621"/>
    <mergeCell ref="BP619:BR621"/>
    <mergeCell ref="BS619:BU624"/>
    <mergeCell ref="BV619:BX624"/>
    <mergeCell ref="BY619:CA624"/>
    <mergeCell ref="BH622:BO624"/>
    <mergeCell ref="BP622:BR624"/>
    <mergeCell ref="AZ617:BC618"/>
    <mergeCell ref="BD617:BG618"/>
    <mergeCell ref="C619:G620"/>
    <mergeCell ref="H619:J624"/>
    <mergeCell ref="K619:M624"/>
    <mergeCell ref="N619:O624"/>
    <mergeCell ref="AB619:AG621"/>
    <mergeCell ref="AH619:AH621"/>
    <mergeCell ref="AL619:AL621"/>
    <mergeCell ref="AZ619:BC620"/>
    <mergeCell ref="C607:G608"/>
    <mergeCell ref="H607:J612"/>
    <mergeCell ref="K607:M612"/>
    <mergeCell ref="N607:O612"/>
    <mergeCell ref="AB607:AG609"/>
    <mergeCell ref="AH607:AH609"/>
    <mergeCell ref="AL607:AL609"/>
    <mergeCell ref="AZ607:BC608"/>
    <mergeCell ref="AZ611:BC612"/>
    <mergeCell ref="BD611:BG612"/>
    <mergeCell ref="C613:G614"/>
    <mergeCell ref="H613:J618"/>
    <mergeCell ref="K613:M618"/>
    <mergeCell ref="N613:O618"/>
    <mergeCell ref="AB613:AG615"/>
    <mergeCell ref="AH613:AH615"/>
    <mergeCell ref="AL613:AL615"/>
    <mergeCell ref="AZ613:BC614"/>
    <mergeCell ref="C609:G610"/>
    <mergeCell ref="AZ609:BC610"/>
    <mergeCell ref="BD609:BG610"/>
    <mergeCell ref="U610:U612"/>
    <mergeCell ref="AB610:AG612"/>
    <mergeCell ref="AH610:AH612"/>
    <mergeCell ref="AL610:AL612"/>
    <mergeCell ref="AT610:AY612"/>
    <mergeCell ref="C611:G612"/>
    <mergeCell ref="AO611:AP611"/>
    <mergeCell ref="C615:G616"/>
    <mergeCell ref="AZ615:BC616"/>
    <mergeCell ref="BD615:BG616"/>
    <mergeCell ref="U616:U618"/>
    <mergeCell ref="BH601:BO603"/>
    <mergeCell ref="BP601:BR603"/>
    <mergeCell ref="BS601:BU606"/>
    <mergeCell ref="BV601:BX606"/>
    <mergeCell ref="BY601:CA606"/>
    <mergeCell ref="BH604:BO606"/>
    <mergeCell ref="BP604:BR606"/>
    <mergeCell ref="BD607:BG608"/>
    <mergeCell ref="BH607:BO609"/>
    <mergeCell ref="BP607:BR609"/>
    <mergeCell ref="BS607:BU612"/>
    <mergeCell ref="BV607:BX612"/>
    <mergeCell ref="BY607:CA612"/>
    <mergeCell ref="BH610:BO612"/>
    <mergeCell ref="BP610:BR612"/>
    <mergeCell ref="AZ605:BC606"/>
    <mergeCell ref="BD605:BG606"/>
    <mergeCell ref="AZ599:BC600"/>
    <mergeCell ref="BD599:BG600"/>
    <mergeCell ref="C601:G602"/>
    <mergeCell ref="H601:J606"/>
    <mergeCell ref="K601:M606"/>
    <mergeCell ref="N601:O606"/>
    <mergeCell ref="AB601:AG603"/>
    <mergeCell ref="AH601:AH603"/>
    <mergeCell ref="AL601:AL603"/>
    <mergeCell ref="AZ601:BC602"/>
    <mergeCell ref="C597:G598"/>
    <mergeCell ref="AZ597:BC598"/>
    <mergeCell ref="BD597:BG598"/>
    <mergeCell ref="U598:U600"/>
    <mergeCell ref="AB598:AG600"/>
    <mergeCell ref="AH598:AH600"/>
    <mergeCell ref="AL598:AL600"/>
    <mergeCell ref="AT598:AY600"/>
    <mergeCell ref="C599:G600"/>
    <mergeCell ref="AO599:AP599"/>
    <mergeCell ref="C603:G604"/>
    <mergeCell ref="AZ603:BC604"/>
    <mergeCell ref="BD603:BG604"/>
    <mergeCell ref="U604:U606"/>
    <mergeCell ref="AB604:AG606"/>
    <mergeCell ref="AH604:AH606"/>
    <mergeCell ref="AL604:AL606"/>
    <mergeCell ref="AT604:AY606"/>
    <mergeCell ref="C605:G606"/>
    <mergeCell ref="AO605:AP605"/>
    <mergeCell ref="BD601:BG602"/>
    <mergeCell ref="AB592:AG594"/>
    <mergeCell ref="AH592:AH594"/>
    <mergeCell ref="AL592:AL594"/>
    <mergeCell ref="AT592:AY594"/>
    <mergeCell ref="C593:G594"/>
    <mergeCell ref="AO593:AP593"/>
    <mergeCell ref="BD589:BG590"/>
    <mergeCell ref="BH589:BO591"/>
    <mergeCell ref="BP589:BR591"/>
    <mergeCell ref="BS589:BU594"/>
    <mergeCell ref="BV589:BX594"/>
    <mergeCell ref="BY589:CA594"/>
    <mergeCell ref="BH592:BO594"/>
    <mergeCell ref="BP592:BR594"/>
    <mergeCell ref="BD595:BG596"/>
    <mergeCell ref="BH595:BO597"/>
    <mergeCell ref="BP595:BR597"/>
    <mergeCell ref="BS595:BU600"/>
    <mergeCell ref="BV595:BX600"/>
    <mergeCell ref="BY595:CA600"/>
    <mergeCell ref="BH598:BO600"/>
    <mergeCell ref="BP598:BR600"/>
    <mergeCell ref="AZ593:BC594"/>
    <mergeCell ref="BD593:BG594"/>
    <mergeCell ref="C595:G596"/>
    <mergeCell ref="H595:J600"/>
    <mergeCell ref="K595:M600"/>
    <mergeCell ref="N595:O600"/>
    <mergeCell ref="AB595:AG597"/>
    <mergeCell ref="AH595:AH597"/>
    <mergeCell ref="AL595:AL597"/>
    <mergeCell ref="AZ595:BC596"/>
    <mergeCell ref="C583:G584"/>
    <mergeCell ref="H583:J588"/>
    <mergeCell ref="K583:M588"/>
    <mergeCell ref="N583:O588"/>
    <mergeCell ref="AB583:AG585"/>
    <mergeCell ref="AH583:AH585"/>
    <mergeCell ref="AL583:AL585"/>
    <mergeCell ref="AZ583:BC584"/>
    <mergeCell ref="AZ587:BC588"/>
    <mergeCell ref="BD587:BG588"/>
    <mergeCell ref="C589:G590"/>
    <mergeCell ref="H589:J594"/>
    <mergeCell ref="K589:M594"/>
    <mergeCell ref="N589:O594"/>
    <mergeCell ref="AB589:AG591"/>
    <mergeCell ref="AH589:AH591"/>
    <mergeCell ref="AL589:AL591"/>
    <mergeCell ref="AZ589:BC590"/>
    <mergeCell ref="C585:G586"/>
    <mergeCell ref="AZ585:BC586"/>
    <mergeCell ref="BD585:BG586"/>
    <mergeCell ref="U586:U588"/>
    <mergeCell ref="AB586:AG588"/>
    <mergeCell ref="AH586:AH588"/>
    <mergeCell ref="AL586:AL588"/>
    <mergeCell ref="AT586:AY588"/>
    <mergeCell ref="C587:G588"/>
    <mergeCell ref="AO587:AP587"/>
    <mergeCell ref="C591:G592"/>
    <mergeCell ref="AZ591:BC592"/>
    <mergeCell ref="BD591:BG592"/>
    <mergeCell ref="U592:U594"/>
    <mergeCell ref="BH577:BO579"/>
    <mergeCell ref="BP577:BR579"/>
    <mergeCell ref="BS577:BU582"/>
    <mergeCell ref="BV577:BX582"/>
    <mergeCell ref="BY577:CA582"/>
    <mergeCell ref="BH580:BO582"/>
    <mergeCell ref="BP580:BR582"/>
    <mergeCell ref="BD583:BG584"/>
    <mergeCell ref="BH583:BO585"/>
    <mergeCell ref="BP583:BR585"/>
    <mergeCell ref="BS583:BU588"/>
    <mergeCell ref="BV583:BX588"/>
    <mergeCell ref="BY583:CA588"/>
    <mergeCell ref="BH586:BO588"/>
    <mergeCell ref="BP586:BR588"/>
    <mergeCell ref="AZ581:BC582"/>
    <mergeCell ref="BD581:BG582"/>
    <mergeCell ref="AZ575:BC576"/>
    <mergeCell ref="BD575:BG576"/>
    <mergeCell ref="C577:G578"/>
    <mergeCell ref="H577:J582"/>
    <mergeCell ref="K577:M582"/>
    <mergeCell ref="N577:O582"/>
    <mergeCell ref="AB577:AG579"/>
    <mergeCell ref="AH577:AH579"/>
    <mergeCell ref="AL577:AL579"/>
    <mergeCell ref="AZ577:BC578"/>
    <mergeCell ref="C573:G574"/>
    <mergeCell ref="AZ573:BC574"/>
    <mergeCell ref="BD573:BG574"/>
    <mergeCell ref="U574:U576"/>
    <mergeCell ref="AB574:AG576"/>
    <mergeCell ref="AH574:AH576"/>
    <mergeCell ref="AL574:AL576"/>
    <mergeCell ref="AT574:AY576"/>
    <mergeCell ref="C575:G576"/>
    <mergeCell ref="AO575:AP575"/>
    <mergeCell ref="C579:G580"/>
    <mergeCell ref="AZ579:BC580"/>
    <mergeCell ref="BD579:BG580"/>
    <mergeCell ref="U580:U582"/>
    <mergeCell ref="AB580:AG582"/>
    <mergeCell ref="AH580:AH582"/>
    <mergeCell ref="AL580:AL582"/>
    <mergeCell ref="AT580:AY582"/>
    <mergeCell ref="C581:G582"/>
    <mergeCell ref="AO581:AP581"/>
    <mergeCell ref="BD577:BG578"/>
    <mergeCell ref="AB568:AG570"/>
    <mergeCell ref="AH568:AH570"/>
    <mergeCell ref="AL568:AL570"/>
    <mergeCell ref="AT568:AY570"/>
    <mergeCell ref="C569:G570"/>
    <mergeCell ref="AO569:AP569"/>
    <mergeCell ref="BD565:BG566"/>
    <mergeCell ref="BH565:BO567"/>
    <mergeCell ref="BP565:BR567"/>
    <mergeCell ref="BS565:BU570"/>
    <mergeCell ref="BV565:BX570"/>
    <mergeCell ref="BY565:CA570"/>
    <mergeCell ref="BH568:BO570"/>
    <mergeCell ref="BP568:BR570"/>
    <mergeCell ref="BD571:BG572"/>
    <mergeCell ref="BH571:BO573"/>
    <mergeCell ref="BP571:BR573"/>
    <mergeCell ref="BS571:BU576"/>
    <mergeCell ref="BV571:BX576"/>
    <mergeCell ref="BY571:CA576"/>
    <mergeCell ref="BH574:BO576"/>
    <mergeCell ref="BP574:BR576"/>
    <mergeCell ref="AZ569:BC570"/>
    <mergeCell ref="BD569:BG570"/>
    <mergeCell ref="C571:G572"/>
    <mergeCell ref="H571:J576"/>
    <mergeCell ref="K571:M576"/>
    <mergeCell ref="N571:O576"/>
    <mergeCell ref="AB571:AG573"/>
    <mergeCell ref="AH571:AH573"/>
    <mergeCell ref="AL571:AL573"/>
    <mergeCell ref="AZ571:BC572"/>
    <mergeCell ref="C559:G560"/>
    <mergeCell ref="H559:J564"/>
    <mergeCell ref="K559:M564"/>
    <mergeCell ref="N559:O564"/>
    <mergeCell ref="AB559:AG561"/>
    <mergeCell ref="AH559:AH561"/>
    <mergeCell ref="AL559:AL561"/>
    <mergeCell ref="AZ559:BC560"/>
    <mergeCell ref="AZ563:BC564"/>
    <mergeCell ref="BD563:BG564"/>
    <mergeCell ref="C565:G566"/>
    <mergeCell ref="H565:J570"/>
    <mergeCell ref="K565:M570"/>
    <mergeCell ref="N565:O570"/>
    <mergeCell ref="AB565:AG567"/>
    <mergeCell ref="AH565:AH567"/>
    <mergeCell ref="AL565:AL567"/>
    <mergeCell ref="AZ565:BC566"/>
    <mergeCell ref="C561:G562"/>
    <mergeCell ref="AZ561:BC562"/>
    <mergeCell ref="BD561:BG562"/>
    <mergeCell ref="U562:U564"/>
    <mergeCell ref="AB562:AG564"/>
    <mergeCell ref="AH562:AH564"/>
    <mergeCell ref="AL562:AL564"/>
    <mergeCell ref="AT562:AY564"/>
    <mergeCell ref="C563:G564"/>
    <mergeCell ref="AO563:AP563"/>
    <mergeCell ref="C567:G568"/>
    <mergeCell ref="AZ567:BC568"/>
    <mergeCell ref="BD567:BG568"/>
    <mergeCell ref="U568:U570"/>
    <mergeCell ref="BH553:BO555"/>
    <mergeCell ref="BP553:BR555"/>
    <mergeCell ref="BS553:BU558"/>
    <mergeCell ref="BV553:BX558"/>
    <mergeCell ref="BY553:CA558"/>
    <mergeCell ref="BH556:BO558"/>
    <mergeCell ref="BP556:BR558"/>
    <mergeCell ref="BD559:BG560"/>
    <mergeCell ref="BH559:BO561"/>
    <mergeCell ref="BP559:BR561"/>
    <mergeCell ref="BS559:BU564"/>
    <mergeCell ref="BV559:BX564"/>
    <mergeCell ref="BY559:CA564"/>
    <mergeCell ref="BH562:BO564"/>
    <mergeCell ref="BP562:BR564"/>
    <mergeCell ref="AZ557:BC558"/>
    <mergeCell ref="BD557:BG558"/>
    <mergeCell ref="AZ551:BC552"/>
    <mergeCell ref="BD551:BG552"/>
    <mergeCell ref="C553:G554"/>
    <mergeCell ref="H553:J558"/>
    <mergeCell ref="K553:M558"/>
    <mergeCell ref="N553:O558"/>
    <mergeCell ref="AB553:AG555"/>
    <mergeCell ref="AH553:AH555"/>
    <mergeCell ref="AL553:AL555"/>
    <mergeCell ref="AZ553:BC554"/>
    <mergeCell ref="C549:G550"/>
    <mergeCell ref="AZ549:BC550"/>
    <mergeCell ref="BD549:BG550"/>
    <mergeCell ref="U550:U552"/>
    <mergeCell ref="AB550:AG552"/>
    <mergeCell ref="AH550:AH552"/>
    <mergeCell ref="AL550:AL552"/>
    <mergeCell ref="AT550:AY552"/>
    <mergeCell ref="C551:G552"/>
    <mergeCell ref="AO551:AP551"/>
    <mergeCell ref="C555:G556"/>
    <mergeCell ref="AZ555:BC556"/>
    <mergeCell ref="BD555:BG556"/>
    <mergeCell ref="U556:U558"/>
    <mergeCell ref="AB556:AG558"/>
    <mergeCell ref="AH556:AH558"/>
    <mergeCell ref="AL556:AL558"/>
    <mergeCell ref="AT556:AY558"/>
    <mergeCell ref="C557:G558"/>
    <mergeCell ref="AO557:AP557"/>
    <mergeCell ref="BD553:BG554"/>
    <mergeCell ref="AB544:AG546"/>
    <mergeCell ref="AH544:AH546"/>
    <mergeCell ref="AL544:AL546"/>
    <mergeCell ref="AT544:AY546"/>
    <mergeCell ref="C545:G546"/>
    <mergeCell ref="AO545:AP545"/>
    <mergeCell ref="BD541:BG542"/>
    <mergeCell ref="BH541:BO543"/>
    <mergeCell ref="BP541:BR543"/>
    <mergeCell ref="BS541:BU546"/>
    <mergeCell ref="BV541:BX546"/>
    <mergeCell ref="BY541:CA546"/>
    <mergeCell ref="BH544:BO546"/>
    <mergeCell ref="BP544:BR546"/>
    <mergeCell ref="BD547:BG548"/>
    <mergeCell ref="BH547:BO549"/>
    <mergeCell ref="BP547:BR549"/>
    <mergeCell ref="BS547:BU552"/>
    <mergeCell ref="BV547:BX552"/>
    <mergeCell ref="BY547:CA552"/>
    <mergeCell ref="BH550:BO552"/>
    <mergeCell ref="BP550:BR552"/>
    <mergeCell ref="AZ545:BC546"/>
    <mergeCell ref="BD545:BG546"/>
    <mergeCell ref="C547:G548"/>
    <mergeCell ref="H547:J552"/>
    <mergeCell ref="K547:M552"/>
    <mergeCell ref="N547:O552"/>
    <mergeCell ref="AB547:AG549"/>
    <mergeCell ref="AH547:AH549"/>
    <mergeCell ref="AL547:AL549"/>
    <mergeCell ref="AZ547:BC548"/>
    <mergeCell ref="C535:G536"/>
    <mergeCell ref="H535:J540"/>
    <mergeCell ref="K535:M540"/>
    <mergeCell ref="N535:O540"/>
    <mergeCell ref="AB535:AG537"/>
    <mergeCell ref="AH535:AH537"/>
    <mergeCell ref="AL535:AL537"/>
    <mergeCell ref="AZ535:BC536"/>
    <mergeCell ref="AZ539:BC540"/>
    <mergeCell ref="BD539:BG540"/>
    <mergeCell ref="C541:G542"/>
    <mergeCell ref="H541:J546"/>
    <mergeCell ref="K541:M546"/>
    <mergeCell ref="N541:O546"/>
    <mergeCell ref="AB541:AG543"/>
    <mergeCell ref="AH541:AH543"/>
    <mergeCell ref="AL541:AL543"/>
    <mergeCell ref="AZ541:BC542"/>
    <mergeCell ref="C537:G538"/>
    <mergeCell ref="AZ537:BC538"/>
    <mergeCell ref="BD537:BG538"/>
    <mergeCell ref="U538:U540"/>
    <mergeCell ref="AB538:AG540"/>
    <mergeCell ref="AH538:AH540"/>
    <mergeCell ref="AL538:AL540"/>
    <mergeCell ref="AT538:AY540"/>
    <mergeCell ref="C539:G540"/>
    <mergeCell ref="AO539:AP539"/>
    <mergeCell ref="C543:G544"/>
    <mergeCell ref="AZ543:BC544"/>
    <mergeCell ref="BD543:BG544"/>
    <mergeCell ref="U544:U546"/>
    <mergeCell ref="BH529:BO531"/>
    <mergeCell ref="BP529:BR531"/>
    <mergeCell ref="BS529:BU534"/>
    <mergeCell ref="BV529:BX534"/>
    <mergeCell ref="BY529:CA534"/>
    <mergeCell ref="BH532:BO534"/>
    <mergeCell ref="BP532:BR534"/>
    <mergeCell ref="BD535:BG536"/>
    <mergeCell ref="BH535:BO537"/>
    <mergeCell ref="BP535:BR537"/>
    <mergeCell ref="BS535:BU540"/>
    <mergeCell ref="BV535:BX540"/>
    <mergeCell ref="BY535:CA540"/>
    <mergeCell ref="BH538:BO540"/>
    <mergeCell ref="BP538:BR540"/>
    <mergeCell ref="AZ533:BC534"/>
    <mergeCell ref="BD533:BG534"/>
    <mergeCell ref="AZ527:BC528"/>
    <mergeCell ref="BD527:BG528"/>
    <mergeCell ref="C529:G530"/>
    <mergeCell ref="H529:J534"/>
    <mergeCell ref="K529:M534"/>
    <mergeCell ref="N529:O534"/>
    <mergeCell ref="AB529:AG531"/>
    <mergeCell ref="AH529:AH531"/>
    <mergeCell ref="AL529:AL531"/>
    <mergeCell ref="AZ529:BC530"/>
    <mergeCell ref="C525:G526"/>
    <mergeCell ref="AZ525:BC526"/>
    <mergeCell ref="BD525:BG526"/>
    <mergeCell ref="U526:U528"/>
    <mergeCell ref="AB526:AG528"/>
    <mergeCell ref="AH526:AH528"/>
    <mergeCell ref="AL526:AL528"/>
    <mergeCell ref="AT526:AY528"/>
    <mergeCell ref="C527:G528"/>
    <mergeCell ref="AO527:AP527"/>
    <mergeCell ref="C531:G532"/>
    <mergeCell ref="AZ531:BC532"/>
    <mergeCell ref="BD531:BG532"/>
    <mergeCell ref="U532:U534"/>
    <mergeCell ref="AB532:AG534"/>
    <mergeCell ref="AH532:AH534"/>
    <mergeCell ref="AL532:AL534"/>
    <mergeCell ref="AT532:AY534"/>
    <mergeCell ref="C533:G534"/>
    <mergeCell ref="AO533:AP533"/>
    <mergeCell ref="BD529:BG530"/>
    <mergeCell ref="AB520:AG522"/>
    <mergeCell ref="AH520:AH522"/>
    <mergeCell ref="AL520:AL522"/>
    <mergeCell ref="AT520:AY522"/>
    <mergeCell ref="C521:G522"/>
    <mergeCell ref="AO521:AP521"/>
    <mergeCell ref="BD517:BG518"/>
    <mergeCell ref="BH517:BO519"/>
    <mergeCell ref="BP517:BR519"/>
    <mergeCell ref="BS517:BU522"/>
    <mergeCell ref="BV517:BX522"/>
    <mergeCell ref="BY517:CA522"/>
    <mergeCell ref="BH520:BO522"/>
    <mergeCell ref="BP520:BR522"/>
    <mergeCell ref="BD523:BG524"/>
    <mergeCell ref="BH523:BO525"/>
    <mergeCell ref="BP523:BR525"/>
    <mergeCell ref="BS523:BU528"/>
    <mergeCell ref="BV523:BX528"/>
    <mergeCell ref="BY523:CA528"/>
    <mergeCell ref="BH526:BO528"/>
    <mergeCell ref="BP526:BR528"/>
    <mergeCell ref="AZ521:BC522"/>
    <mergeCell ref="BD521:BG522"/>
    <mergeCell ref="C523:G524"/>
    <mergeCell ref="H523:J528"/>
    <mergeCell ref="K523:M528"/>
    <mergeCell ref="N523:O528"/>
    <mergeCell ref="AB523:AG525"/>
    <mergeCell ref="AH523:AH525"/>
    <mergeCell ref="AL523:AL525"/>
    <mergeCell ref="AZ523:BC524"/>
    <mergeCell ref="C511:G512"/>
    <mergeCell ref="H511:J516"/>
    <mergeCell ref="K511:M516"/>
    <mergeCell ref="N511:O516"/>
    <mergeCell ref="AB511:AG513"/>
    <mergeCell ref="AH511:AH513"/>
    <mergeCell ref="AL511:AL513"/>
    <mergeCell ref="AZ511:BC512"/>
    <mergeCell ref="AZ515:BC516"/>
    <mergeCell ref="BD515:BG516"/>
    <mergeCell ref="C517:G518"/>
    <mergeCell ref="H517:J522"/>
    <mergeCell ref="K517:M522"/>
    <mergeCell ref="N517:O522"/>
    <mergeCell ref="AB517:AG519"/>
    <mergeCell ref="AH517:AH519"/>
    <mergeCell ref="AL517:AL519"/>
    <mergeCell ref="AZ517:BC518"/>
    <mergeCell ref="C513:G514"/>
    <mergeCell ref="AZ513:BC514"/>
    <mergeCell ref="BD513:BG514"/>
    <mergeCell ref="U514:U516"/>
    <mergeCell ref="AB514:AG516"/>
    <mergeCell ref="AH514:AH516"/>
    <mergeCell ref="AL514:AL516"/>
    <mergeCell ref="AT514:AY516"/>
    <mergeCell ref="C515:G516"/>
    <mergeCell ref="AO515:AP515"/>
    <mergeCell ref="C519:G520"/>
    <mergeCell ref="AZ519:BC520"/>
    <mergeCell ref="BD519:BG520"/>
    <mergeCell ref="U520:U522"/>
    <mergeCell ref="BH505:BO507"/>
    <mergeCell ref="BP505:BR507"/>
    <mergeCell ref="BS505:BU510"/>
    <mergeCell ref="BV505:BX510"/>
    <mergeCell ref="BY505:CA510"/>
    <mergeCell ref="BH508:BO510"/>
    <mergeCell ref="BP508:BR510"/>
    <mergeCell ref="BD511:BG512"/>
    <mergeCell ref="BH511:BO513"/>
    <mergeCell ref="BP511:BR513"/>
    <mergeCell ref="BS511:BU516"/>
    <mergeCell ref="BV511:BX516"/>
    <mergeCell ref="BY511:CA516"/>
    <mergeCell ref="BH514:BO516"/>
    <mergeCell ref="BP514:BR516"/>
    <mergeCell ref="AZ509:BC510"/>
    <mergeCell ref="BD509:BG510"/>
    <mergeCell ref="AZ503:BC504"/>
    <mergeCell ref="BD503:BG504"/>
    <mergeCell ref="C505:G506"/>
    <mergeCell ref="H505:J510"/>
    <mergeCell ref="K505:M510"/>
    <mergeCell ref="N505:O510"/>
    <mergeCell ref="AB505:AG507"/>
    <mergeCell ref="AH505:AH507"/>
    <mergeCell ref="AL505:AL507"/>
    <mergeCell ref="AZ505:BC506"/>
    <mergeCell ref="C501:G502"/>
    <mergeCell ref="AZ501:BC502"/>
    <mergeCell ref="BD501:BG502"/>
    <mergeCell ref="U502:U504"/>
    <mergeCell ref="AB502:AG504"/>
    <mergeCell ref="AH502:AH504"/>
    <mergeCell ref="AL502:AL504"/>
    <mergeCell ref="AT502:AY504"/>
    <mergeCell ref="C503:G504"/>
    <mergeCell ref="AO503:AP503"/>
    <mergeCell ref="C507:G508"/>
    <mergeCell ref="AZ507:BC508"/>
    <mergeCell ref="BD507:BG508"/>
    <mergeCell ref="U508:U510"/>
    <mergeCell ref="AB508:AG510"/>
    <mergeCell ref="AH508:AH510"/>
    <mergeCell ref="AL508:AL510"/>
    <mergeCell ref="AT508:AY510"/>
    <mergeCell ref="C509:G510"/>
    <mergeCell ref="AO509:AP509"/>
    <mergeCell ref="BD505:BG506"/>
    <mergeCell ref="AB496:AG498"/>
    <mergeCell ref="AH496:AH498"/>
    <mergeCell ref="AL496:AL498"/>
    <mergeCell ref="AT496:AY498"/>
    <mergeCell ref="C497:G498"/>
    <mergeCell ref="AO497:AP497"/>
    <mergeCell ref="BD493:BG494"/>
    <mergeCell ref="BH493:BO495"/>
    <mergeCell ref="BP493:BR495"/>
    <mergeCell ref="BS493:BU498"/>
    <mergeCell ref="BV493:BX498"/>
    <mergeCell ref="BY493:CA498"/>
    <mergeCell ref="BH496:BO498"/>
    <mergeCell ref="BP496:BR498"/>
    <mergeCell ref="BD499:BG500"/>
    <mergeCell ref="BH499:BO501"/>
    <mergeCell ref="BP499:BR501"/>
    <mergeCell ref="BS499:BU504"/>
    <mergeCell ref="BV499:BX504"/>
    <mergeCell ref="BY499:CA504"/>
    <mergeCell ref="BH502:BO504"/>
    <mergeCell ref="BP502:BR504"/>
    <mergeCell ref="AZ497:BC498"/>
    <mergeCell ref="BD497:BG498"/>
    <mergeCell ref="C499:G500"/>
    <mergeCell ref="H499:J504"/>
    <mergeCell ref="K499:M504"/>
    <mergeCell ref="N499:O504"/>
    <mergeCell ref="AB499:AG501"/>
    <mergeCell ref="AH499:AH501"/>
    <mergeCell ref="AL499:AL501"/>
    <mergeCell ref="AZ499:BC500"/>
    <mergeCell ref="C487:G488"/>
    <mergeCell ref="H487:J492"/>
    <mergeCell ref="K487:M492"/>
    <mergeCell ref="N487:O492"/>
    <mergeCell ref="AB487:AG489"/>
    <mergeCell ref="AH487:AH489"/>
    <mergeCell ref="AL487:AL489"/>
    <mergeCell ref="AZ487:BC488"/>
    <mergeCell ref="AZ491:BC492"/>
    <mergeCell ref="BD491:BG492"/>
    <mergeCell ref="C493:G494"/>
    <mergeCell ref="H493:J498"/>
    <mergeCell ref="K493:M498"/>
    <mergeCell ref="N493:O498"/>
    <mergeCell ref="AB493:AG495"/>
    <mergeCell ref="AH493:AH495"/>
    <mergeCell ref="AL493:AL495"/>
    <mergeCell ref="AZ493:BC494"/>
    <mergeCell ref="C489:G490"/>
    <mergeCell ref="AZ489:BC490"/>
    <mergeCell ref="BD489:BG490"/>
    <mergeCell ref="U490:U492"/>
    <mergeCell ref="AB490:AG492"/>
    <mergeCell ref="AH490:AH492"/>
    <mergeCell ref="AL490:AL492"/>
    <mergeCell ref="AT490:AY492"/>
    <mergeCell ref="C491:G492"/>
    <mergeCell ref="AO491:AP491"/>
    <mergeCell ref="C495:G496"/>
    <mergeCell ref="AZ495:BC496"/>
    <mergeCell ref="BD495:BG496"/>
    <mergeCell ref="U496:U498"/>
    <mergeCell ref="BH481:BO483"/>
    <mergeCell ref="BP481:BR483"/>
    <mergeCell ref="BS481:BU486"/>
    <mergeCell ref="BV481:BX486"/>
    <mergeCell ref="BY481:CA486"/>
    <mergeCell ref="BH484:BO486"/>
    <mergeCell ref="BP484:BR486"/>
    <mergeCell ref="BD487:BG488"/>
    <mergeCell ref="BH487:BO489"/>
    <mergeCell ref="BP487:BR489"/>
    <mergeCell ref="BS487:BU492"/>
    <mergeCell ref="BV487:BX492"/>
    <mergeCell ref="BY487:CA492"/>
    <mergeCell ref="BH490:BO492"/>
    <mergeCell ref="BP490:BR492"/>
    <mergeCell ref="AZ485:BC486"/>
    <mergeCell ref="BD485:BG486"/>
    <mergeCell ref="AZ479:BC480"/>
    <mergeCell ref="BD479:BG480"/>
    <mergeCell ref="C481:G482"/>
    <mergeCell ref="H481:J486"/>
    <mergeCell ref="K481:M486"/>
    <mergeCell ref="N481:O486"/>
    <mergeCell ref="AB481:AG483"/>
    <mergeCell ref="AH481:AH483"/>
    <mergeCell ref="AL481:AL483"/>
    <mergeCell ref="AZ481:BC482"/>
    <mergeCell ref="C477:G478"/>
    <mergeCell ref="AZ477:BC478"/>
    <mergeCell ref="BD477:BG478"/>
    <mergeCell ref="U478:U480"/>
    <mergeCell ref="AB478:AG480"/>
    <mergeCell ref="AH478:AH480"/>
    <mergeCell ref="AL478:AL480"/>
    <mergeCell ref="AT478:AY480"/>
    <mergeCell ref="C479:G480"/>
    <mergeCell ref="AO479:AP479"/>
    <mergeCell ref="C483:G484"/>
    <mergeCell ref="AZ483:BC484"/>
    <mergeCell ref="BD483:BG484"/>
    <mergeCell ref="U484:U486"/>
    <mergeCell ref="AB484:AG486"/>
    <mergeCell ref="AH484:AH486"/>
    <mergeCell ref="AL484:AL486"/>
    <mergeCell ref="AT484:AY486"/>
    <mergeCell ref="C485:G486"/>
    <mergeCell ref="AO485:AP485"/>
    <mergeCell ref="BD481:BG482"/>
    <mergeCell ref="AB472:AG474"/>
    <mergeCell ref="AH472:AH474"/>
    <mergeCell ref="AL472:AL474"/>
    <mergeCell ref="AT472:AY474"/>
    <mergeCell ref="C473:G474"/>
    <mergeCell ref="AO473:AP473"/>
    <mergeCell ref="BD469:BG470"/>
    <mergeCell ref="BH469:BO471"/>
    <mergeCell ref="BP469:BR471"/>
    <mergeCell ref="BS469:BU474"/>
    <mergeCell ref="BV469:BX474"/>
    <mergeCell ref="BY469:CA474"/>
    <mergeCell ref="BH472:BO474"/>
    <mergeCell ref="BP472:BR474"/>
    <mergeCell ref="BD475:BG476"/>
    <mergeCell ref="BH475:BO477"/>
    <mergeCell ref="BP475:BR477"/>
    <mergeCell ref="BS475:BU480"/>
    <mergeCell ref="BV475:BX480"/>
    <mergeCell ref="BY475:CA480"/>
    <mergeCell ref="BH478:BO480"/>
    <mergeCell ref="BP478:BR480"/>
    <mergeCell ref="AZ473:BC474"/>
    <mergeCell ref="BD473:BG474"/>
    <mergeCell ref="C475:G476"/>
    <mergeCell ref="H475:J480"/>
    <mergeCell ref="K475:M480"/>
    <mergeCell ref="N475:O480"/>
    <mergeCell ref="AB475:AG477"/>
    <mergeCell ref="AH475:AH477"/>
    <mergeCell ref="AL475:AL477"/>
    <mergeCell ref="AZ475:BC476"/>
    <mergeCell ref="C463:G464"/>
    <mergeCell ref="H463:J468"/>
    <mergeCell ref="K463:M468"/>
    <mergeCell ref="N463:O468"/>
    <mergeCell ref="AB463:AG465"/>
    <mergeCell ref="AH463:AH465"/>
    <mergeCell ref="AL463:AL465"/>
    <mergeCell ref="AZ463:BC464"/>
    <mergeCell ref="AZ467:BC468"/>
    <mergeCell ref="BD467:BG468"/>
    <mergeCell ref="C469:G470"/>
    <mergeCell ref="H469:J474"/>
    <mergeCell ref="K469:M474"/>
    <mergeCell ref="N469:O474"/>
    <mergeCell ref="AB469:AG471"/>
    <mergeCell ref="AH469:AH471"/>
    <mergeCell ref="AL469:AL471"/>
    <mergeCell ref="AZ469:BC470"/>
    <mergeCell ref="C465:G466"/>
    <mergeCell ref="AZ465:BC466"/>
    <mergeCell ref="BD465:BG466"/>
    <mergeCell ref="U466:U468"/>
    <mergeCell ref="AB466:AG468"/>
    <mergeCell ref="AH466:AH468"/>
    <mergeCell ref="AL466:AL468"/>
    <mergeCell ref="AT466:AY468"/>
    <mergeCell ref="C467:G468"/>
    <mergeCell ref="AO467:AP467"/>
    <mergeCell ref="C471:G472"/>
    <mergeCell ref="AZ471:BC472"/>
    <mergeCell ref="BD471:BG472"/>
    <mergeCell ref="U472:U474"/>
    <mergeCell ref="BH457:BO459"/>
    <mergeCell ref="BP457:BR459"/>
    <mergeCell ref="BS457:BU462"/>
    <mergeCell ref="BV457:BX462"/>
    <mergeCell ref="BY457:CA462"/>
    <mergeCell ref="BH460:BO462"/>
    <mergeCell ref="BP460:BR462"/>
    <mergeCell ref="BD463:BG464"/>
    <mergeCell ref="BH463:BO465"/>
    <mergeCell ref="BP463:BR465"/>
    <mergeCell ref="BS463:BU468"/>
    <mergeCell ref="BV463:BX468"/>
    <mergeCell ref="BY463:CA468"/>
    <mergeCell ref="BH466:BO468"/>
    <mergeCell ref="BP466:BR468"/>
    <mergeCell ref="AZ461:BC462"/>
    <mergeCell ref="BD461:BG462"/>
    <mergeCell ref="AZ455:BC456"/>
    <mergeCell ref="BD455:BG456"/>
    <mergeCell ref="C457:G458"/>
    <mergeCell ref="H457:J462"/>
    <mergeCell ref="K457:M462"/>
    <mergeCell ref="N457:O462"/>
    <mergeCell ref="AB457:AG459"/>
    <mergeCell ref="AH457:AH459"/>
    <mergeCell ref="AL457:AL459"/>
    <mergeCell ref="AZ457:BC458"/>
    <mergeCell ref="C453:G454"/>
    <mergeCell ref="AZ453:BC454"/>
    <mergeCell ref="BD453:BG454"/>
    <mergeCell ref="U454:U456"/>
    <mergeCell ref="AB454:AG456"/>
    <mergeCell ref="AH454:AH456"/>
    <mergeCell ref="AL454:AL456"/>
    <mergeCell ref="AT454:AY456"/>
    <mergeCell ref="C455:G456"/>
    <mergeCell ref="AO455:AP455"/>
    <mergeCell ref="C459:G460"/>
    <mergeCell ref="AZ459:BC460"/>
    <mergeCell ref="BD459:BG460"/>
    <mergeCell ref="U460:U462"/>
    <mergeCell ref="AB460:AG462"/>
    <mergeCell ref="AH460:AH462"/>
    <mergeCell ref="AL460:AL462"/>
    <mergeCell ref="AT460:AY462"/>
    <mergeCell ref="C461:G462"/>
    <mergeCell ref="AO461:AP461"/>
    <mergeCell ref="BD457:BG458"/>
    <mergeCell ref="AB448:AG450"/>
    <mergeCell ref="AH448:AH450"/>
    <mergeCell ref="AL448:AL450"/>
    <mergeCell ref="AT448:AY450"/>
    <mergeCell ref="C449:G450"/>
    <mergeCell ref="AO449:AP449"/>
    <mergeCell ref="BD445:BG446"/>
    <mergeCell ref="BH445:BO447"/>
    <mergeCell ref="BP445:BR447"/>
    <mergeCell ref="BS445:BU450"/>
    <mergeCell ref="BV445:BX450"/>
    <mergeCell ref="BY445:CA450"/>
    <mergeCell ref="BH448:BO450"/>
    <mergeCell ref="BP448:BR450"/>
    <mergeCell ref="BD451:BG452"/>
    <mergeCell ref="BH451:BO453"/>
    <mergeCell ref="BP451:BR453"/>
    <mergeCell ref="BS451:BU456"/>
    <mergeCell ref="BV451:BX456"/>
    <mergeCell ref="BY451:CA456"/>
    <mergeCell ref="BH454:BO456"/>
    <mergeCell ref="BP454:BR456"/>
    <mergeCell ref="AZ449:BC450"/>
    <mergeCell ref="BD449:BG450"/>
    <mergeCell ref="C451:G452"/>
    <mergeCell ref="H451:J456"/>
    <mergeCell ref="K451:M456"/>
    <mergeCell ref="N451:O456"/>
    <mergeCell ref="AB451:AG453"/>
    <mergeCell ref="AH451:AH453"/>
    <mergeCell ref="AL451:AL453"/>
    <mergeCell ref="AZ451:BC452"/>
    <mergeCell ref="C439:G440"/>
    <mergeCell ref="H439:J444"/>
    <mergeCell ref="K439:M444"/>
    <mergeCell ref="N439:O444"/>
    <mergeCell ref="AB439:AG441"/>
    <mergeCell ref="AH439:AH441"/>
    <mergeCell ref="AL439:AL441"/>
    <mergeCell ref="AZ439:BC440"/>
    <mergeCell ref="AZ443:BC444"/>
    <mergeCell ref="BD443:BG444"/>
    <mergeCell ref="C445:G446"/>
    <mergeCell ref="H445:J450"/>
    <mergeCell ref="K445:M450"/>
    <mergeCell ref="N445:O450"/>
    <mergeCell ref="AB445:AG447"/>
    <mergeCell ref="AH445:AH447"/>
    <mergeCell ref="AL445:AL447"/>
    <mergeCell ref="AZ445:BC446"/>
    <mergeCell ref="C441:G442"/>
    <mergeCell ref="AZ441:BC442"/>
    <mergeCell ref="BD441:BG442"/>
    <mergeCell ref="U442:U444"/>
    <mergeCell ref="AB442:AG444"/>
    <mergeCell ref="AH442:AH444"/>
    <mergeCell ref="AL442:AL444"/>
    <mergeCell ref="AT442:AY444"/>
    <mergeCell ref="C443:G444"/>
    <mergeCell ref="AO443:AP443"/>
    <mergeCell ref="C447:G448"/>
    <mergeCell ref="AZ447:BC448"/>
    <mergeCell ref="BD447:BG448"/>
    <mergeCell ref="U448:U450"/>
    <mergeCell ref="BH433:BO435"/>
    <mergeCell ref="BP433:BR435"/>
    <mergeCell ref="BS433:BU438"/>
    <mergeCell ref="BV433:BX438"/>
    <mergeCell ref="BY433:CA438"/>
    <mergeCell ref="BH436:BO438"/>
    <mergeCell ref="BP436:BR438"/>
    <mergeCell ref="BD439:BG440"/>
    <mergeCell ref="BH439:BO441"/>
    <mergeCell ref="BP439:BR441"/>
    <mergeCell ref="BS439:BU444"/>
    <mergeCell ref="BV439:BX444"/>
    <mergeCell ref="BY439:CA444"/>
    <mergeCell ref="BH442:BO444"/>
    <mergeCell ref="BP442:BR444"/>
    <mergeCell ref="AZ437:BC438"/>
    <mergeCell ref="BD437:BG438"/>
    <mergeCell ref="AZ431:BC432"/>
    <mergeCell ref="BD431:BG432"/>
    <mergeCell ref="C433:G434"/>
    <mergeCell ref="H433:J438"/>
    <mergeCell ref="K433:M438"/>
    <mergeCell ref="N433:O438"/>
    <mergeCell ref="AB433:AG435"/>
    <mergeCell ref="AH433:AH435"/>
    <mergeCell ref="AL433:AL435"/>
    <mergeCell ref="AZ433:BC434"/>
    <mergeCell ref="C429:G430"/>
    <mergeCell ref="AZ429:BC430"/>
    <mergeCell ref="BD429:BG430"/>
    <mergeCell ref="U430:U432"/>
    <mergeCell ref="AB430:AG432"/>
    <mergeCell ref="AH430:AH432"/>
    <mergeCell ref="AL430:AL432"/>
    <mergeCell ref="AT430:AY432"/>
    <mergeCell ref="C431:G432"/>
    <mergeCell ref="AO431:AP431"/>
    <mergeCell ref="C435:G436"/>
    <mergeCell ref="AZ435:BC436"/>
    <mergeCell ref="BD435:BG436"/>
    <mergeCell ref="U436:U438"/>
    <mergeCell ref="AB436:AG438"/>
    <mergeCell ref="AH436:AH438"/>
    <mergeCell ref="AL436:AL438"/>
    <mergeCell ref="AT436:AY438"/>
    <mergeCell ref="C437:G438"/>
    <mergeCell ref="AO437:AP437"/>
    <mergeCell ref="BD433:BG434"/>
    <mergeCell ref="AB424:AG426"/>
    <mergeCell ref="AH424:AH426"/>
    <mergeCell ref="AL424:AL426"/>
    <mergeCell ref="AT424:AY426"/>
    <mergeCell ref="C425:G426"/>
    <mergeCell ref="AO425:AP425"/>
    <mergeCell ref="BD421:BG422"/>
    <mergeCell ref="BH421:BO423"/>
    <mergeCell ref="BP421:BR423"/>
    <mergeCell ref="BS421:BU426"/>
    <mergeCell ref="BV421:BX426"/>
    <mergeCell ref="BY421:CA426"/>
    <mergeCell ref="BH424:BO426"/>
    <mergeCell ref="BP424:BR426"/>
    <mergeCell ref="BD427:BG428"/>
    <mergeCell ref="BH427:BO429"/>
    <mergeCell ref="BP427:BR429"/>
    <mergeCell ref="BS427:BU432"/>
    <mergeCell ref="BV427:BX432"/>
    <mergeCell ref="BY427:CA432"/>
    <mergeCell ref="BH430:BO432"/>
    <mergeCell ref="BP430:BR432"/>
    <mergeCell ref="AZ425:BC426"/>
    <mergeCell ref="BD425:BG426"/>
    <mergeCell ref="C427:G428"/>
    <mergeCell ref="H427:J432"/>
    <mergeCell ref="K427:M432"/>
    <mergeCell ref="N427:O432"/>
    <mergeCell ref="AB427:AG429"/>
    <mergeCell ref="AH427:AH429"/>
    <mergeCell ref="AL427:AL429"/>
    <mergeCell ref="AZ427:BC428"/>
    <mergeCell ref="C415:G416"/>
    <mergeCell ref="H415:J420"/>
    <mergeCell ref="K415:M420"/>
    <mergeCell ref="N415:O420"/>
    <mergeCell ref="AB415:AG417"/>
    <mergeCell ref="AH415:AH417"/>
    <mergeCell ref="AL415:AL417"/>
    <mergeCell ref="AZ415:BC416"/>
    <mergeCell ref="AZ419:BC420"/>
    <mergeCell ref="BD419:BG420"/>
    <mergeCell ref="C421:G422"/>
    <mergeCell ref="H421:J426"/>
    <mergeCell ref="K421:M426"/>
    <mergeCell ref="N421:O426"/>
    <mergeCell ref="AB421:AG423"/>
    <mergeCell ref="AH421:AH423"/>
    <mergeCell ref="AL421:AL423"/>
    <mergeCell ref="AZ421:BC422"/>
    <mergeCell ref="C417:G418"/>
    <mergeCell ref="AZ417:BC418"/>
    <mergeCell ref="BD417:BG418"/>
    <mergeCell ref="U418:U420"/>
    <mergeCell ref="AB418:AG420"/>
    <mergeCell ref="AH418:AH420"/>
    <mergeCell ref="AL418:AL420"/>
    <mergeCell ref="AT418:AY420"/>
    <mergeCell ref="C419:G420"/>
    <mergeCell ref="AO419:AP419"/>
    <mergeCell ref="C423:G424"/>
    <mergeCell ref="AZ423:BC424"/>
    <mergeCell ref="BD423:BG424"/>
    <mergeCell ref="U424:U426"/>
    <mergeCell ref="BH409:BO411"/>
    <mergeCell ref="BP409:BR411"/>
    <mergeCell ref="BS409:BU414"/>
    <mergeCell ref="BV409:BX414"/>
    <mergeCell ref="BY409:CA414"/>
    <mergeCell ref="BH412:BO414"/>
    <mergeCell ref="BP412:BR414"/>
    <mergeCell ref="BD415:BG416"/>
    <mergeCell ref="BH415:BO417"/>
    <mergeCell ref="BP415:BR417"/>
    <mergeCell ref="BS415:BU420"/>
    <mergeCell ref="BV415:BX420"/>
    <mergeCell ref="BY415:CA420"/>
    <mergeCell ref="BH418:BO420"/>
    <mergeCell ref="BP418:BR420"/>
    <mergeCell ref="AZ413:BC414"/>
    <mergeCell ref="BD413:BG414"/>
    <mergeCell ref="AZ407:BC408"/>
    <mergeCell ref="BD407:BG408"/>
    <mergeCell ref="C409:G410"/>
    <mergeCell ref="H409:J414"/>
    <mergeCell ref="K409:M414"/>
    <mergeCell ref="N409:O414"/>
    <mergeCell ref="AB409:AG411"/>
    <mergeCell ref="AH409:AH411"/>
    <mergeCell ref="AL409:AL411"/>
    <mergeCell ref="AZ409:BC410"/>
    <mergeCell ref="C405:G406"/>
    <mergeCell ref="AZ405:BC406"/>
    <mergeCell ref="BD405:BG406"/>
    <mergeCell ref="U406:U408"/>
    <mergeCell ref="AB406:AG408"/>
    <mergeCell ref="AH406:AH408"/>
    <mergeCell ref="AL406:AL408"/>
    <mergeCell ref="AT406:AY408"/>
    <mergeCell ref="C407:G408"/>
    <mergeCell ref="AO407:AP407"/>
    <mergeCell ref="C411:G412"/>
    <mergeCell ref="AZ411:BC412"/>
    <mergeCell ref="BD411:BG412"/>
    <mergeCell ref="U412:U414"/>
    <mergeCell ref="AB412:AG414"/>
    <mergeCell ref="AH412:AH414"/>
    <mergeCell ref="AL412:AL414"/>
    <mergeCell ref="AT412:AY414"/>
    <mergeCell ref="C413:G414"/>
    <mergeCell ref="AO413:AP413"/>
    <mergeCell ref="BD409:BG410"/>
    <mergeCell ref="AB400:AG402"/>
    <mergeCell ref="AH400:AH402"/>
    <mergeCell ref="AL400:AL402"/>
    <mergeCell ref="AT400:AY402"/>
    <mergeCell ref="C401:G402"/>
    <mergeCell ref="AO401:AP401"/>
    <mergeCell ref="BD397:BG398"/>
    <mergeCell ref="BH397:BO399"/>
    <mergeCell ref="BP397:BR399"/>
    <mergeCell ref="BS397:BU402"/>
    <mergeCell ref="BV397:BX402"/>
    <mergeCell ref="BY397:CA402"/>
    <mergeCell ref="BH400:BO402"/>
    <mergeCell ref="BP400:BR402"/>
    <mergeCell ref="BD403:BG404"/>
    <mergeCell ref="BH403:BO405"/>
    <mergeCell ref="BP403:BR405"/>
    <mergeCell ref="BS403:BU408"/>
    <mergeCell ref="BV403:BX408"/>
    <mergeCell ref="BY403:CA408"/>
    <mergeCell ref="BH406:BO408"/>
    <mergeCell ref="BP406:BR408"/>
    <mergeCell ref="AZ401:BC402"/>
    <mergeCell ref="BD401:BG402"/>
    <mergeCell ref="C403:G404"/>
    <mergeCell ref="H403:J408"/>
    <mergeCell ref="K403:M408"/>
    <mergeCell ref="N403:O408"/>
    <mergeCell ref="AB403:AG405"/>
    <mergeCell ref="AH403:AH405"/>
    <mergeCell ref="AL403:AL405"/>
    <mergeCell ref="AZ403:BC404"/>
    <mergeCell ref="C391:G392"/>
    <mergeCell ref="H391:J396"/>
    <mergeCell ref="K391:M396"/>
    <mergeCell ref="N391:O396"/>
    <mergeCell ref="AB391:AG393"/>
    <mergeCell ref="AH391:AH393"/>
    <mergeCell ref="AL391:AL393"/>
    <mergeCell ref="AZ391:BC392"/>
    <mergeCell ref="AZ395:BC396"/>
    <mergeCell ref="BD395:BG396"/>
    <mergeCell ref="C397:G398"/>
    <mergeCell ref="H397:J402"/>
    <mergeCell ref="K397:M402"/>
    <mergeCell ref="N397:O402"/>
    <mergeCell ref="AB397:AG399"/>
    <mergeCell ref="AH397:AH399"/>
    <mergeCell ref="AL397:AL399"/>
    <mergeCell ref="AZ397:BC398"/>
    <mergeCell ref="C393:G394"/>
    <mergeCell ref="AZ393:BC394"/>
    <mergeCell ref="BD393:BG394"/>
    <mergeCell ref="U394:U396"/>
    <mergeCell ref="AB394:AG396"/>
    <mergeCell ref="AH394:AH396"/>
    <mergeCell ref="AL394:AL396"/>
    <mergeCell ref="AT394:AY396"/>
    <mergeCell ref="C395:G396"/>
    <mergeCell ref="AO395:AP395"/>
    <mergeCell ref="C399:G400"/>
    <mergeCell ref="AZ399:BC400"/>
    <mergeCell ref="BD399:BG400"/>
    <mergeCell ref="U400:U402"/>
    <mergeCell ref="BH385:BO387"/>
    <mergeCell ref="BP385:BR387"/>
    <mergeCell ref="BS385:BU390"/>
    <mergeCell ref="BV385:BX390"/>
    <mergeCell ref="BY385:CA390"/>
    <mergeCell ref="BH388:BO390"/>
    <mergeCell ref="BP388:BR390"/>
    <mergeCell ref="BD391:BG392"/>
    <mergeCell ref="BH391:BO393"/>
    <mergeCell ref="BP391:BR393"/>
    <mergeCell ref="BS391:BU396"/>
    <mergeCell ref="BV391:BX396"/>
    <mergeCell ref="BY391:CA396"/>
    <mergeCell ref="BH394:BO396"/>
    <mergeCell ref="BP394:BR396"/>
    <mergeCell ref="AZ389:BC390"/>
    <mergeCell ref="BD389:BG390"/>
    <mergeCell ref="AZ383:BC384"/>
    <mergeCell ref="BD383:BG384"/>
    <mergeCell ref="C385:G386"/>
    <mergeCell ref="H385:J390"/>
    <mergeCell ref="K385:M390"/>
    <mergeCell ref="N385:O390"/>
    <mergeCell ref="AB385:AG387"/>
    <mergeCell ref="AH385:AH387"/>
    <mergeCell ref="AL385:AL387"/>
    <mergeCell ref="AZ385:BC386"/>
    <mergeCell ref="C381:G382"/>
    <mergeCell ref="AZ381:BC382"/>
    <mergeCell ref="BD381:BG382"/>
    <mergeCell ref="U382:U384"/>
    <mergeCell ref="AB382:AG384"/>
    <mergeCell ref="AH382:AH384"/>
    <mergeCell ref="AL382:AL384"/>
    <mergeCell ref="AT382:AY384"/>
    <mergeCell ref="C383:G384"/>
    <mergeCell ref="AO383:AP383"/>
    <mergeCell ref="C387:G388"/>
    <mergeCell ref="AZ387:BC388"/>
    <mergeCell ref="BD387:BG388"/>
    <mergeCell ref="U388:U390"/>
    <mergeCell ref="AB388:AG390"/>
    <mergeCell ref="AH388:AH390"/>
    <mergeCell ref="AL388:AL390"/>
    <mergeCell ref="AT388:AY390"/>
    <mergeCell ref="C389:G390"/>
    <mergeCell ref="AO389:AP389"/>
    <mergeCell ref="BD385:BG386"/>
    <mergeCell ref="AB376:AG378"/>
    <mergeCell ref="AH376:AH378"/>
    <mergeCell ref="AL376:AL378"/>
    <mergeCell ref="AT376:AY378"/>
    <mergeCell ref="C377:G378"/>
    <mergeCell ref="AO377:AP377"/>
    <mergeCell ref="BD373:BG374"/>
    <mergeCell ref="BH373:BO375"/>
    <mergeCell ref="BP373:BR375"/>
    <mergeCell ref="BS373:BU378"/>
    <mergeCell ref="BV373:BX378"/>
    <mergeCell ref="BY373:CA378"/>
    <mergeCell ref="BH376:BO378"/>
    <mergeCell ref="BP376:BR378"/>
    <mergeCell ref="BD379:BG380"/>
    <mergeCell ref="BH379:BO381"/>
    <mergeCell ref="BP379:BR381"/>
    <mergeCell ref="BS379:BU384"/>
    <mergeCell ref="BV379:BX384"/>
    <mergeCell ref="BY379:CA384"/>
    <mergeCell ref="BH382:BO384"/>
    <mergeCell ref="BP382:BR384"/>
    <mergeCell ref="AZ377:BC378"/>
    <mergeCell ref="BD377:BG378"/>
    <mergeCell ref="C379:G380"/>
    <mergeCell ref="H379:J384"/>
    <mergeCell ref="K379:M384"/>
    <mergeCell ref="N379:O384"/>
    <mergeCell ref="AB379:AG381"/>
    <mergeCell ref="AH379:AH381"/>
    <mergeCell ref="AL379:AL381"/>
    <mergeCell ref="AZ379:BC380"/>
    <mergeCell ref="C367:G368"/>
    <mergeCell ref="H367:J372"/>
    <mergeCell ref="K367:M372"/>
    <mergeCell ref="N367:O372"/>
    <mergeCell ref="AB367:AG369"/>
    <mergeCell ref="AH367:AH369"/>
    <mergeCell ref="AL367:AL369"/>
    <mergeCell ref="AZ367:BC368"/>
    <mergeCell ref="AZ371:BC372"/>
    <mergeCell ref="BD371:BG372"/>
    <mergeCell ref="C373:G374"/>
    <mergeCell ref="H373:J378"/>
    <mergeCell ref="K373:M378"/>
    <mergeCell ref="N373:O378"/>
    <mergeCell ref="AB373:AG375"/>
    <mergeCell ref="AH373:AH375"/>
    <mergeCell ref="AL373:AL375"/>
    <mergeCell ref="AZ373:BC374"/>
    <mergeCell ref="C369:G370"/>
    <mergeCell ref="AZ369:BC370"/>
    <mergeCell ref="BD369:BG370"/>
    <mergeCell ref="U370:U372"/>
    <mergeCell ref="AB370:AG372"/>
    <mergeCell ref="AH370:AH372"/>
    <mergeCell ref="AL370:AL372"/>
    <mergeCell ref="AT370:AY372"/>
    <mergeCell ref="C371:G372"/>
    <mergeCell ref="AO371:AP371"/>
    <mergeCell ref="C375:G376"/>
    <mergeCell ref="AZ375:BC376"/>
    <mergeCell ref="BD375:BG376"/>
    <mergeCell ref="U376:U378"/>
    <mergeCell ref="BH361:BO363"/>
    <mergeCell ref="BP361:BR363"/>
    <mergeCell ref="BS361:BU366"/>
    <mergeCell ref="BV361:BX366"/>
    <mergeCell ref="BY361:CA366"/>
    <mergeCell ref="BH364:BO366"/>
    <mergeCell ref="BP364:BR366"/>
    <mergeCell ref="BD367:BG368"/>
    <mergeCell ref="BH367:BO369"/>
    <mergeCell ref="BP367:BR369"/>
    <mergeCell ref="BS367:BU372"/>
    <mergeCell ref="BV367:BX372"/>
    <mergeCell ref="BY367:CA372"/>
    <mergeCell ref="BH370:BO372"/>
    <mergeCell ref="BP370:BR372"/>
    <mergeCell ref="AZ365:BC366"/>
    <mergeCell ref="BD365:BG366"/>
    <mergeCell ref="AZ359:BC360"/>
    <mergeCell ref="BD359:BG360"/>
    <mergeCell ref="C361:G362"/>
    <mergeCell ref="H361:J366"/>
    <mergeCell ref="K361:M366"/>
    <mergeCell ref="N361:O366"/>
    <mergeCell ref="AB361:AG363"/>
    <mergeCell ref="AH361:AH363"/>
    <mergeCell ref="AL361:AL363"/>
    <mergeCell ref="AZ361:BC362"/>
    <mergeCell ref="C357:G358"/>
    <mergeCell ref="AZ357:BC358"/>
    <mergeCell ref="BD357:BG358"/>
    <mergeCell ref="U358:U360"/>
    <mergeCell ref="AB358:AG360"/>
    <mergeCell ref="AH358:AH360"/>
    <mergeCell ref="AL358:AL360"/>
    <mergeCell ref="AT358:AY360"/>
    <mergeCell ref="C359:G360"/>
    <mergeCell ref="AO359:AP359"/>
    <mergeCell ref="C363:G364"/>
    <mergeCell ref="AZ363:BC364"/>
    <mergeCell ref="BD363:BG364"/>
    <mergeCell ref="U364:U366"/>
    <mergeCell ref="AB364:AG366"/>
    <mergeCell ref="AH364:AH366"/>
    <mergeCell ref="AL364:AL366"/>
    <mergeCell ref="AT364:AY366"/>
    <mergeCell ref="C365:G366"/>
    <mergeCell ref="AO365:AP365"/>
    <mergeCell ref="BD361:BG362"/>
    <mergeCell ref="AB352:AG354"/>
    <mergeCell ref="AH352:AH354"/>
    <mergeCell ref="AL352:AL354"/>
    <mergeCell ref="AT352:AY354"/>
    <mergeCell ref="C353:G354"/>
    <mergeCell ref="AO353:AP353"/>
    <mergeCell ref="BD349:BG350"/>
    <mergeCell ref="BH349:BO351"/>
    <mergeCell ref="BP349:BR351"/>
    <mergeCell ref="BS349:BU354"/>
    <mergeCell ref="BV349:BX354"/>
    <mergeCell ref="BY349:CA354"/>
    <mergeCell ref="BH352:BO354"/>
    <mergeCell ref="BP352:BR354"/>
    <mergeCell ref="BD355:BG356"/>
    <mergeCell ref="BH355:BO357"/>
    <mergeCell ref="BP355:BR357"/>
    <mergeCell ref="BS355:BU360"/>
    <mergeCell ref="BV355:BX360"/>
    <mergeCell ref="BY355:CA360"/>
    <mergeCell ref="BH358:BO360"/>
    <mergeCell ref="BP358:BR360"/>
    <mergeCell ref="AZ353:BC354"/>
    <mergeCell ref="BD353:BG354"/>
    <mergeCell ref="C355:G356"/>
    <mergeCell ref="H355:J360"/>
    <mergeCell ref="K355:M360"/>
    <mergeCell ref="N355:O360"/>
    <mergeCell ref="AB355:AG357"/>
    <mergeCell ref="AH355:AH357"/>
    <mergeCell ref="AL355:AL357"/>
    <mergeCell ref="AZ355:BC356"/>
    <mergeCell ref="C343:G344"/>
    <mergeCell ref="H343:J348"/>
    <mergeCell ref="K343:M348"/>
    <mergeCell ref="N343:O348"/>
    <mergeCell ref="AB343:AG345"/>
    <mergeCell ref="AH343:AH345"/>
    <mergeCell ref="AL343:AL345"/>
    <mergeCell ref="AZ343:BC344"/>
    <mergeCell ref="AZ347:BC348"/>
    <mergeCell ref="BD347:BG348"/>
    <mergeCell ref="C349:G350"/>
    <mergeCell ref="H349:J354"/>
    <mergeCell ref="K349:M354"/>
    <mergeCell ref="N349:O354"/>
    <mergeCell ref="AB349:AG351"/>
    <mergeCell ref="AH349:AH351"/>
    <mergeCell ref="AL349:AL351"/>
    <mergeCell ref="AZ349:BC350"/>
    <mergeCell ref="C345:G346"/>
    <mergeCell ref="AZ345:BC346"/>
    <mergeCell ref="BD345:BG346"/>
    <mergeCell ref="U346:U348"/>
    <mergeCell ref="AB346:AG348"/>
    <mergeCell ref="AH346:AH348"/>
    <mergeCell ref="AL346:AL348"/>
    <mergeCell ref="AT346:AY348"/>
    <mergeCell ref="C347:G348"/>
    <mergeCell ref="AO347:AP347"/>
    <mergeCell ref="C351:G352"/>
    <mergeCell ref="AZ351:BC352"/>
    <mergeCell ref="BD351:BG352"/>
    <mergeCell ref="U352:U354"/>
    <mergeCell ref="BH337:BO339"/>
    <mergeCell ref="BP337:BR339"/>
    <mergeCell ref="BS337:BU342"/>
    <mergeCell ref="BV337:BX342"/>
    <mergeCell ref="BY337:CA342"/>
    <mergeCell ref="BH340:BO342"/>
    <mergeCell ref="BP340:BR342"/>
    <mergeCell ref="BD343:BG344"/>
    <mergeCell ref="BH343:BO345"/>
    <mergeCell ref="BP343:BR345"/>
    <mergeCell ref="BS343:BU348"/>
    <mergeCell ref="BV343:BX348"/>
    <mergeCell ref="BY343:CA348"/>
    <mergeCell ref="BH346:BO348"/>
    <mergeCell ref="BP346:BR348"/>
    <mergeCell ref="AZ341:BC342"/>
    <mergeCell ref="BD341:BG342"/>
    <mergeCell ref="AZ335:BC336"/>
    <mergeCell ref="BD335:BG336"/>
    <mergeCell ref="C337:G338"/>
    <mergeCell ref="H337:J342"/>
    <mergeCell ref="K337:M342"/>
    <mergeCell ref="N337:O342"/>
    <mergeCell ref="AB337:AG339"/>
    <mergeCell ref="AH337:AH339"/>
    <mergeCell ref="AL337:AL339"/>
    <mergeCell ref="AZ337:BC338"/>
    <mergeCell ref="C333:G334"/>
    <mergeCell ref="AZ333:BC334"/>
    <mergeCell ref="BD333:BG334"/>
    <mergeCell ref="U334:U336"/>
    <mergeCell ref="AB334:AG336"/>
    <mergeCell ref="AH334:AH336"/>
    <mergeCell ref="AL334:AL336"/>
    <mergeCell ref="AT334:AY336"/>
    <mergeCell ref="C335:G336"/>
    <mergeCell ref="AO335:AP335"/>
    <mergeCell ref="C339:G340"/>
    <mergeCell ref="AZ339:BC340"/>
    <mergeCell ref="BD339:BG340"/>
    <mergeCell ref="U340:U342"/>
    <mergeCell ref="AB340:AG342"/>
    <mergeCell ref="AH340:AH342"/>
    <mergeCell ref="AL340:AL342"/>
    <mergeCell ref="AT340:AY342"/>
    <mergeCell ref="C341:G342"/>
    <mergeCell ref="AO341:AP341"/>
    <mergeCell ref="BD337:BG338"/>
    <mergeCell ref="AB328:AG330"/>
    <mergeCell ref="AH328:AH330"/>
    <mergeCell ref="AL328:AL330"/>
    <mergeCell ref="AT328:AY330"/>
    <mergeCell ref="C329:G330"/>
    <mergeCell ref="AO329:AP329"/>
    <mergeCell ref="BD325:BG326"/>
    <mergeCell ref="BH325:BO327"/>
    <mergeCell ref="BP325:BR327"/>
    <mergeCell ref="BS325:BU330"/>
    <mergeCell ref="BV325:BX330"/>
    <mergeCell ref="BY325:CA330"/>
    <mergeCell ref="BH328:BO330"/>
    <mergeCell ref="BP328:BR330"/>
    <mergeCell ref="BD331:BG332"/>
    <mergeCell ref="BH331:BO333"/>
    <mergeCell ref="BP331:BR333"/>
    <mergeCell ref="BS331:BU336"/>
    <mergeCell ref="BV331:BX336"/>
    <mergeCell ref="BY331:CA336"/>
    <mergeCell ref="BH334:BO336"/>
    <mergeCell ref="BP334:BR336"/>
    <mergeCell ref="AZ329:BC330"/>
    <mergeCell ref="BD329:BG330"/>
    <mergeCell ref="C331:G332"/>
    <mergeCell ref="H331:J336"/>
    <mergeCell ref="K331:M336"/>
    <mergeCell ref="N331:O336"/>
    <mergeCell ref="AB331:AG333"/>
    <mergeCell ref="AH331:AH333"/>
    <mergeCell ref="AL331:AL333"/>
    <mergeCell ref="AZ331:BC332"/>
    <mergeCell ref="C319:G320"/>
    <mergeCell ref="H319:J324"/>
    <mergeCell ref="K319:M324"/>
    <mergeCell ref="N319:O324"/>
    <mergeCell ref="AB319:AG321"/>
    <mergeCell ref="AH319:AH321"/>
    <mergeCell ref="AL319:AL321"/>
    <mergeCell ref="AZ319:BC320"/>
    <mergeCell ref="AZ323:BC324"/>
    <mergeCell ref="BD323:BG324"/>
    <mergeCell ref="C325:G326"/>
    <mergeCell ref="H325:J330"/>
    <mergeCell ref="K325:M330"/>
    <mergeCell ref="N325:O330"/>
    <mergeCell ref="AB325:AG327"/>
    <mergeCell ref="AH325:AH327"/>
    <mergeCell ref="AL325:AL327"/>
    <mergeCell ref="AZ325:BC326"/>
    <mergeCell ref="C321:G322"/>
    <mergeCell ref="AZ321:BC322"/>
    <mergeCell ref="BD321:BG322"/>
    <mergeCell ref="U322:U324"/>
    <mergeCell ref="AB322:AG324"/>
    <mergeCell ref="AH322:AH324"/>
    <mergeCell ref="AL322:AL324"/>
    <mergeCell ref="AT322:AY324"/>
    <mergeCell ref="C323:G324"/>
    <mergeCell ref="AO323:AP323"/>
    <mergeCell ref="C327:G328"/>
    <mergeCell ref="AZ327:BC328"/>
    <mergeCell ref="BD327:BG328"/>
    <mergeCell ref="U328:U330"/>
    <mergeCell ref="BH313:BO315"/>
    <mergeCell ref="BP313:BR315"/>
    <mergeCell ref="BS313:BU318"/>
    <mergeCell ref="BV313:BX318"/>
    <mergeCell ref="BY313:CA318"/>
    <mergeCell ref="BH316:BO318"/>
    <mergeCell ref="BP316:BR318"/>
    <mergeCell ref="BD319:BG320"/>
    <mergeCell ref="BH319:BO321"/>
    <mergeCell ref="BP319:BR321"/>
    <mergeCell ref="BS319:BU324"/>
    <mergeCell ref="BV319:BX324"/>
    <mergeCell ref="BY319:CA324"/>
    <mergeCell ref="BH322:BO324"/>
    <mergeCell ref="BP322:BR324"/>
    <mergeCell ref="AZ317:BC318"/>
    <mergeCell ref="BD317:BG318"/>
    <mergeCell ref="AZ311:BC312"/>
    <mergeCell ref="BD311:BG312"/>
    <mergeCell ref="C313:G314"/>
    <mergeCell ref="H313:J318"/>
    <mergeCell ref="K313:M318"/>
    <mergeCell ref="N313:O318"/>
    <mergeCell ref="AB313:AG315"/>
    <mergeCell ref="AH313:AH315"/>
    <mergeCell ref="AL313:AL315"/>
    <mergeCell ref="AZ313:BC314"/>
    <mergeCell ref="C309:G310"/>
    <mergeCell ref="AZ309:BC310"/>
    <mergeCell ref="BD309:BG310"/>
    <mergeCell ref="U310:U312"/>
    <mergeCell ref="AB310:AG312"/>
    <mergeCell ref="AH310:AH312"/>
    <mergeCell ref="AL310:AL312"/>
    <mergeCell ref="AT310:AY312"/>
    <mergeCell ref="C311:G312"/>
    <mergeCell ref="AO311:AP311"/>
    <mergeCell ref="C315:G316"/>
    <mergeCell ref="AZ315:BC316"/>
    <mergeCell ref="BD315:BG316"/>
    <mergeCell ref="U316:U318"/>
    <mergeCell ref="AB316:AG318"/>
    <mergeCell ref="AH316:AH318"/>
    <mergeCell ref="AL316:AL318"/>
    <mergeCell ref="AT316:AY318"/>
    <mergeCell ref="C317:G318"/>
    <mergeCell ref="AO317:AP317"/>
    <mergeCell ref="BD313:BG314"/>
    <mergeCell ref="AB304:AG306"/>
    <mergeCell ref="AH304:AH306"/>
    <mergeCell ref="AL304:AL306"/>
    <mergeCell ref="AT304:AY306"/>
    <mergeCell ref="C305:G306"/>
    <mergeCell ref="AO305:AP305"/>
    <mergeCell ref="BD301:BG302"/>
    <mergeCell ref="BH301:BO303"/>
    <mergeCell ref="BP301:BR303"/>
    <mergeCell ref="BS301:BU306"/>
    <mergeCell ref="BV301:BX306"/>
    <mergeCell ref="BY301:CA306"/>
    <mergeCell ref="BH304:BO306"/>
    <mergeCell ref="BP304:BR306"/>
    <mergeCell ref="BD307:BG308"/>
    <mergeCell ref="BH307:BO309"/>
    <mergeCell ref="BP307:BR309"/>
    <mergeCell ref="BS307:BU312"/>
    <mergeCell ref="BV307:BX312"/>
    <mergeCell ref="BY307:CA312"/>
    <mergeCell ref="BH310:BO312"/>
    <mergeCell ref="BP310:BR312"/>
    <mergeCell ref="AZ305:BC306"/>
    <mergeCell ref="BD305:BG306"/>
    <mergeCell ref="C307:G308"/>
    <mergeCell ref="H307:J312"/>
    <mergeCell ref="K307:M312"/>
    <mergeCell ref="N307:O312"/>
    <mergeCell ref="AB307:AG309"/>
    <mergeCell ref="AH307:AH309"/>
    <mergeCell ref="AL307:AL309"/>
    <mergeCell ref="AZ307:BC308"/>
    <mergeCell ref="C295:G296"/>
    <mergeCell ref="H295:J300"/>
    <mergeCell ref="K295:M300"/>
    <mergeCell ref="N295:O300"/>
    <mergeCell ref="AB295:AG297"/>
    <mergeCell ref="AH295:AH297"/>
    <mergeCell ref="AL295:AL297"/>
    <mergeCell ref="AZ295:BC296"/>
    <mergeCell ref="AZ299:BC300"/>
    <mergeCell ref="BD299:BG300"/>
    <mergeCell ref="C301:G302"/>
    <mergeCell ref="H301:J306"/>
    <mergeCell ref="K301:M306"/>
    <mergeCell ref="N301:O306"/>
    <mergeCell ref="AB301:AG303"/>
    <mergeCell ref="AH301:AH303"/>
    <mergeCell ref="AL301:AL303"/>
    <mergeCell ref="AZ301:BC302"/>
    <mergeCell ref="C297:G298"/>
    <mergeCell ref="AZ297:BC298"/>
    <mergeCell ref="BD297:BG298"/>
    <mergeCell ref="U298:U300"/>
    <mergeCell ref="AB298:AG300"/>
    <mergeCell ref="AH298:AH300"/>
    <mergeCell ref="AL298:AL300"/>
    <mergeCell ref="AT298:AY300"/>
    <mergeCell ref="C299:G300"/>
    <mergeCell ref="AO299:AP299"/>
    <mergeCell ref="C303:G304"/>
    <mergeCell ref="AZ303:BC304"/>
    <mergeCell ref="BD303:BG304"/>
    <mergeCell ref="U304:U306"/>
    <mergeCell ref="BH289:BO291"/>
    <mergeCell ref="BP289:BR291"/>
    <mergeCell ref="BS289:BU294"/>
    <mergeCell ref="BV289:BX294"/>
    <mergeCell ref="BY289:CA294"/>
    <mergeCell ref="BH292:BO294"/>
    <mergeCell ref="BP292:BR294"/>
    <mergeCell ref="BD295:BG296"/>
    <mergeCell ref="BH295:BO297"/>
    <mergeCell ref="BP295:BR297"/>
    <mergeCell ref="BS295:BU300"/>
    <mergeCell ref="BV295:BX300"/>
    <mergeCell ref="BY295:CA300"/>
    <mergeCell ref="BH298:BO300"/>
    <mergeCell ref="BP298:BR300"/>
    <mergeCell ref="AZ293:BC294"/>
    <mergeCell ref="BD293:BG294"/>
    <mergeCell ref="AZ287:BC288"/>
    <mergeCell ref="BD287:BG288"/>
    <mergeCell ref="C289:G290"/>
    <mergeCell ref="H289:J294"/>
    <mergeCell ref="K289:M294"/>
    <mergeCell ref="N289:O294"/>
    <mergeCell ref="AB289:AG291"/>
    <mergeCell ref="AH289:AH291"/>
    <mergeCell ref="AL289:AL291"/>
    <mergeCell ref="AZ289:BC290"/>
    <mergeCell ref="C285:G286"/>
    <mergeCell ref="AZ285:BC286"/>
    <mergeCell ref="BD285:BG286"/>
    <mergeCell ref="U286:U288"/>
    <mergeCell ref="AB286:AG288"/>
    <mergeCell ref="AH286:AH288"/>
    <mergeCell ref="AL286:AL288"/>
    <mergeCell ref="AT286:AY288"/>
    <mergeCell ref="C287:G288"/>
    <mergeCell ref="AO287:AP287"/>
    <mergeCell ref="C291:G292"/>
    <mergeCell ref="AZ291:BC292"/>
    <mergeCell ref="BD291:BG292"/>
    <mergeCell ref="U292:U294"/>
    <mergeCell ref="AB292:AG294"/>
    <mergeCell ref="AH292:AH294"/>
    <mergeCell ref="AL292:AL294"/>
    <mergeCell ref="AT292:AY294"/>
    <mergeCell ref="C293:G294"/>
    <mergeCell ref="AO293:AP293"/>
    <mergeCell ref="BD289:BG290"/>
    <mergeCell ref="AB280:AG282"/>
    <mergeCell ref="AH280:AH282"/>
    <mergeCell ref="AL280:AL282"/>
    <mergeCell ref="AT280:AY282"/>
    <mergeCell ref="C281:G282"/>
    <mergeCell ref="AO281:AP281"/>
    <mergeCell ref="BD277:BG278"/>
    <mergeCell ref="BH277:BO279"/>
    <mergeCell ref="BP277:BR279"/>
    <mergeCell ref="BS277:BU282"/>
    <mergeCell ref="BV277:BX282"/>
    <mergeCell ref="BY277:CA282"/>
    <mergeCell ref="BH280:BO282"/>
    <mergeCell ref="BP280:BR282"/>
    <mergeCell ref="BD283:BG284"/>
    <mergeCell ref="BH283:BO285"/>
    <mergeCell ref="BP283:BR285"/>
    <mergeCell ref="BS283:BU288"/>
    <mergeCell ref="BV283:BX288"/>
    <mergeCell ref="BY283:CA288"/>
    <mergeCell ref="BH286:BO288"/>
    <mergeCell ref="BP286:BR288"/>
    <mergeCell ref="AZ281:BC282"/>
    <mergeCell ref="BD281:BG282"/>
    <mergeCell ref="C283:G284"/>
    <mergeCell ref="H283:J288"/>
    <mergeCell ref="K283:M288"/>
    <mergeCell ref="N283:O288"/>
    <mergeCell ref="AB283:AG285"/>
    <mergeCell ref="AH283:AH285"/>
    <mergeCell ref="AL283:AL285"/>
    <mergeCell ref="AZ283:BC284"/>
    <mergeCell ref="C271:G272"/>
    <mergeCell ref="H271:J276"/>
    <mergeCell ref="K271:M276"/>
    <mergeCell ref="N271:O276"/>
    <mergeCell ref="AB271:AG273"/>
    <mergeCell ref="AH271:AH273"/>
    <mergeCell ref="AL271:AL273"/>
    <mergeCell ref="AZ271:BC272"/>
    <mergeCell ref="AZ275:BC276"/>
    <mergeCell ref="BD275:BG276"/>
    <mergeCell ref="C277:G278"/>
    <mergeCell ref="H277:J282"/>
    <mergeCell ref="K277:M282"/>
    <mergeCell ref="N277:O282"/>
    <mergeCell ref="AB277:AG279"/>
    <mergeCell ref="AH277:AH279"/>
    <mergeCell ref="AL277:AL279"/>
    <mergeCell ref="AZ277:BC278"/>
    <mergeCell ref="C273:G274"/>
    <mergeCell ref="AZ273:BC274"/>
    <mergeCell ref="BD273:BG274"/>
    <mergeCell ref="U274:U276"/>
    <mergeCell ref="AB274:AG276"/>
    <mergeCell ref="AH274:AH276"/>
    <mergeCell ref="AL274:AL276"/>
    <mergeCell ref="AT274:AY276"/>
    <mergeCell ref="C275:G276"/>
    <mergeCell ref="AO275:AP275"/>
    <mergeCell ref="C279:G280"/>
    <mergeCell ref="AZ279:BC280"/>
    <mergeCell ref="BD279:BG280"/>
    <mergeCell ref="U280:U282"/>
    <mergeCell ref="BH265:BO267"/>
    <mergeCell ref="BP265:BR267"/>
    <mergeCell ref="BS265:BU270"/>
    <mergeCell ref="BV265:BX270"/>
    <mergeCell ref="BY265:CA270"/>
    <mergeCell ref="BH268:BO270"/>
    <mergeCell ref="BP268:BR270"/>
    <mergeCell ref="BD271:BG272"/>
    <mergeCell ref="BH271:BO273"/>
    <mergeCell ref="BP271:BR273"/>
    <mergeCell ref="BS271:BU276"/>
    <mergeCell ref="BV271:BX276"/>
    <mergeCell ref="BY271:CA276"/>
    <mergeCell ref="BH274:BO276"/>
    <mergeCell ref="BP274:BR276"/>
    <mergeCell ref="AZ269:BC270"/>
    <mergeCell ref="BD269:BG270"/>
    <mergeCell ref="AZ263:BC264"/>
    <mergeCell ref="BD263:BG264"/>
    <mergeCell ref="C265:G266"/>
    <mergeCell ref="H265:J270"/>
    <mergeCell ref="K265:M270"/>
    <mergeCell ref="N265:O270"/>
    <mergeCell ref="AB265:AG267"/>
    <mergeCell ref="AH265:AH267"/>
    <mergeCell ref="AL265:AL267"/>
    <mergeCell ref="AZ265:BC266"/>
    <mergeCell ref="C261:G262"/>
    <mergeCell ref="AZ261:BC262"/>
    <mergeCell ref="BD261:BG262"/>
    <mergeCell ref="U262:U264"/>
    <mergeCell ref="AB262:AG264"/>
    <mergeCell ref="AH262:AH264"/>
    <mergeCell ref="AL262:AL264"/>
    <mergeCell ref="AT262:AY264"/>
    <mergeCell ref="C263:G264"/>
    <mergeCell ref="AO263:AP263"/>
    <mergeCell ref="C267:G268"/>
    <mergeCell ref="AZ267:BC268"/>
    <mergeCell ref="BD267:BG268"/>
    <mergeCell ref="U268:U270"/>
    <mergeCell ref="AB268:AG270"/>
    <mergeCell ref="AH268:AH270"/>
    <mergeCell ref="AL268:AL270"/>
    <mergeCell ref="AT268:AY270"/>
    <mergeCell ref="C269:G270"/>
    <mergeCell ref="AO269:AP269"/>
    <mergeCell ref="BD265:BG266"/>
    <mergeCell ref="AB256:AG258"/>
    <mergeCell ref="AH256:AH258"/>
    <mergeCell ref="AL256:AL258"/>
    <mergeCell ref="AT256:AY258"/>
    <mergeCell ref="C257:G258"/>
    <mergeCell ref="AO257:AP257"/>
    <mergeCell ref="BD253:BG254"/>
    <mergeCell ref="BH253:BO255"/>
    <mergeCell ref="BP253:BR255"/>
    <mergeCell ref="BS253:BU258"/>
    <mergeCell ref="BV253:BX258"/>
    <mergeCell ref="BY253:CA258"/>
    <mergeCell ref="BH256:BO258"/>
    <mergeCell ref="BP256:BR258"/>
    <mergeCell ref="BD259:BG260"/>
    <mergeCell ref="BH259:BO261"/>
    <mergeCell ref="BP259:BR261"/>
    <mergeCell ref="BS259:BU264"/>
    <mergeCell ref="BV259:BX264"/>
    <mergeCell ref="BY259:CA264"/>
    <mergeCell ref="BH262:BO264"/>
    <mergeCell ref="BP262:BR264"/>
    <mergeCell ref="AZ257:BC258"/>
    <mergeCell ref="BD257:BG258"/>
    <mergeCell ref="C259:G260"/>
    <mergeCell ref="H259:J264"/>
    <mergeCell ref="K259:M264"/>
    <mergeCell ref="N259:O264"/>
    <mergeCell ref="AB259:AG261"/>
    <mergeCell ref="AH259:AH261"/>
    <mergeCell ref="AL259:AL261"/>
    <mergeCell ref="AZ259:BC260"/>
    <mergeCell ref="C247:G248"/>
    <mergeCell ref="H247:J252"/>
    <mergeCell ref="K247:M252"/>
    <mergeCell ref="N247:O252"/>
    <mergeCell ref="AB247:AG249"/>
    <mergeCell ref="AH247:AH249"/>
    <mergeCell ref="AL247:AL249"/>
    <mergeCell ref="AZ247:BC248"/>
    <mergeCell ref="AZ251:BC252"/>
    <mergeCell ref="BD251:BG252"/>
    <mergeCell ref="C253:G254"/>
    <mergeCell ref="H253:J258"/>
    <mergeCell ref="K253:M258"/>
    <mergeCell ref="N253:O258"/>
    <mergeCell ref="AB253:AG255"/>
    <mergeCell ref="AH253:AH255"/>
    <mergeCell ref="AL253:AL255"/>
    <mergeCell ref="AZ253:BC254"/>
    <mergeCell ref="C249:G250"/>
    <mergeCell ref="AZ249:BC250"/>
    <mergeCell ref="BD249:BG250"/>
    <mergeCell ref="U250:U252"/>
    <mergeCell ref="AB250:AG252"/>
    <mergeCell ref="AH250:AH252"/>
    <mergeCell ref="AL250:AL252"/>
    <mergeCell ref="AT250:AY252"/>
    <mergeCell ref="C251:G252"/>
    <mergeCell ref="AO251:AP251"/>
    <mergeCell ref="C255:G256"/>
    <mergeCell ref="AZ255:BC256"/>
    <mergeCell ref="BD255:BG256"/>
    <mergeCell ref="U256:U258"/>
    <mergeCell ref="BH241:BO243"/>
    <mergeCell ref="BP241:BR243"/>
    <mergeCell ref="BS241:BU246"/>
    <mergeCell ref="BV241:BX246"/>
    <mergeCell ref="BY241:CA246"/>
    <mergeCell ref="BH244:BO246"/>
    <mergeCell ref="BP244:BR246"/>
    <mergeCell ref="BD247:BG248"/>
    <mergeCell ref="BH247:BO249"/>
    <mergeCell ref="BP247:BR249"/>
    <mergeCell ref="BS247:BU252"/>
    <mergeCell ref="BV247:BX252"/>
    <mergeCell ref="BY247:CA252"/>
    <mergeCell ref="BH250:BO252"/>
    <mergeCell ref="BP250:BR252"/>
    <mergeCell ref="AZ245:BC246"/>
    <mergeCell ref="BD245:BG246"/>
    <mergeCell ref="AZ239:BC240"/>
    <mergeCell ref="BD239:BG240"/>
    <mergeCell ref="C241:G242"/>
    <mergeCell ref="H241:J246"/>
    <mergeCell ref="K241:M246"/>
    <mergeCell ref="N241:O246"/>
    <mergeCell ref="AB241:AG243"/>
    <mergeCell ref="AH241:AH243"/>
    <mergeCell ref="AL241:AL243"/>
    <mergeCell ref="AZ241:BC242"/>
    <mergeCell ref="C237:G238"/>
    <mergeCell ref="AZ237:BC238"/>
    <mergeCell ref="BD237:BG238"/>
    <mergeCell ref="U238:U240"/>
    <mergeCell ref="AB238:AG240"/>
    <mergeCell ref="AH238:AH240"/>
    <mergeCell ref="AL238:AL240"/>
    <mergeCell ref="AT238:AY240"/>
    <mergeCell ref="C239:G240"/>
    <mergeCell ref="AO239:AP239"/>
    <mergeCell ref="C243:G244"/>
    <mergeCell ref="AZ243:BC244"/>
    <mergeCell ref="BD243:BG244"/>
    <mergeCell ref="U244:U246"/>
    <mergeCell ref="AB244:AG246"/>
    <mergeCell ref="AH244:AH246"/>
    <mergeCell ref="AL244:AL246"/>
    <mergeCell ref="AT244:AY246"/>
    <mergeCell ref="C245:G246"/>
    <mergeCell ref="AO245:AP245"/>
    <mergeCell ref="BD241:BG242"/>
    <mergeCell ref="AB232:AG234"/>
    <mergeCell ref="AH232:AH234"/>
    <mergeCell ref="AL232:AL234"/>
    <mergeCell ref="AT232:AY234"/>
    <mergeCell ref="C233:G234"/>
    <mergeCell ref="AO233:AP233"/>
    <mergeCell ref="BD229:BG230"/>
    <mergeCell ref="BH229:BO231"/>
    <mergeCell ref="BP229:BR231"/>
    <mergeCell ref="BS229:BU234"/>
    <mergeCell ref="BV229:BX234"/>
    <mergeCell ref="BY229:CA234"/>
    <mergeCell ref="BH232:BO234"/>
    <mergeCell ref="BP232:BR234"/>
    <mergeCell ref="BD235:BG236"/>
    <mergeCell ref="BH235:BO237"/>
    <mergeCell ref="BP235:BR237"/>
    <mergeCell ref="BS235:BU240"/>
    <mergeCell ref="BV235:BX240"/>
    <mergeCell ref="BY235:CA240"/>
    <mergeCell ref="BH238:BO240"/>
    <mergeCell ref="BP238:BR240"/>
    <mergeCell ref="AZ233:BC234"/>
    <mergeCell ref="BD233:BG234"/>
    <mergeCell ref="C235:G236"/>
    <mergeCell ref="H235:J240"/>
    <mergeCell ref="K235:M240"/>
    <mergeCell ref="N235:O240"/>
    <mergeCell ref="AB235:AG237"/>
    <mergeCell ref="AH235:AH237"/>
    <mergeCell ref="AL235:AL237"/>
    <mergeCell ref="AZ235:BC236"/>
    <mergeCell ref="C223:G224"/>
    <mergeCell ref="H223:J228"/>
    <mergeCell ref="K223:M228"/>
    <mergeCell ref="N223:O228"/>
    <mergeCell ref="AB223:AG225"/>
    <mergeCell ref="AH223:AH225"/>
    <mergeCell ref="AL223:AL225"/>
    <mergeCell ref="AZ223:BC224"/>
    <mergeCell ref="AZ227:BC228"/>
    <mergeCell ref="BD227:BG228"/>
    <mergeCell ref="C229:G230"/>
    <mergeCell ref="H229:J234"/>
    <mergeCell ref="K229:M234"/>
    <mergeCell ref="N229:O234"/>
    <mergeCell ref="AB229:AG231"/>
    <mergeCell ref="AH229:AH231"/>
    <mergeCell ref="AL229:AL231"/>
    <mergeCell ref="AZ229:BC230"/>
    <mergeCell ref="C225:G226"/>
    <mergeCell ref="AZ225:BC226"/>
    <mergeCell ref="BD225:BG226"/>
    <mergeCell ref="U226:U228"/>
    <mergeCell ref="AB226:AG228"/>
    <mergeCell ref="AH226:AH228"/>
    <mergeCell ref="AL226:AL228"/>
    <mergeCell ref="AT226:AY228"/>
    <mergeCell ref="C227:G228"/>
    <mergeCell ref="AO227:AP227"/>
    <mergeCell ref="C231:G232"/>
    <mergeCell ref="AZ231:BC232"/>
    <mergeCell ref="BD231:BG232"/>
    <mergeCell ref="U232:U234"/>
    <mergeCell ref="BH217:BO219"/>
    <mergeCell ref="BP217:BR219"/>
    <mergeCell ref="BS217:BU222"/>
    <mergeCell ref="BV217:BX222"/>
    <mergeCell ref="BY217:CA222"/>
    <mergeCell ref="BH220:BO222"/>
    <mergeCell ref="BP220:BR222"/>
    <mergeCell ref="BD223:BG224"/>
    <mergeCell ref="BH223:BO225"/>
    <mergeCell ref="BP223:BR225"/>
    <mergeCell ref="BS223:BU228"/>
    <mergeCell ref="BV223:BX228"/>
    <mergeCell ref="BY223:CA228"/>
    <mergeCell ref="BH226:BO228"/>
    <mergeCell ref="BP226:BR228"/>
    <mergeCell ref="AZ221:BC222"/>
    <mergeCell ref="BD221:BG222"/>
    <mergeCell ref="AZ215:BC216"/>
    <mergeCell ref="BD215:BG216"/>
    <mergeCell ref="C217:G218"/>
    <mergeCell ref="H217:J222"/>
    <mergeCell ref="K217:M222"/>
    <mergeCell ref="N217:O222"/>
    <mergeCell ref="AB217:AG219"/>
    <mergeCell ref="AH217:AH219"/>
    <mergeCell ref="AL217:AL219"/>
    <mergeCell ref="AZ217:BC218"/>
    <mergeCell ref="C213:G214"/>
    <mergeCell ref="AZ213:BC214"/>
    <mergeCell ref="BD213:BG214"/>
    <mergeCell ref="U214:U216"/>
    <mergeCell ref="AB214:AG216"/>
    <mergeCell ref="AH214:AH216"/>
    <mergeCell ref="AL214:AL216"/>
    <mergeCell ref="AT214:AY216"/>
    <mergeCell ref="C215:G216"/>
    <mergeCell ref="AO215:AP215"/>
    <mergeCell ref="C219:G220"/>
    <mergeCell ref="AZ219:BC220"/>
    <mergeCell ref="BD219:BG220"/>
    <mergeCell ref="U220:U222"/>
    <mergeCell ref="AB220:AG222"/>
    <mergeCell ref="AH220:AH222"/>
    <mergeCell ref="AL220:AL222"/>
    <mergeCell ref="AT220:AY222"/>
    <mergeCell ref="C221:G222"/>
    <mergeCell ref="AO221:AP221"/>
    <mergeCell ref="BD217:BG218"/>
    <mergeCell ref="AB208:AG210"/>
    <mergeCell ref="AH208:AH210"/>
    <mergeCell ref="AL208:AL210"/>
    <mergeCell ref="AT208:AY210"/>
    <mergeCell ref="C209:G210"/>
    <mergeCell ref="AO209:AP209"/>
    <mergeCell ref="BD205:BG206"/>
    <mergeCell ref="BH205:BO207"/>
    <mergeCell ref="BP205:BR207"/>
    <mergeCell ref="BS205:BU210"/>
    <mergeCell ref="BV205:BX210"/>
    <mergeCell ref="BY205:CA210"/>
    <mergeCell ref="BH208:BO210"/>
    <mergeCell ref="BP208:BR210"/>
    <mergeCell ref="BD211:BG212"/>
    <mergeCell ref="BH211:BO213"/>
    <mergeCell ref="BP211:BR213"/>
    <mergeCell ref="BS211:BU216"/>
    <mergeCell ref="BV211:BX216"/>
    <mergeCell ref="BY211:CA216"/>
    <mergeCell ref="BH214:BO216"/>
    <mergeCell ref="BP214:BR216"/>
    <mergeCell ref="AZ209:BC210"/>
    <mergeCell ref="BD209:BG210"/>
    <mergeCell ref="C211:G212"/>
    <mergeCell ref="H211:J216"/>
    <mergeCell ref="K211:M216"/>
    <mergeCell ref="N211:O216"/>
    <mergeCell ref="AB211:AG213"/>
    <mergeCell ref="AH211:AH213"/>
    <mergeCell ref="AL211:AL213"/>
    <mergeCell ref="AZ211:BC212"/>
    <mergeCell ref="C199:G200"/>
    <mergeCell ref="H199:J204"/>
    <mergeCell ref="K199:M204"/>
    <mergeCell ref="N199:O204"/>
    <mergeCell ref="AB199:AG201"/>
    <mergeCell ref="AH199:AH201"/>
    <mergeCell ref="AL199:AL201"/>
    <mergeCell ref="AZ199:BC200"/>
    <mergeCell ref="AZ203:BC204"/>
    <mergeCell ref="BD203:BG204"/>
    <mergeCell ref="C205:G206"/>
    <mergeCell ref="H205:J210"/>
    <mergeCell ref="K205:M210"/>
    <mergeCell ref="N205:O210"/>
    <mergeCell ref="AB205:AG207"/>
    <mergeCell ref="AH205:AH207"/>
    <mergeCell ref="AL205:AL207"/>
    <mergeCell ref="AZ205:BC206"/>
    <mergeCell ref="C201:G202"/>
    <mergeCell ref="AZ201:BC202"/>
    <mergeCell ref="BD201:BG202"/>
    <mergeCell ref="U202:U204"/>
    <mergeCell ref="AB202:AG204"/>
    <mergeCell ref="AH202:AH204"/>
    <mergeCell ref="AL202:AL204"/>
    <mergeCell ref="AT202:AY204"/>
    <mergeCell ref="C203:G204"/>
    <mergeCell ref="AO203:AP203"/>
    <mergeCell ref="C207:G208"/>
    <mergeCell ref="AZ207:BC208"/>
    <mergeCell ref="BD207:BG208"/>
    <mergeCell ref="U208:U210"/>
    <mergeCell ref="BH193:BO195"/>
    <mergeCell ref="BP193:BR195"/>
    <mergeCell ref="BS193:BU198"/>
    <mergeCell ref="BV193:BX198"/>
    <mergeCell ref="BY193:CA198"/>
    <mergeCell ref="BH196:BO198"/>
    <mergeCell ref="BP196:BR198"/>
    <mergeCell ref="BD199:BG200"/>
    <mergeCell ref="BH199:BO201"/>
    <mergeCell ref="BP199:BR201"/>
    <mergeCell ref="BS199:BU204"/>
    <mergeCell ref="BV199:BX204"/>
    <mergeCell ref="BY199:CA204"/>
    <mergeCell ref="BH202:BO204"/>
    <mergeCell ref="BP202:BR204"/>
    <mergeCell ref="AZ197:BC198"/>
    <mergeCell ref="BD197:BG198"/>
    <mergeCell ref="AZ191:BC192"/>
    <mergeCell ref="BD191:BG192"/>
    <mergeCell ref="C193:G194"/>
    <mergeCell ref="H193:J198"/>
    <mergeCell ref="K193:M198"/>
    <mergeCell ref="N193:O198"/>
    <mergeCell ref="AB193:AG195"/>
    <mergeCell ref="AH193:AH195"/>
    <mergeCell ref="AL193:AL195"/>
    <mergeCell ref="AZ193:BC194"/>
    <mergeCell ref="C189:G190"/>
    <mergeCell ref="AZ189:BC190"/>
    <mergeCell ref="BD189:BG190"/>
    <mergeCell ref="U190:U192"/>
    <mergeCell ref="AB190:AG192"/>
    <mergeCell ref="AH190:AH192"/>
    <mergeCell ref="AL190:AL192"/>
    <mergeCell ref="AT190:AY192"/>
    <mergeCell ref="C191:G192"/>
    <mergeCell ref="AO191:AP191"/>
    <mergeCell ref="C195:G196"/>
    <mergeCell ref="AZ195:BC196"/>
    <mergeCell ref="BD195:BG196"/>
    <mergeCell ref="U196:U198"/>
    <mergeCell ref="AB196:AG198"/>
    <mergeCell ref="AH196:AH198"/>
    <mergeCell ref="AL196:AL198"/>
    <mergeCell ref="AT196:AY198"/>
    <mergeCell ref="C197:G198"/>
    <mergeCell ref="AO197:AP197"/>
    <mergeCell ref="BD193:BG194"/>
    <mergeCell ref="AB184:AG186"/>
    <mergeCell ref="AH184:AH186"/>
    <mergeCell ref="AL184:AL186"/>
    <mergeCell ref="AT184:AY186"/>
    <mergeCell ref="C185:G186"/>
    <mergeCell ref="AO185:AP185"/>
    <mergeCell ref="BD181:BG182"/>
    <mergeCell ref="BH181:BO183"/>
    <mergeCell ref="BP181:BR183"/>
    <mergeCell ref="BS181:BU186"/>
    <mergeCell ref="BV181:BX186"/>
    <mergeCell ref="BY181:CA186"/>
    <mergeCell ref="BH184:BO186"/>
    <mergeCell ref="BP184:BR186"/>
    <mergeCell ref="BD187:BG188"/>
    <mergeCell ref="BH187:BO189"/>
    <mergeCell ref="BP187:BR189"/>
    <mergeCell ref="BS187:BU192"/>
    <mergeCell ref="BV187:BX192"/>
    <mergeCell ref="BY187:CA192"/>
    <mergeCell ref="BH190:BO192"/>
    <mergeCell ref="BP190:BR192"/>
    <mergeCell ref="AZ185:BC186"/>
    <mergeCell ref="BD185:BG186"/>
    <mergeCell ref="C187:G188"/>
    <mergeCell ref="H187:J192"/>
    <mergeCell ref="K187:M192"/>
    <mergeCell ref="N187:O192"/>
    <mergeCell ref="AB187:AG189"/>
    <mergeCell ref="AH187:AH189"/>
    <mergeCell ref="AL187:AL189"/>
    <mergeCell ref="AZ187:BC188"/>
    <mergeCell ref="C175:G176"/>
    <mergeCell ref="H175:J180"/>
    <mergeCell ref="K175:M180"/>
    <mergeCell ref="N175:O180"/>
    <mergeCell ref="AB175:AG177"/>
    <mergeCell ref="AH175:AH177"/>
    <mergeCell ref="AL175:AL177"/>
    <mergeCell ref="AZ175:BC176"/>
    <mergeCell ref="AZ179:BC180"/>
    <mergeCell ref="BD179:BG180"/>
    <mergeCell ref="C181:G182"/>
    <mergeCell ref="H181:J186"/>
    <mergeCell ref="K181:M186"/>
    <mergeCell ref="N181:O186"/>
    <mergeCell ref="AB181:AG183"/>
    <mergeCell ref="AH181:AH183"/>
    <mergeCell ref="AL181:AL183"/>
    <mergeCell ref="AZ181:BC182"/>
    <mergeCell ref="C177:G178"/>
    <mergeCell ref="AZ177:BC178"/>
    <mergeCell ref="BD177:BG178"/>
    <mergeCell ref="U178:U180"/>
    <mergeCell ref="AB178:AG180"/>
    <mergeCell ref="AH178:AH180"/>
    <mergeCell ref="AL178:AL180"/>
    <mergeCell ref="AT178:AY180"/>
    <mergeCell ref="C179:G180"/>
    <mergeCell ref="AO179:AP179"/>
    <mergeCell ref="C183:G184"/>
    <mergeCell ref="AZ183:BC184"/>
    <mergeCell ref="BD183:BG184"/>
    <mergeCell ref="U184:U186"/>
    <mergeCell ref="BH169:BO171"/>
    <mergeCell ref="BP169:BR171"/>
    <mergeCell ref="BS169:BU174"/>
    <mergeCell ref="BV169:BX174"/>
    <mergeCell ref="BY169:CA174"/>
    <mergeCell ref="BH172:BO174"/>
    <mergeCell ref="BP172:BR174"/>
    <mergeCell ref="BD175:BG176"/>
    <mergeCell ref="BH175:BO177"/>
    <mergeCell ref="BP175:BR177"/>
    <mergeCell ref="BS175:BU180"/>
    <mergeCell ref="BV175:BX180"/>
    <mergeCell ref="BY175:CA180"/>
    <mergeCell ref="BH178:BO180"/>
    <mergeCell ref="BP178:BR180"/>
    <mergeCell ref="AZ173:BC174"/>
    <mergeCell ref="BD173:BG174"/>
    <mergeCell ref="AZ167:BC168"/>
    <mergeCell ref="BD167:BG168"/>
    <mergeCell ref="C169:G170"/>
    <mergeCell ref="H169:J174"/>
    <mergeCell ref="K169:M174"/>
    <mergeCell ref="N169:O174"/>
    <mergeCell ref="AB169:AG171"/>
    <mergeCell ref="AH169:AH171"/>
    <mergeCell ref="AL169:AL171"/>
    <mergeCell ref="AZ169:BC170"/>
    <mergeCell ref="C165:G166"/>
    <mergeCell ref="AZ165:BC166"/>
    <mergeCell ref="BD165:BG166"/>
    <mergeCell ref="U166:U168"/>
    <mergeCell ref="AB166:AG168"/>
    <mergeCell ref="AH166:AH168"/>
    <mergeCell ref="AL166:AL168"/>
    <mergeCell ref="AT166:AY168"/>
    <mergeCell ref="C167:G168"/>
    <mergeCell ref="AO167:AP167"/>
    <mergeCell ref="C171:G172"/>
    <mergeCell ref="AZ171:BC172"/>
    <mergeCell ref="BD171:BG172"/>
    <mergeCell ref="U172:U174"/>
    <mergeCell ref="AB172:AG174"/>
    <mergeCell ref="AH172:AH174"/>
    <mergeCell ref="AL172:AL174"/>
    <mergeCell ref="AT172:AY174"/>
    <mergeCell ref="C173:G174"/>
    <mergeCell ref="AO173:AP173"/>
    <mergeCell ref="BD169:BG170"/>
    <mergeCell ref="AB160:AG162"/>
    <mergeCell ref="AH160:AH162"/>
    <mergeCell ref="AL160:AL162"/>
    <mergeCell ref="AT160:AY162"/>
    <mergeCell ref="C161:G162"/>
    <mergeCell ref="AO161:AP161"/>
    <mergeCell ref="BD157:BG158"/>
    <mergeCell ref="BH157:BO159"/>
    <mergeCell ref="BP157:BR159"/>
    <mergeCell ref="BS157:BU162"/>
    <mergeCell ref="BV157:BX162"/>
    <mergeCell ref="BY157:CA162"/>
    <mergeCell ref="BH160:BO162"/>
    <mergeCell ref="BP160:BR162"/>
    <mergeCell ref="BD163:BG164"/>
    <mergeCell ref="BH163:BO165"/>
    <mergeCell ref="BP163:BR165"/>
    <mergeCell ref="BS163:BU168"/>
    <mergeCell ref="BV163:BX168"/>
    <mergeCell ref="BY163:CA168"/>
    <mergeCell ref="BH166:BO168"/>
    <mergeCell ref="BP166:BR168"/>
    <mergeCell ref="AZ161:BC162"/>
    <mergeCell ref="BD161:BG162"/>
    <mergeCell ref="C163:G164"/>
    <mergeCell ref="H163:J168"/>
    <mergeCell ref="K163:M168"/>
    <mergeCell ref="N163:O168"/>
    <mergeCell ref="AB163:AG165"/>
    <mergeCell ref="AH163:AH165"/>
    <mergeCell ref="AL163:AL165"/>
    <mergeCell ref="AZ163:BC164"/>
    <mergeCell ref="C151:G152"/>
    <mergeCell ref="H151:J156"/>
    <mergeCell ref="K151:M156"/>
    <mergeCell ref="N151:O156"/>
    <mergeCell ref="AB151:AG153"/>
    <mergeCell ref="AH151:AH153"/>
    <mergeCell ref="AL151:AL153"/>
    <mergeCell ref="AZ151:BC152"/>
    <mergeCell ref="AZ155:BC156"/>
    <mergeCell ref="BD155:BG156"/>
    <mergeCell ref="C157:G158"/>
    <mergeCell ref="H157:J162"/>
    <mergeCell ref="K157:M162"/>
    <mergeCell ref="N157:O162"/>
    <mergeCell ref="AB157:AG159"/>
    <mergeCell ref="AH157:AH159"/>
    <mergeCell ref="AL157:AL159"/>
    <mergeCell ref="AZ157:BC158"/>
    <mergeCell ref="C153:G154"/>
    <mergeCell ref="AZ153:BC154"/>
    <mergeCell ref="BD153:BG154"/>
    <mergeCell ref="U154:U156"/>
    <mergeCell ref="AB154:AG156"/>
    <mergeCell ref="AH154:AH156"/>
    <mergeCell ref="AL154:AL156"/>
    <mergeCell ref="AT154:AY156"/>
    <mergeCell ref="C155:G156"/>
    <mergeCell ref="AO155:AP155"/>
    <mergeCell ref="C159:G160"/>
    <mergeCell ref="AZ159:BC160"/>
    <mergeCell ref="BD159:BG160"/>
    <mergeCell ref="U160:U162"/>
    <mergeCell ref="BH145:BO147"/>
    <mergeCell ref="BP145:BR147"/>
    <mergeCell ref="BS145:BU150"/>
    <mergeCell ref="BV145:BX150"/>
    <mergeCell ref="BY145:CA150"/>
    <mergeCell ref="BH148:BO150"/>
    <mergeCell ref="BP148:BR150"/>
    <mergeCell ref="BD151:BG152"/>
    <mergeCell ref="BH151:BO153"/>
    <mergeCell ref="BP151:BR153"/>
    <mergeCell ref="BS151:BU156"/>
    <mergeCell ref="BV151:BX156"/>
    <mergeCell ref="BY151:CA156"/>
    <mergeCell ref="BH154:BO156"/>
    <mergeCell ref="BP154:BR156"/>
    <mergeCell ref="AZ149:BC150"/>
    <mergeCell ref="BD149:BG150"/>
    <mergeCell ref="AZ143:BC144"/>
    <mergeCell ref="BD143:BG144"/>
    <mergeCell ref="C145:G146"/>
    <mergeCell ref="H145:J150"/>
    <mergeCell ref="K145:M150"/>
    <mergeCell ref="N145:O150"/>
    <mergeCell ref="AB145:AG147"/>
    <mergeCell ref="AH145:AH147"/>
    <mergeCell ref="AL145:AL147"/>
    <mergeCell ref="AZ145:BC146"/>
    <mergeCell ref="C141:G142"/>
    <mergeCell ref="AZ141:BC142"/>
    <mergeCell ref="BD141:BG142"/>
    <mergeCell ref="U142:U144"/>
    <mergeCell ref="AB142:AG144"/>
    <mergeCell ref="AH142:AH144"/>
    <mergeCell ref="AL142:AL144"/>
    <mergeCell ref="AT142:AY144"/>
    <mergeCell ref="C143:G144"/>
    <mergeCell ref="AO143:AP143"/>
    <mergeCell ref="C147:G148"/>
    <mergeCell ref="AZ147:BC148"/>
    <mergeCell ref="BD147:BG148"/>
    <mergeCell ref="U148:U150"/>
    <mergeCell ref="AB148:AG150"/>
    <mergeCell ref="AH148:AH150"/>
    <mergeCell ref="AL148:AL150"/>
    <mergeCell ref="AT148:AY150"/>
    <mergeCell ref="C149:G150"/>
    <mergeCell ref="AO149:AP149"/>
    <mergeCell ref="BD145:BG146"/>
    <mergeCell ref="AB136:AG138"/>
    <mergeCell ref="AH136:AH138"/>
    <mergeCell ref="AL136:AL138"/>
    <mergeCell ref="AT136:AY138"/>
    <mergeCell ref="C137:G138"/>
    <mergeCell ref="AO137:AP137"/>
    <mergeCell ref="BD133:BG134"/>
    <mergeCell ref="BH133:BO135"/>
    <mergeCell ref="BP133:BR135"/>
    <mergeCell ref="BS133:BU138"/>
    <mergeCell ref="BV133:BX138"/>
    <mergeCell ref="BY133:CA138"/>
    <mergeCell ref="BH136:BO138"/>
    <mergeCell ref="BP136:BR138"/>
    <mergeCell ref="BD139:BG140"/>
    <mergeCell ref="BH139:BO141"/>
    <mergeCell ref="BP139:BR141"/>
    <mergeCell ref="BS139:BU144"/>
    <mergeCell ref="BV139:BX144"/>
    <mergeCell ref="BY139:CA144"/>
    <mergeCell ref="BH142:BO144"/>
    <mergeCell ref="BP142:BR144"/>
    <mergeCell ref="AZ137:BC138"/>
    <mergeCell ref="BD137:BG138"/>
    <mergeCell ref="C139:G140"/>
    <mergeCell ref="H139:J144"/>
    <mergeCell ref="K139:M144"/>
    <mergeCell ref="N139:O144"/>
    <mergeCell ref="AB139:AG141"/>
    <mergeCell ref="AH139:AH141"/>
    <mergeCell ref="AL139:AL141"/>
    <mergeCell ref="AZ139:BC140"/>
    <mergeCell ref="C127:G128"/>
    <mergeCell ref="H127:J132"/>
    <mergeCell ref="K127:M132"/>
    <mergeCell ref="N127:O132"/>
    <mergeCell ref="AB127:AG129"/>
    <mergeCell ref="AH127:AH129"/>
    <mergeCell ref="AL127:AL129"/>
    <mergeCell ref="AZ127:BC128"/>
    <mergeCell ref="AZ131:BC132"/>
    <mergeCell ref="BD131:BG132"/>
    <mergeCell ref="C133:G134"/>
    <mergeCell ref="H133:J138"/>
    <mergeCell ref="K133:M138"/>
    <mergeCell ref="N133:O138"/>
    <mergeCell ref="AB133:AG135"/>
    <mergeCell ref="AH133:AH135"/>
    <mergeCell ref="AL133:AL135"/>
    <mergeCell ref="AZ133:BC134"/>
    <mergeCell ref="C129:G130"/>
    <mergeCell ref="AZ129:BC130"/>
    <mergeCell ref="BD129:BG130"/>
    <mergeCell ref="U130:U132"/>
    <mergeCell ref="AB130:AG132"/>
    <mergeCell ref="AH130:AH132"/>
    <mergeCell ref="AL130:AL132"/>
    <mergeCell ref="AT130:AY132"/>
    <mergeCell ref="C131:G132"/>
    <mergeCell ref="AO131:AP131"/>
    <mergeCell ref="C135:G136"/>
    <mergeCell ref="AZ135:BC136"/>
    <mergeCell ref="BD135:BG136"/>
    <mergeCell ref="U136:U138"/>
    <mergeCell ref="BH121:BO123"/>
    <mergeCell ref="BP121:BR123"/>
    <mergeCell ref="BS121:BU126"/>
    <mergeCell ref="BV121:BX126"/>
    <mergeCell ref="BY121:CA126"/>
    <mergeCell ref="BH124:BO126"/>
    <mergeCell ref="BP124:BR126"/>
    <mergeCell ref="BD127:BG128"/>
    <mergeCell ref="BH127:BO129"/>
    <mergeCell ref="BP127:BR129"/>
    <mergeCell ref="BS127:BU132"/>
    <mergeCell ref="BV127:BX132"/>
    <mergeCell ref="BY127:CA132"/>
    <mergeCell ref="BH130:BO132"/>
    <mergeCell ref="BP130:BR132"/>
    <mergeCell ref="AZ125:BC126"/>
    <mergeCell ref="BD125:BG126"/>
    <mergeCell ref="AZ119:BC120"/>
    <mergeCell ref="BD119:BG120"/>
    <mergeCell ref="C121:G122"/>
    <mergeCell ref="H121:J126"/>
    <mergeCell ref="K121:M126"/>
    <mergeCell ref="N121:O126"/>
    <mergeCell ref="AB121:AG123"/>
    <mergeCell ref="AH121:AH123"/>
    <mergeCell ref="AL121:AL123"/>
    <mergeCell ref="AZ121:BC122"/>
    <mergeCell ref="C117:G118"/>
    <mergeCell ref="AZ117:BC118"/>
    <mergeCell ref="BD117:BG118"/>
    <mergeCell ref="U118:U120"/>
    <mergeCell ref="AB118:AG120"/>
    <mergeCell ref="AH118:AH120"/>
    <mergeCell ref="AL118:AL120"/>
    <mergeCell ref="AT118:AY120"/>
    <mergeCell ref="C119:G120"/>
    <mergeCell ref="AO119:AP119"/>
    <mergeCell ref="C123:G124"/>
    <mergeCell ref="AZ123:BC124"/>
    <mergeCell ref="BD123:BG124"/>
    <mergeCell ref="U124:U126"/>
    <mergeCell ref="AB124:AG126"/>
    <mergeCell ref="AH124:AH126"/>
    <mergeCell ref="AL124:AL126"/>
    <mergeCell ref="AT124:AY126"/>
    <mergeCell ref="C125:G126"/>
    <mergeCell ref="AO125:AP125"/>
    <mergeCell ref="BD121:BG122"/>
    <mergeCell ref="AB112:AG114"/>
    <mergeCell ref="AH112:AH114"/>
    <mergeCell ref="AL112:AL114"/>
    <mergeCell ref="AT112:AY114"/>
    <mergeCell ref="C113:G114"/>
    <mergeCell ref="AO113:AP113"/>
    <mergeCell ref="BD109:BG110"/>
    <mergeCell ref="BH109:BO111"/>
    <mergeCell ref="BP109:BR111"/>
    <mergeCell ref="BS109:BU114"/>
    <mergeCell ref="BV109:BX114"/>
    <mergeCell ref="BY109:CA114"/>
    <mergeCell ref="BH112:BO114"/>
    <mergeCell ref="BP112:BR114"/>
    <mergeCell ref="BD115:BG116"/>
    <mergeCell ref="BH115:BO117"/>
    <mergeCell ref="BP115:BR117"/>
    <mergeCell ref="BS115:BU120"/>
    <mergeCell ref="BV115:BX120"/>
    <mergeCell ref="BY115:CA120"/>
    <mergeCell ref="BH118:BO120"/>
    <mergeCell ref="BP118:BR120"/>
    <mergeCell ref="AZ113:BC114"/>
    <mergeCell ref="BD113:BG114"/>
    <mergeCell ref="C115:G116"/>
    <mergeCell ref="H115:J120"/>
    <mergeCell ref="K115:M120"/>
    <mergeCell ref="N115:O120"/>
    <mergeCell ref="AB115:AG117"/>
    <mergeCell ref="AH115:AH117"/>
    <mergeCell ref="AL115:AL117"/>
    <mergeCell ref="AZ115:BC116"/>
    <mergeCell ref="C103:G104"/>
    <mergeCell ref="H103:J108"/>
    <mergeCell ref="K103:M108"/>
    <mergeCell ref="N103:O108"/>
    <mergeCell ref="AB103:AG105"/>
    <mergeCell ref="AH103:AH105"/>
    <mergeCell ref="AL103:AL105"/>
    <mergeCell ref="AZ103:BC104"/>
    <mergeCell ref="AZ107:BC108"/>
    <mergeCell ref="BD107:BG108"/>
    <mergeCell ref="C109:G110"/>
    <mergeCell ref="H109:J114"/>
    <mergeCell ref="K109:M114"/>
    <mergeCell ref="N109:O114"/>
    <mergeCell ref="AB109:AG111"/>
    <mergeCell ref="AH109:AH111"/>
    <mergeCell ref="AL109:AL111"/>
    <mergeCell ref="AZ109:BC110"/>
    <mergeCell ref="C105:G106"/>
    <mergeCell ref="AZ105:BC106"/>
    <mergeCell ref="BD105:BG106"/>
    <mergeCell ref="U106:U108"/>
    <mergeCell ref="AB106:AG108"/>
    <mergeCell ref="AH106:AH108"/>
    <mergeCell ref="AL106:AL108"/>
    <mergeCell ref="AT106:AY108"/>
    <mergeCell ref="C107:G108"/>
    <mergeCell ref="AO107:AP107"/>
    <mergeCell ref="C111:G112"/>
    <mergeCell ref="AZ111:BC112"/>
    <mergeCell ref="BD111:BG112"/>
    <mergeCell ref="U112:U114"/>
    <mergeCell ref="BH97:BO99"/>
    <mergeCell ref="BP97:BR99"/>
    <mergeCell ref="BS97:BU102"/>
    <mergeCell ref="BV97:BX102"/>
    <mergeCell ref="BY97:CA102"/>
    <mergeCell ref="BH100:BO102"/>
    <mergeCell ref="BP100:BR102"/>
    <mergeCell ref="BD103:BG104"/>
    <mergeCell ref="BH103:BO105"/>
    <mergeCell ref="BP103:BR105"/>
    <mergeCell ref="BS103:BU108"/>
    <mergeCell ref="BV103:BX108"/>
    <mergeCell ref="BY103:CA108"/>
    <mergeCell ref="BH106:BO108"/>
    <mergeCell ref="BP106:BR108"/>
    <mergeCell ref="AZ101:BC102"/>
    <mergeCell ref="BD101:BG102"/>
    <mergeCell ref="AZ95:BC96"/>
    <mergeCell ref="BD95:BG96"/>
    <mergeCell ref="C97:G98"/>
    <mergeCell ref="H97:J102"/>
    <mergeCell ref="K97:M102"/>
    <mergeCell ref="N97:O102"/>
    <mergeCell ref="AB97:AG99"/>
    <mergeCell ref="AH97:AH99"/>
    <mergeCell ref="AL97:AL99"/>
    <mergeCell ref="AZ97:BC98"/>
    <mergeCell ref="C93:G94"/>
    <mergeCell ref="AZ93:BC94"/>
    <mergeCell ref="BD93:BG94"/>
    <mergeCell ref="U94:U96"/>
    <mergeCell ref="AB94:AG96"/>
    <mergeCell ref="AH94:AH96"/>
    <mergeCell ref="AL94:AL96"/>
    <mergeCell ref="AT94:AY96"/>
    <mergeCell ref="C95:G96"/>
    <mergeCell ref="AO95:AP95"/>
    <mergeCell ref="C99:G100"/>
    <mergeCell ref="AZ99:BC100"/>
    <mergeCell ref="BD99:BG100"/>
    <mergeCell ref="U100:U102"/>
    <mergeCell ref="AB100:AG102"/>
    <mergeCell ref="AH100:AH102"/>
    <mergeCell ref="AL100:AL102"/>
    <mergeCell ref="AT100:AY102"/>
    <mergeCell ref="C101:G102"/>
    <mergeCell ref="AO101:AP101"/>
    <mergeCell ref="BD97:BG98"/>
    <mergeCell ref="AB88:AG90"/>
    <mergeCell ref="AH88:AH90"/>
    <mergeCell ref="AL88:AL90"/>
    <mergeCell ref="AT88:AY90"/>
    <mergeCell ref="C89:G90"/>
    <mergeCell ref="AO89:AP89"/>
    <mergeCell ref="BD85:BG86"/>
    <mergeCell ref="BH85:BO87"/>
    <mergeCell ref="BP85:BR87"/>
    <mergeCell ref="BS85:BU90"/>
    <mergeCell ref="BV85:BX90"/>
    <mergeCell ref="BY85:CA90"/>
    <mergeCell ref="BH88:BO90"/>
    <mergeCell ref="BP88:BR90"/>
    <mergeCell ref="BD91:BG92"/>
    <mergeCell ref="BH91:BO93"/>
    <mergeCell ref="BP91:BR93"/>
    <mergeCell ref="BS91:BU96"/>
    <mergeCell ref="BV91:BX96"/>
    <mergeCell ref="BY91:CA96"/>
    <mergeCell ref="BH94:BO96"/>
    <mergeCell ref="BP94:BR96"/>
    <mergeCell ref="AZ89:BC90"/>
    <mergeCell ref="BD89:BG90"/>
    <mergeCell ref="C91:G92"/>
    <mergeCell ref="H91:J96"/>
    <mergeCell ref="K91:M96"/>
    <mergeCell ref="N91:O96"/>
    <mergeCell ref="AB91:AG93"/>
    <mergeCell ref="AH91:AH93"/>
    <mergeCell ref="AL91:AL93"/>
    <mergeCell ref="AZ91:BC92"/>
    <mergeCell ref="C79:G80"/>
    <mergeCell ref="H79:J84"/>
    <mergeCell ref="K79:M84"/>
    <mergeCell ref="N79:O84"/>
    <mergeCell ref="AB79:AG81"/>
    <mergeCell ref="AH79:AH81"/>
    <mergeCell ref="AL79:AL81"/>
    <mergeCell ref="AZ79:BC80"/>
    <mergeCell ref="AZ83:BC84"/>
    <mergeCell ref="BD83:BG84"/>
    <mergeCell ref="C85:G86"/>
    <mergeCell ref="H85:J90"/>
    <mergeCell ref="K85:M90"/>
    <mergeCell ref="N85:O90"/>
    <mergeCell ref="AB85:AG87"/>
    <mergeCell ref="AH85:AH87"/>
    <mergeCell ref="AL85:AL87"/>
    <mergeCell ref="AZ85:BC86"/>
    <mergeCell ref="C81:G82"/>
    <mergeCell ref="AZ81:BC82"/>
    <mergeCell ref="BD81:BG82"/>
    <mergeCell ref="U82:U84"/>
    <mergeCell ref="AB82:AG84"/>
    <mergeCell ref="AH82:AH84"/>
    <mergeCell ref="AL82:AL84"/>
    <mergeCell ref="AT82:AY84"/>
    <mergeCell ref="C83:G84"/>
    <mergeCell ref="AO83:AP83"/>
    <mergeCell ref="C87:G88"/>
    <mergeCell ref="AZ87:BC88"/>
    <mergeCell ref="BD87:BG88"/>
    <mergeCell ref="U88:U90"/>
    <mergeCell ref="BH73:BO75"/>
    <mergeCell ref="BP73:BR75"/>
    <mergeCell ref="BS73:BU78"/>
    <mergeCell ref="BV73:BX78"/>
    <mergeCell ref="BY73:CA78"/>
    <mergeCell ref="BH76:BO78"/>
    <mergeCell ref="BP76:BR78"/>
    <mergeCell ref="BD79:BG80"/>
    <mergeCell ref="BH79:BO81"/>
    <mergeCell ref="BP79:BR81"/>
    <mergeCell ref="BS79:BU84"/>
    <mergeCell ref="BV79:BX84"/>
    <mergeCell ref="BY79:CA84"/>
    <mergeCell ref="BH82:BO84"/>
    <mergeCell ref="BP82:BR84"/>
    <mergeCell ref="AZ77:BC78"/>
    <mergeCell ref="BD77:BG78"/>
    <mergeCell ref="AZ71:BC72"/>
    <mergeCell ref="BD71:BG72"/>
    <mergeCell ref="C73:G74"/>
    <mergeCell ref="H73:J78"/>
    <mergeCell ref="K73:M78"/>
    <mergeCell ref="N73:O78"/>
    <mergeCell ref="AB73:AG75"/>
    <mergeCell ref="AH73:AH75"/>
    <mergeCell ref="AL73:AL75"/>
    <mergeCell ref="AZ73:BC74"/>
    <mergeCell ref="C69:G70"/>
    <mergeCell ref="AZ69:BC70"/>
    <mergeCell ref="BD69:BG70"/>
    <mergeCell ref="U70:U72"/>
    <mergeCell ref="AB70:AG72"/>
    <mergeCell ref="AH70:AH72"/>
    <mergeCell ref="AL70:AL72"/>
    <mergeCell ref="AT70:AY72"/>
    <mergeCell ref="C71:G72"/>
    <mergeCell ref="AO71:AP71"/>
    <mergeCell ref="C75:G76"/>
    <mergeCell ref="AZ75:BC76"/>
    <mergeCell ref="BD75:BG76"/>
    <mergeCell ref="U76:U78"/>
    <mergeCell ref="AB76:AG78"/>
    <mergeCell ref="AH76:AH78"/>
    <mergeCell ref="AL76:AL78"/>
    <mergeCell ref="AT76:AY78"/>
    <mergeCell ref="C77:G78"/>
    <mergeCell ref="AO77:AP77"/>
    <mergeCell ref="BD73:BG74"/>
    <mergeCell ref="AB64:AG66"/>
    <mergeCell ref="AH64:AH66"/>
    <mergeCell ref="AL64:AL66"/>
    <mergeCell ref="AT64:AY66"/>
    <mergeCell ref="C65:G66"/>
    <mergeCell ref="AO65:AP65"/>
    <mergeCell ref="BD61:BG62"/>
    <mergeCell ref="BH61:BO63"/>
    <mergeCell ref="BP61:BR63"/>
    <mergeCell ref="BS61:BU66"/>
    <mergeCell ref="BV61:BX66"/>
    <mergeCell ref="BY61:CA66"/>
    <mergeCell ref="BH64:BO66"/>
    <mergeCell ref="BP64:BR66"/>
    <mergeCell ref="BD67:BG68"/>
    <mergeCell ref="BH67:BO69"/>
    <mergeCell ref="BP67:BR69"/>
    <mergeCell ref="BS67:BU72"/>
    <mergeCell ref="BV67:BX72"/>
    <mergeCell ref="BY67:CA72"/>
    <mergeCell ref="BH70:BO72"/>
    <mergeCell ref="BP70:BR72"/>
    <mergeCell ref="AZ65:BC66"/>
    <mergeCell ref="BD65:BG66"/>
    <mergeCell ref="C67:G68"/>
    <mergeCell ref="H67:J72"/>
    <mergeCell ref="K67:M72"/>
    <mergeCell ref="N67:O72"/>
    <mergeCell ref="AB67:AG69"/>
    <mergeCell ref="AH67:AH69"/>
    <mergeCell ref="AL67:AL69"/>
    <mergeCell ref="AZ67:BC68"/>
    <mergeCell ref="C55:G56"/>
    <mergeCell ref="H55:J60"/>
    <mergeCell ref="K55:M60"/>
    <mergeCell ref="N55:O60"/>
    <mergeCell ref="AB55:AG57"/>
    <mergeCell ref="AH55:AH57"/>
    <mergeCell ref="AL55:AL57"/>
    <mergeCell ref="AZ55:BC56"/>
    <mergeCell ref="AZ59:BC60"/>
    <mergeCell ref="BD59:BG60"/>
    <mergeCell ref="C61:G62"/>
    <mergeCell ref="H61:J66"/>
    <mergeCell ref="K61:M66"/>
    <mergeCell ref="N61:O66"/>
    <mergeCell ref="AB61:AG63"/>
    <mergeCell ref="AH61:AH63"/>
    <mergeCell ref="AL61:AL63"/>
    <mergeCell ref="AZ61:BC62"/>
    <mergeCell ref="C57:G58"/>
    <mergeCell ref="AZ57:BC58"/>
    <mergeCell ref="BD57:BG58"/>
    <mergeCell ref="U58:U60"/>
    <mergeCell ref="AB58:AG60"/>
    <mergeCell ref="AH58:AH60"/>
    <mergeCell ref="AL58:AL60"/>
    <mergeCell ref="AT58:AY60"/>
    <mergeCell ref="C59:G60"/>
    <mergeCell ref="AO59:AP59"/>
    <mergeCell ref="C63:G64"/>
    <mergeCell ref="AZ63:BC64"/>
    <mergeCell ref="BD63:BG64"/>
    <mergeCell ref="U64:U66"/>
    <mergeCell ref="BH49:BO51"/>
    <mergeCell ref="BP49:BR51"/>
    <mergeCell ref="BS49:BU54"/>
    <mergeCell ref="BV49:BX54"/>
    <mergeCell ref="BY49:CA54"/>
    <mergeCell ref="BH52:BO54"/>
    <mergeCell ref="BP52:BR54"/>
    <mergeCell ref="BD55:BG56"/>
    <mergeCell ref="BH55:BO57"/>
    <mergeCell ref="BP55:BR57"/>
    <mergeCell ref="BS55:BU60"/>
    <mergeCell ref="BV55:BX60"/>
    <mergeCell ref="BY55:CA60"/>
    <mergeCell ref="BH58:BO60"/>
    <mergeCell ref="BP58:BR60"/>
    <mergeCell ref="AZ53:BC54"/>
    <mergeCell ref="BD53:BG54"/>
    <mergeCell ref="AZ47:BC48"/>
    <mergeCell ref="BD47:BG48"/>
    <mergeCell ref="C49:G50"/>
    <mergeCell ref="H49:J54"/>
    <mergeCell ref="K49:M54"/>
    <mergeCell ref="N49:O54"/>
    <mergeCell ref="AB49:AG51"/>
    <mergeCell ref="AH49:AH51"/>
    <mergeCell ref="AL49:AL51"/>
    <mergeCell ref="AZ49:BC50"/>
    <mergeCell ref="C45:G46"/>
    <mergeCell ref="AZ45:BC46"/>
    <mergeCell ref="BD45:BG46"/>
    <mergeCell ref="U46:U48"/>
    <mergeCell ref="AB46:AG48"/>
    <mergeCell ref="AH46:AH48"/>
    <mergeCell ref="AL46:AL48"/>
    <mergeCell ref="AT46:AY48"/>
    <mergeCell ref="C47:G48"/>
    <mergeCell ref="AO47:AP47"/>
    <mergeCell ref="C51:G52"/>
    <mergeCell ref="AZ51:BC52"/>
    <mergeCell ref="BD51:BG52"/>
    <mergeCell ref="U52:U54"/>
    <mergeCell ref="AB52:AG54"/>
    <mergeCell ref="AH52:AH54"/>
    <mergeCell ref="AL52:AL54"/>
    <mergeCell ref="AT52:AY54"/>
    <mergeCell ref="C53:G54"/>
    <mergeCell ref="AO53:AP53"/>
    <mergeCell ref="BD49:BG50"/>
    <mergeCell ref="AB40:AG42"/>
    <mergeCell ref="AH40:AH42"/>
    <mergeCell ref="AL40:AL42"/>
    <mergeCell ref="AT40:AY42"/>
    <mergeCell ref="C41:G42"/>
    <mergeCell ref="AO41:AP41"/>
    <mergeCell ref="BD37:BG38"/>
    <mergeCell ref="BH37:BO39"/>
    <mergeCell ref="BP37:BR39"/>
    <mergeCell ref="BS37:BU42"/>
    <mergeCell ref="BV37:BX42"/>
    <mergeCell ref="BY37:CA42"/>
    <mergeCell ref="BH40:BO42"/>
    <mergeCell ref="BP40:BR42"/>
    <mergeCell ref="BD43:BG44"/>
    <mergeCell ref="BH43:BO45"/>
    <mergeCell ref="BP43:BR45"/>
    <mergeCell ref="BS43:BU48"/>
    <mergeCell ref="BV43:BX48"/>
    <mergeCell ref="BY43:CA48"/>
    <mergeCell ref="BH46:BO48"/>
    <mergeCell ref="BP46:BR48"/>
    <mergeCell ref="AZ41:BC42"/>
    <mergeCell ref="BD41:BG42"/>
    <mergeCell ref="C43:G44"/>
    <mergeCell ref="H43:J48"/>
    <mergeCell ref="K43:M48"/>
    <mergeCell ref="N43:O48"/>
    <mergeCell ref="AB43:AG45"/>
    <mergeCell ref="AH43:AH45"/>
    <mergeCell ref="AL43:AL45"/>
    <mergeCell ref="AZ43:BC44"/>
    <mergeCell ref="C31:G32"/>
    <mergeCell ref="H31:J36"/>
    <mergeCell ref="K31:M36"/>
    <mergeCell ref="N31:O36"/>
    <mergeCell ref="AB31:AG33"/>
    <mergeCell ref="AH31:AH33"/>
    <mergeCell ref="AL31:AL33"/>
    <mergeCell ref="AZ31:BC32"/>
    <mergeCell ref="AZ35:BC36"/>
    <mergeCell ref="BD35:BG36"/>
    <mergeCell ref="C37:G38"/>
    <mergeCell ref="H37:J42"/>
    <mergeCell ref="K37:M42"/>
    <mergeCell ref="N37:O42"/>
    <mergeCell ref="AB37:AG39"/>
    <mergeCell ref="AH37:AH39"/>
    <mergeCell ref="AL37:AL39"/>
    <mergeCell ref="AZ37:BC38"/>
    <mergeCell ref="C33:G34"/>
    <mergeCell ref="AZ33:BC34"/>
    <mergeCell ref="BD33:BG34"/>
    <mergeCell ref="U34:U36"/>
    <mergeCell ref="AB34:AG36"/>
    <mergeCell ref="AH34:AH36"/>
    <mergeCell ref="AL34:AL36"/>
    <mergeCell ref="AT34:AY36"/>
    <mergeCell ref="C35:G36"/>
    <mergeCell ref="AO35:AP35"/>
    <mergeCell ref="C39:G40"/>
    <mergeCell ref="AZ39:BC40"/>
    <mergeCell ref="BD39:BG40"/>
    <mergeCell ref="U40:U42"/>
    <mergeCell ref="BH25:BO27"/>
    <mergeCell ref="BP25:BR27"/>
    <mergeCell ref="BS25:BU30"/>
    <mergeCell ref="BV25:BX30"/>
    <mergeCell ref="BY25:CA30"/>
    <mergeCell ref="BH28:BO30"/>
    <mergeCell ref="BP28:BR30"/>
    <mergeCell ref="BD31:BG32"/>
    <mergeCell ref="BH31:BO33"/>
    <mergeCell ref="BP31:BR33"/>
    <mergeCell ref="BS31:BU36"/>
    <mergeCell ref="BV31:BX36"/>
    <mergeCell ref="BY31:CA36"/>
    <mergeCell ref="BH34:BO36"/>
    <mergeCell ref="BP34:BR36"/>
    <mergeCell ref="AZ29:BC30"/>
    <mergeCell ref="BD29:BG30"/>
    <mergeCell ref="C25:G26"/>
    <mergeCell ref="H25:J30"/>
    <mergeCell ref="K25:M30"/>
    <mergeCell ref="N25:O30"/>
    <mergeCell ref="AB25:AG27"/>
    <mergeCell ref="AH25:AH27"/>
    <mergeCell ref="AL25:AL27"/>
    <mergeCell ref="AZ25:BC26"/>
    <mergeCell ref="C21:G22"/>
    <mergeCell ref="AZ21:BC22"/>
    <mergeCell ref="BD21:BG22"/>
    <mergeCell ref="U22:U24"/>
    <mergeCell ref="AB22:AG24"/>
    <mergeCell ref="AH22:AH24"/>
    <mergeCell ref="AL22:AL24"/>
    <mergeCell ref="AT22:AY24"/>
    <mergeCell ref="C23:G24"/>
    <mergeCell ref="AO23:AP23"/>
    <mergeCell ref="C27:G28"/>
    <mergeCell ref="AZ27:BC28"/>
    <mergeCell ref="BD27:BG28"/>
    <mergeCell ref="U28:U30"/>
    <mergeCell ref="AB28:AG30"/>
    <mergeCell ref="AH28:AH30"/>
    <mergeCell ref="AL28:AL30"/>
    <mergeCell ref="AT28:AY30"/>
    <mergeCell ref="C29:G30"/>
    <mergeCell ref="AO29:AP29"/>
    <mergeCell ref="BD25:BG26"/>
    <mergeCell ref="BD19:BG20"/>
    <mergeCell ref="BH19:BO21"/>
    <mergeCell ref="BP19:BR21"/>
    <mergeCell ref="BS19:BU24"/>
    <mergeCell ref="BV19:BX24"/>
    <mergeCell ref="BY19:CA24"/>
    <mergeCell ref="BH22:BO24"/>
    <mergeCell ref="BP22:BR24"/>
    <mergeCell ref="C17:G18"/>
    <mergeCell ref="AZ17:BG18"/>
    <mergeCell ref="C19:G20"/>
    <mergeCell ref="H19:J24"/>
    <mergeCell ref="K19:M24"/>
    <mergeCell ref="N19:O24"/>
    <mergeCell ref="AB19:AG21"/>
    <mergeCell ref="AH19:AH21"/>
    <mergeCell ref="AL19:AL21"/>
    <mergeCell ref="AZ19:BC20"/>
    <mergeCell ref="BH16:BO18"/>
    <mergeCell ref="BP16:BR18"/>
    <mergeCell ref="BS16:BU18"/>
    <mergeCell ref="BV16:BX18"/>
    <mergeCell ref="BY16:CA18"/>
    <mergeCell ref="AZ23:BC24"/>
    <mergeCell ref="BD23:BG24"/>
    <mergeCell ref="BH13:BO15"/>
    <mergeCell ref="BP13:BR15"/>
    <mergeCell ref="BS13:CA15"/>
    <mergeCell ref="CB13:CG15"/>
    <mergeCell ref="C15:G16"/>
    <mergeCell ref="AZ15:BG16"/>
    <mergeCell ref="P16:U18"/>
    <mergeCell ref="V16:AA18"/>
    <mergeCell ref="AB16:AG18"/>
    <mergeCell ref="V13:AA15"/>
    <mergeCell ref="AB13:AG15"/>
    <mergeCell ref="AH13:AL15"/>
    <mergeCell ref="AM13:AR15"/>
    <mergeCell ref="AS13:AS18"/>
    <mergeCell ref="AT13:AY15"/>
    <mergeCell ref="AH16:AL18"/>
    <mergeCell ref="AM16:AR18"/>
    <mergeCell ref="AT16:AY18"/>
    <mergeCell ref="AA1:AN4"/>
    <mergeCell ref="B2:J3"/>
    <mergeCell ref="O2:X3"/>
    <mergeCell ref="BW2:BX4"/>
    <mergeCell ref="BY2:CG4"/>
    <mergeCell ref="A4:D6"/>
    <mergeCell ref="E4:P6"/>
    <mergeCell ref="S5:S8"/>
    <mergeCell ref="T5:AB8"/>
    <mergeCell ref="AC5:AD8"/>
    <mergeCell ref="BF10:BF11"/>
    <mergeCell ref="BI10:BN11"/>
    <mergeCell ref="BP10:BY11"/>
    <mergeCell ref="BZ10:BZ11"/>
    <mergeCell ref="B13:B18"/>
    <mergeCell ref="C13:G14"/>
    <mergeCell ref="H13:J18"/>
    <mergeCell ref="K13:M18"/>
    <mergeCell ref="N13:O18"/>
    <mergeCell ref="P13:U15"/>
    <mergeCell ref="AE5:AE8"/>
    <mergeCell ref="A8:D10"/>
    <mergeCell ref="E8:N10"/>
    <mergeCell ref="O8:O10"/>
    <mergeCell ref="BP8:BR8"/>
    <mergeCell ref="R9:AR12"/>
    <mergeCell ref="AS9:AV11"/>
    <mergeCell ref="BJ9:BK9"/>
    <mergeCell ref="BL9:BM9"/>
    <mergeCell ref="AW10:BE11"/>
    <mergeCell ref="CB16:CG18"/>
    <mergeCell ref="AZ13:BG14"/>
  </mergeCells>
  <phoneticPr fontId="2"/>
  <pageMargins left="0.7" right="0.7" top="0.75" bottom="0.75" header="0.3" footer="0.3"/>
  <pageSetup paperSize="8" scale="97"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6E1252-C313-42BF-81DE-A660620087A8}">
  <dimension ref="B2:AK28"/>
  <sheetViews>
    <sheetView view="pageBreakPreview" topLeftCell="A12" zoomScale="70" zoomScaleNormal="100" zoomScaleSheetLayoutView="70" workbookViewId="0">
      <selection activeCell="P2" sqref="P2"/>
    </sheetView>
  </sheetViews>
  <sheetFormatPr defaultRowHeight="13" x14ac:dyDescent="0.2"/>
  <cols>
    <col min="1" max="1" width="2" customWidth="1"/>
    <col min="2" max="2" width="1.08984375" customWidth="1"/>
    <col min="3" max="3" width="2.08984375" customWidth="1"/>
    <col min="4" max="4" width="4.08984375" customWidth="1"/>
    <col min="5" max="5" width="8.1796875" customWidth="1"/>
    <col min="6" max="6" width="10.36328125" customWidth="1"/>
    <col min="8" max="8" width="11.36328125" customWidth="1"/>
    <col min="9" max="9" width="4" customWidth="1"/>
    <col min="10" max="10" width="6.90625" customWidth="1"/>
    <col min="11" max="11" width="2.36328125" customWidth="1"/>
    <col min="12" max="12" width="4.453125" customWidth="1"/>
    <col min="13" max="19" width="5.453125" customWidth="1"/>
    <col min="20" max="20" width="2.6328125" customWidth="1"/>
    <col min="22" max="22" width="9" customWidth="1"/>
    <col min="23" max="23" width="4.36328125" customWidth="1"/>
    <col min="24" max="24" width="4.453125" customWidth="1"/>
    <col min="26" max="26" width="6.36328125" customWidth="1"/>
    <col min="27" max="27" width="6.453125" customWidth="1"/>
    <col min="28" max="28" width="6.6328125" customWidth="1"/>
    <col min="29" max="29" width="3.6328125" customWidth="1"/>
    <col min="36" max="36" width="2.1796875" customWidth="1"/>
    <col min="37" max="37" width="3.36328125" customWidth="1"/>
  </cols>
  <sheetData>
    <row r="2" spans="2:37" ht="23.25" customHeight="1" x14ac:dyDescent="0.2">
      <c r="B2" s="310" t="s">
        <v>379</v>
      </c>
      <c r="N2" s="309"/>
      <c r="P2" s="309" t="s">
        <v>380</v>
      </c>
      <c r="Q2" s="309"/>
    </row>
    <row r="3" spans="2:37" ht="22.75" customHeight="1" thickBot="1" x14ac:dyDescent="0.25">
      <c r="C3" s="309"/>
    </row>
    <row r="4" spans="2:37" ht="14.4" customHeight="1" thickTop="1" x14ac:dyDescent="0.2">
      <c r="B4" s="312"/>
      <c r="C4" s="313"/>
      <c r="D4" s="338"/>
      <c r="E4" s="338"/>
      <c r="F4" s="338"/>
      <c r="G4" s="338"/>
      <c r="H4" s="338"/>
      <c r="I4" s="313"/>
      <c r="J4" s="313"/>
      <c r="K4" s="314"/>
      <c r="L4" s="313"/>
      <c r="M4" s="313"/>
      <c r="N4" s="313"/>
      <c r="O4" s="313"/>
      <c r="P4" s="313"/>
      <c r="Q4" s="313"/>
      <c r="R4" s="313"/>
      <c r="S4" s="314"/>
      <c r="T4" s="314"/>
      <c r="U4" s="313"/>
      <c r="V4" s="313"/>
      <c r="W4" s="313"/>
      <c r="X4" s="313"/>
      <c r="Y4" s="313"/>
      <c r="Z4" s="313"/>
      <c r="AA4" s="313"/>
      <c r="AB4" s="313"/>
      <c r="AC4" s="313"/>
      <c r="AD4" s="313"/>
      <c r="AE4" s="313"/>
      <c r="AF4" s="313"/>
      <c r="AG4" s="313"/>
      <c r="AH4" s="313"/>
      <c r="AI4" s="313"/>
      <c r="AJ4" s="313"/>
      <c r="AK4" s="315"/>
    </row>
    <row r="5" spans="2:37" s="31" customFormat="1" ht="18.75" customHeight="1" x14ac:dyDescent="0.2">
      <c r="B5" s="316"/>
      <c r="D5" s="317" t="s">
        <v>381</v>
      </c>
      <c r="E5" s="318"/>
      <c r="F5" s="318"/>
      <c r="G5" s="318"/>
      <c r="H5" s="318"/>
      <c r="I5" s="318"/>
      <c r="J5" s="318"/>
      <c r="K5" s="318"/>
      <c r="L5" s="318"/>
      <c r="M5" s="318"/>
      <c r="N5" s="318"/>
      <c r="O5" s="318"/>
      <c r="P5" s="318"/>
      <c r="Q5" s="318"/>
      <c r="R5" s="318"/>
      <c r="S5" s="318"/>
      <c r="T5" s="318"/>
      <c r="U5" s="318"/>
      <c r="V5" s="318"/>
      <c r="W5" s="318"/>
      <c r="X5" s="318"/>
      <c r="Y5" s="318"/>
      <c r="Z5" s="318"/>
      <c r="AA5" s="318"/>
      <c r="AB5" s="318"/>
      <c r="AC5" s="318"/>
      <c r="AD5" s="318"/>
      <c r="AE5" s="318"/>
      <c r="AF5" s="318"/>
      <c r="AG5" s="318"/>
      <c r="AH5" s="318"/>
      <c r="AI5" s="318"/>
      <c r="AJ5" s="318"/>
      <c r="AK5" s="319"/>
    </row>
    <row r="6" spans="2:37" s="31" customFormat="1" ht="25.75" customHeight="1" x14ac:dyDescent="0.2">
      <c r="B6" s="316"/>
      <c r="D6" s="327" t="s">
        <v>382</v>
      </c>
      <c r="E6" s="328"/>
      <c r="F6" s="328"/>
      <c r="G6" s="329"/>
      <c r="H6" s="329"/>
      <c r="I6" s="329"/>
      <c r="J6" s="329"/>
      <c r="K6" s="329"/>
      <c r="L6" s="329"/>
      <c r="M6" s="329"/>
      <c r="N6" s="329"/>
      <c r="O6" s="329"/>
      <c r="P6" s="329"/>
      <c r="Q6" s="329"/>
      <c r="R6" s="329"/>
      <c r="S6" s="329"/>
      <c r="T6" s="329"/>
      <c r="U6" s="329"/>
      <c r="V6" s="329"/>
      <c r="W6" s="329"/>
      <c r="X6" s="329"/>
      <c r="Y6" s="329"/>
      <c r="Z6" s="329"/>
      <c r="AA6" s="329"/>
      <c r="AB6" s="329"/>
      <c r="AC6" s="329"/>
      <c r="AD6" s="329"/>
      <c r="AE6" s="329"/>
      <c r="AF6" s="329"/>
      <c r="AG6" s="329"/>
      <c r="AH6" s="329"/>
      <c r="AI6" s="329"/>
      <c r="AJ6" s="330"/>
      <c r="AK6" s="319"/>
    </row>
    <row r="7" spans="2:37" s="31" customFormat="1" ht="25.75" customHeight="1" x14ac:dyDescent="0.2">
      <c r="B7" s="316"/>
      <c r="D7" s="331" t="s">
        <v>395</v>
      </c>
      <c r="E7" s="311"/>
      <c r="F7" s="311"/>
      <c r="G7" s="318"/>
      <c r="H7" s="318"/>
      <c r="I7" s="318"/>
      <c r="J7" s="318"/>
      <c r="K7" s="318"/>
      <c r="L7" s="318"/>
      <c r="M7" s="318"/>
      <c r="N7" s="318"/>
      <c r="O7" s="318"/>
      <c r="P7" s="318"/>
      <c r="Q7" s="318"/>
      <c r="R7" s="318"/>
      <c r="S7" s="318"/>
      <c r="T7" s="318"/>
      <c r="U7" s="318"/>
      <c r="V7" s="318"/>
      <c r="W7" s="318"/>
      <c r="X7" s="318"/>
      <c r="Y7" s="318"/>
      <c r="Z7" s="318"/>
      <c r="AA7" s="318"/>
      <c r="AB7" s="318"/>
      <c r="AC7" s="318"/>
      <c r="AD7" s="318"/>
      <c r="AE7" s="318"/>
      <c r="AF7" s="318"/>
      <c r="AG7" s="318"/>
      <c r="AH7" s="318"/>
      <c r="AI7" s="318"/>
      <c r="AJ7" s="332"/>
      <c r="AK7" s="319"/>
    </row>
    <row r="8" spans="2:37" s="31" customFormat="1" ht="25.75" customHeight="1" x14ac:dyDescent="0.2">
      <c r="B8" s="316"/>
      <c r="D8" s="331" t="s">
        <v>383</v>
      </c>
      <c r="E8" s="311"/>
      <c r="F8" s="311"/>
      <c r="G8" s="318"/>
      <c r="H8" s="318"/>
      <c r="I8" s="318"/>
      <c r="J8" s="318"/>
      <c r="K8" s="318"/>
      <c r="L8" s="318"/>
      <c r="M8" s="318"/>
      <c r="N8" s="318"/>
      <c r="O8" s="318"/>
      <c r="P8" s="318"/>
      <c r="Q8" s="318"/>
      <c r="R8" s="318"/>
      <c r="S8" s="318"/>
      <c r="T8" s="318"/>
      <c r="U8" s="318"/>
      <c r="V8" s="318"/>
      <c r="W8" s="318"/>
      <c r="X8" s="318"/>
      <c r="Y8" s="318"/>
      <c r="Z8" s="318"/>
      <c r="AA8" s="318"/>
      <c r="AB8" s="318"/>
      <c r="AC8" s="318"/>
      <c r="AD8" s="318"/>
      <c r="AE8" s="318"/>
      <c r="AF8" s="318"/>
      <c r="AG8" s="318"/>
      <c r="AH8" s="318"/>
      <c r="AI8" s="318"/>
      <c r="AJ8" s="332"/>
      <c r="AK8" s="319"/>
    </row>
    <row r="9" spans="2:37" s="31" customFormat="1" ht="25.75" customHeight="1" x14ac:dyDescent="0.2">
      <c r="B9" s="316"/>
      <c r="D9" s="331" t="s">
        <v>384</v>
      </c>
      <c r="E9" s="311"/>
      <c r="F9" s="311"/>
      <c r="G9" s="318"/>
      <c r="H9" s="318"/>
      <c r="I9" s="318"/>
      <c r="J9" s="318"/>
      <c r="K9" s="318"/>
      <c r="L9" s="318"/>
      <c r="M9" s="318"/>
      <c r="N9" s="318"/>
      <c r="O9" s="318"/>
      <c r="P9" s="318"/>
      <c r="Q9" s="318"/>
      <c r="R9" s="318"/>
      <c r="S9" s="318"/>
      <c r="T9" s="318"/>
      <c r="U9" s="318"/>
      <c r="V9" s="318"/>
      <c r="W9" s="318"/>
      <c r="X9" s="318"/>
      <c r="Y9" s="318"/>
      <c r="Z9" s="318"/>
      <c r="AA9" s="318"/>
      <c r="AB9" s="318"/>
      <c r="AC9" s="318"/>
      <c r="AD9" s="318"/>
      <c r="AE9" s="318"/>
      <c r="AF9" s="318"/>
      <c r="AG9" s="318"/>
      <c r="AH9" s="318"/>
      <c r="AI9" s="318"/>
      <c r="AJ9" s="332"/>
      <c r="AK9" s="319"/>
    </row>
    <row r="10" spans="2:37" s="31" customFormat="1" ht="25.75" customHeight="1" x14ac:dyDescent="0.2">
      <c r="B10" s="316"/>
      <c r="D10" s="331" t="s">
        <v>385</v>
      </c>
      <c r="E10" s="311"/>
      <c r="F10" s="311"/>
      <c r="G10" s="318"/>
      <c r="H10" s="318"/>
      <c r="I10" s="318"/>
      <c r="J10" s="318"/>
      <c r="K10" s="318"/>
      <c r="L10" s="318"/>
      <c r="M10" s="318"/>
      <c r="N10" s="318"/>
      <c r="O10" s="318"/>
      <c r="P10" s="318"/>
      <c r="Q10" s="318"/>
      <c r="R10" s="318"/>
      <c r="S10" s="318"/>
      <c r="T10" s="318"/>
      <c r="U10" s="318"/>
      <c r="V10" s="318"/>
      <c r="W10" s="318"/>
      <c r="X10" s="318"/>
      <c r="Y10" s="318"/>
      <c r="Z10" s="318"/>
      <c r="AA10" s="318"/>
      <c r="AB10" s="318"/>
      <c r="AC10" s="318"/>
      <c r="AD10" s="318"/>
      <c r="AE10" s="318"/>
      <c r="AF10" s="318"/>
      <c r="AG10" s="318"/>
      <c r="AH10" s="318"/>
      <c r="AI10" s="318"/>
      <c r="AJ10" s="332"/>
      <c r="AK10" s="319"/>
    </row>
    <row r="11" spans="2:37" s="31" customFormat="1" ht="25.75" customHeight="1" x14ac:dyDescent="0.2">
      <c r="B11" s="316"/>
      <c r="D11" s="331" t="s">
        <v>386</v>
      </c>
      <c r="E11" s="311"/>
      <c r="F11" s="311"/>
      <c r="G11" s="318"/>
      <c r="H11" s="318"/>
      <c r="I11" s="318"/>
      <c r="J11" s="318"/>
      <c r="K11" s="318"/>
      <c r="L11" s="318"/>
      <c r="M11" s="318"/>
      <c r="N11" s="318"/>
      <c r="O11" s="318"/>
      <c r="P11" s="318"/>
      <c r="Q11" s="318"/>
      <c r="R11" s="318"/>
      <c r="S11" s="318"/>
      <c r="T11" s="318"/>
      <c r="U11" s="318"/>
      <c r="V11" s="318"/>
      <c r="W11" s="318"/>
      <c r="X11" s="318"/>
      <c r="Y11" s="318"/>
      <c r="Z11" s="318"/>
      <c r="AA11" s="318"/>
      <c r="AB11" s="318"/>
      <c r="AC11" s="318"/>
      <c r="AD11" s="318"/>
      <c r="AE11" s="318"/>
      <c r="AF11" s="318"/>
      <c r="AG11" s="318"/>
      <c r="AH11" s="318"/>
      <c r="AI11" s="318"/>
      <c r="AJ11" s="332"/>
      <c r="AK11" s="319"/>
    </row>
    <row r="12" spans="2:37" s="31" customFormat="1" ht="25.75" customHeight="1" x14ac:dyDescent="0.2">
      <c r="B12" s="316"/>
      <c r="D12" s="331" t="s">
        <v>387</v>
      </c>
      <c r="E12" s="311"/>
      <c r="F12" s="311"/>
      <c r="G12" s="318"/>
      <c r="H12" s="318"/>
      <c r="I12" s="318"/>
      <c r="J12" s="318"/>
      <c r="K12" s="318"/>
      <c r="L12" s="318"/>
      <c r="M12" s="318"/>
      <c r="N12" s="318"/>
      <c r="O12" s="318"/>
      <c r="P12" s="318"/>
      <c r="Q12" s="318"/>
      <c r="R12" s="318"/>
      <c r="S12" s="318"/>
      <c r="T12" s="318"/>
      <c r="U12" s="318"/>
      <c r="V12" s="318"/>
      <c r="W12" s="318"/>
      <c r="X12" s="318"/>
      <c r="Y12" s="318"/>
      <c r="Z12" s="318"/>
      <c r="AA12" s="318"/>
      <c r="AB12" s="318"/>
      <c r="AC12" s="318"/>
      <c r="AD12" s="318"/>
      <c r="AE12" s="318"/>
      <c r="AF12" s="318"/>
      <c r="AG12" s="318"/>
      <c r="AH12" s="318"/>
      <c r="AI12" s="318"/>
      <c r="AJ12" s="332"/>
      <c r="AK12" s="319"/>
    </row>
    <row r="13" spans="2:37" s="31" customFormat="1" ht="25.75" customHeight="1" x14ac:dyDescent="0.2">
      <c r="B13" s="316"/>
      <c r="D13" s="331" t="s">
        <v>388</v>
      </c>
      <c r="E13" s="311"/>
      <c r="F13" s="311"/>
      <c r="G13" s="318"/>
      <c r="H13" s="318"/>
      <c r="I13" s="318"/>
      <c r="J13" s="318"/>
      <c r="K13" s="318"/>
      <c r="L13" s="318"/>
      <c r="M13" s="318"/>
      <c r="N13" s="318"/>
      <c r="O13" s="318"/>
      <c r="P13" s="318"/>
      <c r="Q13" s="318"/>
      <c r="R13" s="318"/>
      <c r="S13" s="318"/>
      <c r="T13" s="318"/>
      <c r="U13" s="318"/>
      <c r="V13" s="318"/>
      <c r="W13" s="318"/>
      <c r="X13" s="318"/>
      <c r="Y13" s="318"/>
      <c r="Z13" s="318"/>
      <c r="AA13" s="318"/>
      <c r="AB13" s="318"/>
      <c r="AC13" s="318"/>
      <c r="AD13" s="318"/>
      <c r="AE13" s="318"/>
      <c r="AF13" s="318"/>
      <c r="AG13" s="318"/>
      <c r="AH13" s="318"/>
      <c r="AI13" s="318"/>
      <c r="AJ13" s="332"/>
      <c r="AK13" s="319"/>
    </row>
    <row r="14" spans="2:37" s="31" customFormat="1" ht="25.75" customHeight="1" x14ac:dyDescent="0.2">
      <c r="B14" s="316"/>
      <c r="D14" s="331" t="s">
        <v>389</v>
      </c>
      <c r="E14" s="311"/>
      <c r="F14" s="318"/>
      <c r="G14" s="318"/>
      <c r="H14" s="318"/>
      <c r="I14" s="318"/>
      <c r="J14" s="318"/>
      <c r="K14" s="318"/>
      <c r="L14" s="318"/>
      <c r="M14" s="318"/>
      <c r="N14" s="318"/>
      <c r="O14" s="318"/>
      <c r="P14" s="318"/>
      <c r="Q14" s="318"/>
      <c r="R14" s="318"/>
      <c r="S14" s="318"/>
      <c r="T14" s="318"/>
      <c r="U14" s="318"/>
      <c r="V14" s="318"/>
      <c r="W14" s="318"/>
      <c r="X14" s="318"/>
      <c r="Y14" s="318"/>
      <c r="Z14" s="318"/>
      <c r="AA14" s="318"/>
      <c r="AB14" s="318"/>
      <c r="AC14" s="318"/>
      <c r="AD14" s="318"/>
      <c r="AE14" s="318"/>
      <c r="AF14" s="318"/>
      <c r="AG14" s="318"/>
      <c r="AH14" s="318"/>
      <c r="AI14" s="318"/>
      <c r="AJ14" s="332"/>
      <c r="AK14" s="319"/>
    </row>
    <row r="15" spans="2:37" s="31" customFormat="1" ht="25.75" customHeight="1" x14ac:dyDescent="0.2">
      <c r="B15" s="316"/>
      <c r="D15" s="331" t="s">
        <v>390</v>
      </c>
      <c r="E15" s="311"/>
      <c r="F15" s="311"/>
      <c r="G15" s="318"/>
      <c r="H15" s="318"/>
      <c r="I15" s="318"/>
      <c r="J15" s="318"/>
      <c r="K15" s="318"/>
      <c r="L15" s="318"/>
      <c r="M15" s="318"/>
      <c r="N15" s="318"/>
      <c r="O15" s="318"/>
      <c r="P15" s="318"/>
      <c r="Q15" s="318"/>
      <c r="R15" s="318"/>
      <c r="S15" s="318"/>
      <c r="T15" s="318"/>
      <c r="U15" s="318"/>
      <c r="V15" s="318"/>
      <c r="W15" s="318"/>
      <c r="X15" s="318"/>
      <c r="Y15" s="318"/>
      <c r="Z15" s="318"/>
      <c r="AA15" s="318"/>
      <c r="AB15" s="318"/>
      <c r="AC15" s="318"/>
      <c r="AD15" s="318"/>
      <c r="AE15" s="318"/>
      <c r="AF15" s="318"/>
      <c r="AG15" s="318"/>
      <c r="AH15" s="318"/>
      <c r="AI15" s="318"/>
      <c r="AJ15" s="332"/>
      <c r="AK15" s="319"/>
    </row>
    <row r="16" spans="2:37" s="31" customFormat="1" ht="25.75" customHeight="1" x14ac:dyDescent="0.2">
      <c r="B16" s="316"/>
      <c r="D16" s="331" t="s">
        <v>391</v>
      </c>
      <c r="E16" s="311"/>
      <c r="F16" s="311"/>
      <c r="G16" s="318"/>
      <c r="H16" s="318"/>
      <c r="I16" s="318"/>
      <c r="J16" s="318"/>
      <c r="K16" s="318"/>
      <c r="L16" s="318"/>
      <c r="M16" s="318"/>
      <c r="N16" s="318"/>
      <c r="O16" s="318"/>
      <c r="P16" s="318"/>
      <c r="Q16" s="318"/>
      <c r="R16" s="318"/>
      <c r="S16" s="318"/>
      <c r="T16" s="318"/>
      <c r="U16" s="318"/>
      <c r="V16" s="318"/>
      <c r="W16" s="318"/>
      <c r="X16" s="318"/>
      <c r="Y16" s="318"/>
      <c r="Z16" s="318"/>
      <c r="AA16" s="318"/>
      <c r="AB16" s="318"/>
      <c r="AC16" s="318"/>
      <c r="AD16" s="318"/>
      <c r="AE16" s="318"/>
      <c r="AF16" s="318"/>
      <c r="AG16" s="318"/>
      <c r="AH16" s="318"/>
      <c r="AI16" s="318"/>
      <c r="AJ16" s="332"/>
      <c r="AK16" s="319"/>
    </row>
    <row r="17" spans="2:37" s="31" customFormat="1" ht="25.75" customHeight="1" x14ac:dyDescent="0.2">
      <c r="B17" s="316"/>
      <c r="D17" s="331" t="s">
        <v>392</v>
      </c>
      <c r="E17" s="311"/>
      <c r="F17" s="311"/>
      <c r="G17" s="318"/>
      <c r="H17" s="318"/>
      <c r="I17" s="318"/>
      <c r="J17" s="318"/>
      <c r="K17" s="318"/>
      <c r="L17" s="318"/>
      <c r="M17" s="318"/>
      <c r="N17" s="318"/>
      <c r="O17" s="318"/>
      <c r="P17" s="318"/>
      <c r="Q17" s="318"/>
      <c r="R17" s="318"/>
      <c r="S17" s="318"/>
      <c r="T17" s="318"/>
      <c r="U17" s="318"/>
      <c r="V17" s="318"/>
      <c r="W17" s="318"/>
      <c r="X17" s="318"/>
      <c r="Y17" s="318"/>
      <c r="Z17" s="318"/>
      <c r="AA17" s="318"/>
      <c r="AB17" s="318"/>
      <c r="AC17" s="318"/>
      <c r="AD17" s="318"/>
      <c r="AE17" s="318"/>
      <c r="AF17" s="318"/>
      <c r="AG17" s="318"/>
      <c r="AH17" s="318"/>
      <c r="AI17" s="318"/>
      <c r="AJ17" s="332"/>
      <c r="AK17" s="319"/>
    </row>
    <row r="18" spans="2:37" s="31" customFormat="1" ht="25.75" customHeight="1" x14ac:dyDescent="0.2">
      <c r="B18" s="316"/>
      <c r="D18" s="333" t="s">
        <v>393</v>
      </c>
      <c r="E18" s="334"/>
      <c r="F18" s="334"/>
      <c r="G18" s="335"/>
      <c r="H18" s="335"/>
      <c r="I18" s="335"/>
      <c r="J18" s="335"/>
      <c r="K18" s="335"/>
      <c r="L18" s="335"/>
      <c r="M18" s="335"/>
      <c r="N18" s="335"/>
      <c r="O18" s="335"/>
      <c r="P18" s="335"/>
      <c r="Q18" s="335"/>
      <c r="R18" s="335"/>
      <c r="S18" s="335"/>
      <c r="T18" s="335"/>
      <c r="U18" s="335"/>
      <c r="V18" s="335"/>
      <c r="W18" s="335"/>
      <c r="X18" s="335"/>
      <c r="Y18" s="335"/>
      <c r="Z18" s="335"/>
      <c r="AA18" s="335"/>
      <c r="AB18" s="335"/>
      <c r="AC18" s="335"/>
      <c r="AD18" s="335"/>
      <c r="AE18" s="335"/>
      <c r="AF18" s="335"/>
      <c r="AG18" s="335"/>
      <c r="AH18" s="335"/>
      <c r="AI18" s="335"/>
      <c r="AJ18" s="336"/>
      <c r="AK18" s="319"/>
    </row>
    <row r="19" spans="2:37" s="31" customFormat="1" ht="26.25" customHeight="1" x14ac:dyDescent="0.2">
      <c r="B19" s="316"/>
      <c r="E19" s="65"/>
      <c r="F19" s="65"/>
      <c r="AK19" s="319"/>
    </row>
    <row r="20" spans="2:37" s="31" customFormat="1" ht="24.65" customHeight="1" x14ac:dyDescent="0.2">
      <c r="B20" s="316"/>
      <c r="E20" s="320"/>
      <c r="F20" s="65"/>
      <c r="AK20" s="319"/>
    </row>
    <row r="21" spans="2:37" s="31" customFormat="1" ht="26.25" customHeight="1" x14ac:dyDescent="0.2">
      <c r="B21" s="316"/>
      <c r="D21" s="317" t="s">
        <v>394</v>
      </c>
      <c r="E21" s="311"/>
      <c r="F21" s="311"/>
      <c r="G21" s="311"/>
      <c r="H21" s="311"/>
      <c r="I21" s="311"/>
      <c r="J21" s="311"/>
      <c r="K21" s="311"/>
      <c r="L21" s="311"/>
      <c r="M21" s="311"/>
      <c r="N21" s="311"/>
      <c r="O21" s="311"/>
      <c r="P21" s="311"/>
      <c r="Q21" s="318"/>
      <c r="R21" s="318"/>
      <c r="S21" s="318"/>
      <c r="T21" s="318"/>
      <c r="U21" s="318"/>
      <c r="V21" s="318"/>
      <c r="W21" s="318"/>
      <c r="X21" s="318"/>
      <c r="Y21" s="318"/>
      <c r="Z21" s="318"/>
      <c r="AA21" s="318"/>
      <c r="AB21" s="318"/>
      <c r="AC21" s="318"/>
      <c r="AD21" s="318"/>
      <c r="AE21" s="318"/>
      <c r="AF21" s="318"/>
      <c r="AG21" s="318"/>
      <c r="AH21" s="318"/>
      <c r="AI21" s="318"/>
      <c r="AJ21" s="318"/>
      <c r="AK21" s="319"/>
    </row>
    <row r="22" spans="2:37" s="31" customFormat="1" ht="26.25" customHeight="1" x14ac:dyDescent="0.2">
      <c r="B22" s="316"/>
      <c r="D22" s="318"/>
      <c r="E22" s="311"/>
      <c r="F22" s="311"/>
      <c r="G22" s="318"/>
      <c r="H22" s="318"/>
      <c r="I22" s="318"/>
      <c r="J22" s="318"/>
      <c r="K22" s="318"/>
      <c r="L22" s="318"/>
      <c r="M22" s="318"/>
      <c r="N22" s="318"/>
      <c r="O22" s="318"/>
      <c r="P22" s="318"/>
      <c r="Q22" s="318"/>
      <c r="R22" s="318"/>
      <c r="S22" s="318"/>
      <c r="T22" s="318"/>
      <c r="U22" s="318"/>
      <c r="V22" s="318"/>
      <c r="W22" s="318"/>
      <c r="X22" s="318"/>
      <c r="Y22" s="318"/>
      <c r="Z22" s="318"/>
      <c r="AA22" s="318"/>
      <c r="AB22" s="318"/>
      <c r="AC22" s="318"/>
      <c r="AD22" s="318"/>
      <c r="AE22" s="318"/>
      <c r="AF22" s="318"/>
      <c r="AG22" s="318"/>
      <c r="AH22" s="318"/>
      <c r="AI22" s="318"/>
      <c r="AJ22" s="318"/>
      <c r="AK22" s="319"/>
    </row>
    <row r="23" spans="2:37" s="31" customFormat="1" ht="26.25" customHeight="1" x14ac:dyDescent="0.2">
      <c r="B23" s="316"/>
      <c r="D23" s="318"/>
      <c r="E23" s="311"/>
      <c r="F23" s="311"/>
      <c r="G23" s="318"/>
      <c r="H23" s="318"/>
      <c r="I23" s="318"/>
      <c r="J23" s="318"/>
      <c r="K23" s="318"/>
      <c r="L23" s="318"/>
      <c r="M23" s="318"/>
      <c r="N23" s="318"/>
      <c r="O23" s="318"/>
      <c r="P23" s="318"/>
      <c r="Q23" s="318"/>
      <c r="R23" s="318"/>
      <c r="S23" s="318"/>
      <c r="T23" s="318"/>
      <c r="U23" s="318"/>
      <c r="V23" s="318"/>
      <c r="W23" s="318"/>
      <c r="X23" s="318"/>
      <c r="Y23" s="318"/>
      <c r="Z23" s="318"/>
      <c r="AA23" s="318"/>
      <c r="AB23" s="318"/>
      <c r="AC23" s="318"/>
      <c r="AD23" s="318"/>
      <c r="AE23" s="318"/>
      <c r="AF23" s="318"/>
      <c r="AG23" s="318"/>
      <c r="AH23" s="318"/>
      <c r="AI23" s="318"/>
      <c r="AJ23" s="318"/>
      <c r="AK23" s="319"/>
    </row>
    <row r="24" spans="2:37" s="31" customFormat="1" ht="26.25" customHeight="1" x14ac:dyDescent="0.2">
      <c r="B24" s="316"/>
      <c r="D24" s="318"/>
      <c r="E24" s="311"/>
      <c r="F24" s="311"/>
      <c r="G24" s="318"/>
      <c r="H24" s="318"/>
      <c r="I24" s="318"/>
      <c r="J24" s="318"/>
      <c r="K24" s="318"/>
      <c r="L24" s="318"/>
      <c r="M24" s="318"/>
      <c r="N24" s="318"/>
      <c r="O24" s="318"/>
      <c r="P24" s="318"/>
      <c r="Q24" s="318"/>
      <c r="R24" s="318"/>
      <c r="S24" s="318"/>
      <c r="T24" s="318"/>
      <c r="U24" s="318"/>
      <c r="V24" s="318"/>
      <c r="W24" s="318"/>
      <c r="X24" s="318"/>
      <c r="Y24" s="318"/>
      <c r="Z24" s="318"/>
      <c r="AA24" s="318"/>
      <c r="AB24" s="318"/>
      <c r="AC24" s="318"/>
      <c r="AD24" s="318"/>
      <c r="AE24" s="318"/>
      <c r="AF24" s="318"/>
      <c r="AG24" s="318"/>
      <c r="AH24" s="318"/>
      <c r="AI24" s="318"/>
      <c r="AJ24" s="318"/>
      <c r="AK24" s="319"/>
    </row>
    <row r="25" spans="2:37" s="31" customFormat="1" ht="36.65" customHeight="1" x14ac:dyDescent="0.2">
      <c r="B25" s="316"/>
      <c r="D25" s="318"/>
      <c r="E25" s="311"/>
      <c r="F25" s="311"/>
      <c r="G25" s="318"/>
      <c r="H25" s="318"/>
      <c r="I25" s="318"/>
      <c r="J25" s="318"/>
      <c r="K25" s="318"/>
      <c r="L25" s="318"/>
      <c r="M25" s="318"/>
      <c r="N25" s="318"/>
      <c r="O25" s="318"/>
      <c r="P25" s="318"/>
      <c r="Q25" s="318"/>
      <c r="R25" s="318"/>
      <c r="S25" s="318"/>
      <c r="T25" s="318"/>
      <c r="U25" s="318"/>
      <c r="V25" s="318"/>
      <c r="W25" s="318"/>
      <c r="X25" s="318"/>
      <c r="Y25" s="318"/>
      <c r="Z25" s="318"/>
      <c r="AA25" s="318"/>
      <c r="AB25" s="318"/>
      <c r="AC25" s="318"/>
      <c r="AD25" s="318"/>
      <c r="AE25" s="318"/>
      <c r="AF25" s="318"/>
      <c r="AG25" s="318"/>
      <c r="AH25" s="318"/>
      <c r="AI25" s="318"/>
      <c r="AJ25" s="318"/>
      <c r="AK25" s="319"/>
    </row>
    <row r="26" spans="2:37" ht="38.4" customHeight="1" x14ac:dyDescent="0.2">
      <c r="B26" s="321"/>
      <c r="D26" s="322"/>
      <c r="E26" s="322"/>
      <c r="F26" s="322"/>
      <c r="G26" s="322"/>
      <c r="H26" s="322"/>
      <c r="I26" s="322"/>
      <c r="J26" s="322"/>
      <c r="K26" s="322"/>
      <c r="L26" s="322"/>
      <c r="M26" s="322"/>
      <c r="N26" s="322"/>
      <c r="O26" s="322"/>
      <c r="P26" s="322"/>
      <c r="Q26" s="322"/>
      <c r="R26" s="322"/>
      <c r="S26" s="322"/>
      <c r="T26" s="322"/>
      <c r="U26" s="322"/>
      <c r="V26" s="322"/>
      <c r="W26" s="322"/>
      <c r="X26" s="322"/>
      <c r="Y26" s="322"/>
      <c r="Z26" s="322"/>
      <c r="AA26" s="322"/>
      <c r="AB26" s="322"/>
      <c r="AC26" s="322"/>
      <c r="AD26" s="322"/>
      <c r="AE26" s="322"/>
      <c r="AF26" s="322"/>
      <c r="AG26" s="322"/>
      <c r="AH26" s="322"/>
      <c r="AI26" s="322"/>
      <c r="AJ26" s="322"/>
      <c r="AK26" s="323"/>
    </row>
    <row r="27" spans="2:37" ht="13.5" thickBot="1" x14ac:dyDescent="0.25">
      <c r="B27" s="324"/>
      <c r="C27" s="325"/>
      <c r="D27" s="325"/>
      <c r="E27" s="325"/>
      <c r="F27" s="325"/>
      <c r="G27" s="325"/>
      <c r="H27" s="325"/>
      <c r="I27" s="325"/>
      <c r="J27" s="325"/>
      <c r="K27" s="325"/>
      <c r="L27" s="325"/>
      <c r="M27" s="325"/>
      <c r="N27" s="325"/>
      <c r="O27" s="325"/>
      <c r="P27" s="325"/>
      <c r="Q27" s="325"/>
      <c r="R27" s="325"/>
      <c r="S27" s="325"/>
      <c r="T27" s="325"/>
      <c r="U27" s="325"/>
      <c r="V27" s="325"/>
      <c r="W27" s="325"/>
      <c r="X27" s="325"/>
      <c r="Y27" s="325"/>
      <c r="Z27" s="325"/>
      <c r="AA27" s="325"/>
      <c r="AB27" s="325"/>
      <c r="AC27" s="325"/>
      <c r="AD27" s="325"/>
      <c r="AE27" s="325"/>
      <c r="AF27" s="325"/>
      <c r="AG27" s="325"/>
      <c r="AH27" s="325"/>
      <c r="AI27" s="325"/>
      <c r="AJ27" s="325"/>
      <c r="AK27" s="326"/>
    </row>
    <row r="28" spans="2:37" ht="13.5" thickTop="1" x14ac:dyDescent="0.2"/>
  </sheetData>
  <mergeCells count="1">
    <mergeCell ref="D4:H4"/>
  </mergeCells>
  <phoneticPr fontId="2"/>
  <printOptions horizontalCentered="1" verticalCentered="1"/>
  <pageMargins left="0.39370078740157483" right="0.39370078740157483" top="0.78740157480314965" bottom="0.23622047244094491" header="0.55118110236220474" footer="0.19685039370078741"/>
  <pageSetup paperSize="9" scale="60" orientation="landscape" r:id="rId1"/>
  <headerFooter alignWithMargins="0">
    <oddHeader>&amp;R&amp;"ＭＳ Ｐゴシック,太字"&amp;18【別紙－１】</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2:AL35"/>
  <sheetViews>
    <sheetView view="pageBreakPreview" zoomScale="70" zoomScaleNormal="100" zoomScaleSheetLayoutView="70" workbookViewId="0">
      <selection activeCell="O2" sqref="O2"/>
    </sheetView>
  </sheetViews>
  <sheetFormatPr defaultRowHeight="13" x14ac:dyDescent="0.2"/>
  <cols>
    <col min="1" max="1" width="2" customWidth="1"/>
    <col min="2" max="2" width="1.08984375" customWidth="1"/>
    <col min="3" max="3" width="2.08984375" customWidth="1"/>
    <col min="4" max="4" width="4.08984375" customWidth="1"/>
    <col min="5" max="5" width="8.1796875" customWidth="1"/>
    <col min="6" max="6" width="10.36328125" customWidth="1"/>
    <col min="8" max="8" width="11.36328125" customWidth="1"/>
    <col min="9" max="9" width="4" customWidth="1"/>
    <col min="10" max="10" width="6.90625" customWidth="1"/>
    <col min="11" max="11" width="2.36328125" customWidth="1"/>
    <col min="12" max="12" width="4.453125" customWidth="1"/>
    <col min="13" max="19" width="5.453125" customWidth="1"/>
    <col min="20" max="20" width="2.6328125" customWidth="1"/>
    <col min="23" max="23" width="4.36328125" customWidth="1"/>
    <col min="24" max="24" width="4.453125" customWidth="1"/>
    <col min="26" max="26" width="6.36328125" customWidth="1"/>
    <col min="27" max="27" width="6.453125" customWidth="1"/>
    <col min="28" max="28" width="6.6328125" customWidth="1"/>
    <col min="29" max="29" width="3.6328125" customWidth="1"/>
    <col min="36" max="36" width="2.1796875" customWidth="1"/>
    <col min="37" max="37" width="3.36328125" customWidth="1"/>
  </cols>
  <sheetData>
    <row r="2" spans="2:38" ht="30" customHeight="1" x14ac:dyDescent="0.2">
      <c r="B2" s="63" t="s">
        <v>36</v>
      </c>
      <c r="O2" s="309" t="s">
        <v>378</v>
      </c>
    </row>
    <row r="3" spans="2:38" ht="9.9" customHeight="1" thickBot="1" x14ac:dyDescent="0.25"/>
    <row r="4" spans="2:38" ht="9.9" customHeight="1" thickTop="1" x14ac:dyDescent="0.2">
      <c r="B4" s="66"/>
      <c r="C4" s="11"/>
      <c r="D4" s="337"/>
      <c r="E4" s="337"/>
      <c r="F4" s="337"/>
      <c r="G4" s="337"/>
      <c r="H4" s="337"/>
      <c r="I4" s="11"/>
      <c r="J4" s="11"/>
      <c r="K4" s="67"/>
      <c r="L4" s="11"/>
      <c r="M4" s="11"/>
      <c r="N4" s="11"/>
      <c r="O4" s="11"/>
      <c r="P4" s="11"/>
      <c r="Q4" s="11"/>
      <c r="R4" s="11"/>
      <c r="S4" s="67"/>
      <c r="T4" s="67"/>
      <c r="U4" s="11"/>
      <c r="V4" s="11"/>
      <c r="W4" s="11"/>
      <c r="X4" s="11"/>
      <c r="Y4" s="11"/>
      <c r="Z4" s="11"/>
      <c r="AA4" s="11"/>
      <c r="AB4" s="11"/>
      <c r="AC4" s="11"/>
      <c r="AD4" s="11"/>
      <c r="AE4" s="11"/>
      <c r="AF4" s="11"/>
      <c r="AG4" s="11"/>
      <c r="AH4" s="11"/>
      <c r="AI4" s="11"/>
      <c r="AJ4" s="11"/>
      <c r="AK4" s="12"/>
    </row>
    <row r="5" spans="2:38" ht="57.75" customHeight="1" thickBot="1" x14ac:dyDescent="0.25">
      <c r="B5" s="13"/>
      <c r="D5" s="1"/>
      <c r="E5" s="345" t="s">
        <v>3</v>
      </c>
      <c r="F5" s="345"/>
      <c r="G5" s="346"/>
      <c r="H5" s="346"/>
      <c r="I5" s="346"/>
      <c r="J5" s="346"/>
      <c r="K5" s="2"/>
      <c r="L5" s="347" t="s">
        <v>6</v>
      </c>
      <c r="M5" s="348"/>
      <c r="N5" s="348"/>
      <c r="O5" s="348"/>
      <c r="P5" s="349"/>
      <c r="Q5" s="349"/>
      <c r="R5" s="349"/>
      <c r="S5" s="349"/>
      <c r="T5" s="2"/>
      <c r="U5" s="2" t="s">
        <v>4</v>
      </c>
      <c r="V5" s="94"/>
      <c r="W5" s="2"/>
      <c r="X5" s="2"/>
      <c r="Y5" s="2"/>
      <c r="Z5" s="95"/>
      <c r="AA5" s="95"/>
      <c r="AB5" s="95"/>
      <c r="AC5" s="96"/>
      <c r="AD5" s="2"/>
      <c r="AE5" s="2"/>
      <c r="AF5" s="2"/>
      <c r="AG5" s="97"/>
      <c r="AH5" s="97"/>
      <c r="AI5" s="97"/>
      <c r="AJ5" s="98"/>
      <c r="AK5" s="16"/>
      <c r="AL5" s="13"/>
    </row>
    <row r="6" spans="2:38" ht="30" customHeight="1" thickTop="1" x14ac:dyDescent="0.2">
      <c r="B6" s="13"/>
      <c r="D6" s="4"/>
      <c r="E6" s="339" t="s">
        <v>65</v>
      </c>
      <c r="F6" s="339"/>
      <c r="G6" s="340"/>
      <c r="H6" s="340"/>
      <c r="I6" s="340"/>
      <c r="J6" s="340"/>
      <c r="L6" s="341" t="s">
        <v>5</v>
      </c>
      <c r="M6" s="341"/>
      <c r="N6" s="341"/>
      <c r="O6" s="341"/>
      <c r="P6" s="342"/>
      <c r="Q6" s="342"/>
      <c r="R6" s="342"/>
      <c r="S6" s="342"/>
      <c r="U6" t="s">
        <v>4</v>
      </c>
      <c r="V6" s="90"/>
      <c r="Z6" s="91"/>
      <c r="AA6" s="91"/>
      <c r="AB6" s="91"/>
      <c r="AC6" s="18"/>
      <c r="AG6" s="29"/>
      <c r="AH6" s="29"/>
      <c r="AI6" s="29"/>
      <c r="AJ6" s="28"/>
      <c r="AK6" s="16"/>
      <c r="AL6" s="13"/>
    </row>
    <row r="7" spans="2:38" ht="30" customHeight="1" x14ac:dyDescent="0.2">
      <c r="B7" s="13"/>
      <c r="D7" s="4"/>
      <c r="E7" s="339" t="s">
        <v>66</v>
      </c>
      <c r="F7" s="339"/>
      <c r="G7" s="340"/>
      <c r="H7" s="340"/>
      <c r="I7" s="340"/>
      <c r="J7" s="340"/>
      <c r="L7" s="341" t="s">
        <v>5</v>
      </c>
      <c r="M7" s="341"/>
      <c r="N7" s="341"/>
      <c r="O7" s="341"/>
      <c r="P7" s="342"/>
      <c r="Q7" s="342"/>
      <c r="R7" s="342"/>
      <c r="S7" s="342"/>
      <c r="U7" t="s">
        <v>4</v>
      </c>
      <c r="V7" s="90"/>
      <c r="Z7" s="91"/>
      <c r="AA7" s="91"/>
      <c r="AB7" s="91"/>
      <c r="AC7" s="18"/>
      <c r="AG7" s="29"/>
      <c r="AH7" s="29"/>
      <c r="AI7" s="29"/>
      <c r="AJ7" s="28"/>
      <c r="AK7" s="16"/>
      <c r="AL7" s="13"/>
    </row>
    <row r="8" spans="2:38" ht="30" customHeight="1" x14ac:dyDescent="0.2">
      <c r="B8" s="13"/>
      <c r="D8" s="4"/>
      <c r="E8" s="339" t="s">
        <v>67</v>
      </c>
      <c r="F8" s="339"/>
      <c r="G8" s="340"/>
      <c r="H8" s="340"/>
      <c r="I8" s="340"/>
      <c r="J8" s="340"/>
      <c r="L8" s="341" t="s">
        <v>5</v>
      </c>
      <c r="M8" s="341"/>
      <c r="N8" s="341"/>
      <c r="O8" s="341"/>
      <c r="P8" s="342"/>
      <c r="Q8" s="342"/>
      <c r="R8" s="342"/>
      <c r="S8" s="342"/>
      <c r="U8" t="s">
        <v>4</v>
      </c>
      <c r="V8" s="90"/>
      <c r="Z8" s="91"/>
      <c r="AA8" s="91"/>
      <c r="AB8" s="91"/>
      <c r="AC8" s="18"/>
      <c r="AE8" s="18"/>
      <c r="AG8" s="29"/>
      <c r="AH8" s="29"/>
      <c r="AI8" s="29"/>
      <c r="AJ8" s="28"/>
      <c r="AK8" s="16"/>
      <c r="AL8" s="13"/>
    </row>
    <row r="9" spans="2:38" ht="30" customHeight="1" x14ac:dyDescent="0.2">
      <c r="B9" s="13"/>
      <c r="D9" s="4"/>
      <c r="E9" s="339" t="s">
        <v>68</v>
      </c>
      <c r="F9" s="339"/>
      <c r="G9" s="340"/>
      <c r="H9" s="340"/>
      <c r="I9" s="340"/>
      <c r="J9" s="340"/>
      <c r="L9" s="341" t="s">
        <v>5</v>
      </c>
      <c r="M9" s="341"/>
      <c r="N9" s="341"/>
      <c r="O9" s="341"/>
      <c r="P9" s="342"/>
      <c r="Q9" s="342"/>
      <c r="R9" s="342"/>
      <c r="S9" s="342"/>
      <c r="U9" t="s">
        <v>4</v>
      </c>
      <c r="V9" s="90"/>
      <c r="Z9" s="91"/>
      <c r="AA9" s="91"/>
      <c r="AB9" s="91"/>
      <c r="AC9" s="18"/>
      <c r="AE9" s="18"/>
      <c r="AG9" s="29"/>
      <c r="AH9" s="29"/>
      <c r="AI9" s="29"/>
      <c r="AJ9" s="28"/>
      <c r="AK9" s="16"/>
      <c r="AL9" s="13"/>
    </row>
    <row r="10" spans="2:38" ht="30" customHeight="1" x14ac:dyDescent="0.2">
      <c r="B10" s="13"/>
      <c r="D10" s="4"/>
      <c r="E10" s="339" t="s">
        <v>69</v>
      </c>
      <c r="F10" s="339"/>
      <c r="G10" s="340"/>
      <c r="H10" s="340"/>
      <c r="I10" s="340"/>
      <c r="J10" s="340"/>
      <c r="L10" s="341" t="s">
        <v>5</v>
      </c>
      <c r="M10" s="341"/>
      <c r="N10" s="341"/>
      <c r="O10" s="341"/>
      <c r="P10" s="342"/>
      <c r="Q10" s="342"/>
      <c r="R10" s="342"/>
      <c r="S10" s="342"/>
      <c r="U10" t="s">
        <v>4</v>
      </c>
      <c r="V10" s="90"/>
      <c r="Z10" s="91"/>
      <c r="AA10" s="91"/>
      <c r="AB10" s="91"/>
      <c r="AC10" s="18"/>
      <c r="AE10" s="18"/>
      <c r="AG10" s="29"/>
      <c r="AH10" s="29"/>
      <c r="AI10" s="29"/>
      <c r="AJ10" s="28"/>
      <c r="AK10" s="16"/>
      <c r="AL10" s="13"/>
    </row>
    <row r="11" spans="2:38" ht="30" customHeight="1" x14ac:dyDescent="0.2">
      <c r="B11" s="13"/>
      <c r="D11" s="4"/>
      <c r="E11" s="339" t="s">
        <v>64</v>
      </c>
      <c r="F11" s="339"/>
      <c r="G11" s="340"/>
      <c r="H11" s="340"/>
      <c r="I11" s="340"/>
      <c r="J11" s="340"/>
      <c r="L11" s="341" t="s">
        <v>5</v>
      </c>
      <c r="M11" s="341"/>
      <c r="N11" s="341"/>
      <c r="O11" s="341"/>
      <c r="P11" s="342"/>
      <c r="Q11" s="342"/>
      <c r="R11" s="342"/>
      <c r="S11" s="342"/>
      <c r="U11" t="s">
        <v>4</v>
      </c>
      <c r="V11" s="90"/>
      <c r="Z11" s="91"/>
      <c r="AA11" s="91"/>
      <c r="AB11" s="91"/>
      <c r="AC11" s="18"/>
      <c r="AG11" s="29"/>
      <c r="AH11" s="29"/>
      <c r="AI11" s="29"/>
      <c r="AJ11" s="28"/>
      <c r="AK11" s="16"/>
    </row>
    <row r="12" spans="2:38" ht="30" customHeight="1" x14ac:dyDescent="0.2">
      <c r="B12" s="13"/>
      <c r="D12" s="4"/>
      <c r="E12" s="339" t="s">
        <v>62</v>
      </c>
      <c r="F12" s="339"/>
      <c r="G12" s="340"/>
      <c r="H12" s="340"/>
      <c r="I12" s="340"/>
      <c r="J12" s="340"/>
      <c r="L12" s="341" t="s">
        <v>5</v>
      </c>
      <c r="M12" s="341"/>
      <c r="N12" s="341"/>
      <c r="O12" s="341"/>
      <c r="P12" s="342"/>
      <c r="Q12" s="342"/>
      <c r="R12" s="342"/>
      <c r="S12" s="342"/>
      <c r="U12" t="s">
        <v>4</v>
      </c>
      <c r="V12" s="90"/>
      <c r="Z12" s="91"/>
      <c r="AA12" s="91"/>
      <c r="AB12" s="91"/>
      <c r="AC12" s="18"/>
      <c r="AG12" s="29"/>
      <c r="AH12" s="29"/>
      <c r="AI12" s="29"/>
      <c r="AJ12" s="28"/>
      <c r="AK12" s="16"/>
    </row>
    <row r="13" spans="2:38" ht="30" customHeight="1" x14ac:dyDescent="0.2">
      <c r="B13" s="13"/>
      <c r="D13" s="4"/>
      <c r="E13" s="339" t="s">
        <v>63</v>
      </c>
      <c r="F13" s="339"/>
      <c r="G13" s="340"/>
      <c r="H13" s="340"/>
      <c r="I13" s="340"/>
      <c r="J13" s="340"/>
      <c r="L13" s="341" t="s">
        <v>5</v>
      </c>
      <c r="M13" s="341"/>
      <c r="N13" s="341"/>
      <c r="O13" s="341"/>
      <c r="P13" s="342"/>
      <c r="Q13" s="342"/>
      <c r="R13" s="342"/>
      <c r="S13" s="342"/>
      <c r="U13" t="s">
        <v>4</v>
      </c>
      <c r="V13" s="90"/>
      <c r="Z13" s="91"/>
      <c r="AA13" s="91"/>
      <c r="AB13" s="91"/>
      <c r="AC13" s="18"/>
      <c r="AG13" s="29"/>
      <c r="AH13" s="29"/>
      <c r="AI13" s="29"/>
      <c r="AJ13" s="28"/>
      <c r="AK13" s="16"/>
    </row>
    <row r="14" spans="2:38" ht="30" customHeight="1" x14ac:dyDescent="0.2">
      <c r="B14" s="13"/>
      <c r="D14" s="4"/>
      <c r="E14" s="339" t="s">
        <v>70</v>
      </c>
      <c r="F14" s="339"/>
      <c r="G14" s="340"/>
      <c r="H14" s="340"/>
      <c r="I14" s="340"/>
      <c r="J14" s="340"/>
      <c r="L14" s="341" t="s">
        <v>5</v>
      </c>
      <c r="M14" s="341"/>
      <c r="N14" s="341"/>
      <c r="O14" s="341"/>
      <c r="P14" s="342"/>
      <c r="Q14" s="342"/>
      <c r="R14" s="342"/>
      <c r="S14" s="342"/>
      <c r="U14" t="s">
        <v>4</v>
      </c>
      <c r="V14" s="90"/>
      <c r="Z14" s="91"/>
      <c r="AA14" s="91"/>
      <c r="AB14" s="91"/>
      <c r="AC14" s="18"/>
      <c r="AE14" s="18"/>
      <c r="AG14" s="29"/>
      <c r="AH14" s="29"/>
      <c r="AI14" s="29"/>
      <c r="AJ14" s="28"/>
      <c r="AK14" s="16"/>
    </row>
    <row r="15" spans="2:38" ht="30" customHeight="1" x14ac:dyDescent="0.2">
      <c r="B15" s="13"/>
      <c r="D15" s="4"/>
      <c r="E15" s="339" t="s">
        <v>71</v>
      </c>
      <c r="F15" s="339"/>
      <c r="G15" s="340"/>
      <c r="H15" s="340"/>
      <c r="I15" s="340"/>
      <c r="J15" s="340"/>
      <c r="L15" s="341" t="s">
        <v>5</v>
      </c>
      <c r="M15" s="341"/>
      <c r="N15" s="341"/>
      <c r="O15" s="341"/>
      <c r="P15" s="342"/>
      <c r="Q15" s="342"/>
      <c r="R15" s="342"/>
      <c r="S15" s="342"/>
      <c r="U15" t="s">
        <v>4</v>
      </c>
      <c r="V15" s="90"/>
      <c r="Z15" s="91"/>
      <c r="AA15" s="91"/>
      <c r="AB15" s="91"/>
      <c r="AC15" s="18"/>
      <c r="AE15" s="18"/>
      <c r="AG15" s="29"/>
      <c r="AH15" s="29"/>
      <c r="AI15" s="29"/>
      <c r="AJ15" s="28"/>
      <c r="AK15" s="16"/>
    </row>
    <row r="16" spans="2:38" ht="30" customHeight="1" x14ac:dyDescent="0.2">
      <c r="B16" s="13"/>
      <c r="D16" s="4"/>
      <c r="E16" s="339" t="s">
        <v>72</v>
      </c>
      <c r="F16" s="339"/>
      <c r="G16" s="340"/>
      <c r="H16" s="340"/>
      <c r="I16" s="340"/>
      <c r="J16" s="340"/>
      <c r="L16" s="341" t="s">
        <v>5</v>
      </c>
      <c r="M16" s="341"/>
      <c r="N16" s="341"/>
      <c r="O16" s="341"/>
      <c r="P16" s="342"/>
      <c r="Q16" s="342"/>
      <c r="R16" s="342"/>
      <c r="S16" s="342"/>
      <c r="U16" t="s">
        <v>4</v>
      </c>
      <c r="V16" s="90"/>
      <c r="Z16" s="91"/>
      <c r="AA16" s="91"/>
      <c r="AB16" s="91"/>
      <c r="AC16" s="18"/>
      <c r="AE16" s="18"/>
      <c r="AG16" s="29"/>
      <c r="AH16" s="29"/>
      <c r="AI16" s="29"/>
      <c r="AJ16" s="28"/>
      <c r="AK16" s="16"/>
    </row>
    <row r="17" spans="2:37" ht="30" customHeight="1" x14ac:dyDescent="0.2">
      <c r="B17" s="13"/>
      <c r="D17" s="4"/>
      <c r="E17" s="339" t="s">
        <v>73</v>
      </c>
      <c r="F17" s="339"/>
      <c r="G17" s="340"/>
      <c r="H17" s="340"/>
      <c r="I17" s="340"/>
      <c r="J17" s="340"/>
      <c r="L17" s="341" t="s">
        <v>5</v>
      </c>
      <c r="M17" s="341"/>
      <c r="N17" s="341"/>
      <c r="O17" s="341"/>
      <c r="P17" s="342"/>
      <c r="Q17" s="342"/>
      <c r="R17" s="342"/>
      <c r="S17" s="342"/>
      <c r="U17" t="s">
        <v>4</v>
      </c>
      <c r="V17" s="90"/>
      <c r="Z17" s="91"/>
      <c r="AA17" s="91"/>
      <c r="AB17" s="91"/>
      <c r="AC17" s="18"/>
      <c r="AG17" s="29"/>
      <c r="AH17" s="29"/>
      <c r="AI17" s="29"/>
      <c r="AJ17" s="28"/>
      <c r="AK17" s="16"/>
    </row>
    <row r="18" spans="2:37" ht="30" customHeight="1" x14ac:dyDescent="0.2">
      <c r="B18" s="13"/>
      <c r="D18" s="4"/>
      <c r="E18" s="339" t="s">
        <v>74</v>
      </c>
      <c r="F18" s="339"/>
      <c r="G18" s="340"/>
      <c r="H18" s="340"/>
      <c r="I18" s="340"/>
      <c r="J18" s="340"/>
      <c r="L18" s="341" t="s">
        <v>5</v>
      </c>
      <c r="M18" s="341"/>
      <c r="N18" s="341"/>
      <c r="O18" s="341"/>
      <c r="P18" s="342"/>
      <c r="Q18" s="342"/>
      <c r="R18" s="342"/>
      <c r="S18" s="342"/>
      <c r="U18" t="s">
        <v>4</v>
      </c>
      <c r="V18" s="90"/>
      <c r="Z18" s="91"/>
      <c r="AA18" s="91"/>
      <c r="AB18" s="91"/>
      <c r="AC18" s="18"/>
      <c r="AE18" s="18"/>
      <c r="AG18" s="29"/>
      <c r="AH18" s="29"/>
      <c r="AI18" s="29"/>
      <c r="AJ18" s="28"/>
      <c r="AK18" s="16"/>
    </row>
    <row r="19" spans="2:37" ht="30" customHeight="1" x14ac:dyDescent="0.2">
      <c r="B19" s="13"/>
      <c r="D19" s="4"/>
      <c r="E19" s="339" t="s">
        <v>75</v>
      </c>
      <c r="F19" s="339"/>
      <c r="G19" s="340"/>
      <c r="H19" s="340"/>
      <c r="I19" s="340"/>
      <c r="J19" s="340"/>
      <c r="L19" s="341" t="s">
        <v>5</v>
      </c>
      <c r="M19" s="341"/>
      <c r="N19" s="341"/>
      <c r="O19" s="341"/>
      <c r="P19" s="342"/>
      <c r="Q19" s="342"/>
      <c r="R19" s="342"/>
      <c r="S19" s="342"/>
      <c r="U19" t="s">
        <v>4</v>
      </c>
      <c r="V19" s="90"/>
      <c r="Z19" s="91"/>
      <c r="AA19" s="91"/>
      <c r="AB19" s="91"/>
      <c r="AC19" s="18"/>
      <c r="AE19" s="18"/>
      <c r="AG19" s="29"/>
      <c r="AH19" s="29"/>
      <c r="AI19" s="29"/>
      <c r="AJ19" s="28"/>
      <c r="AK19" s="16"/>
    </row>
    <row r="20" spans="2:37" ht="30" customHeight="1" x14ac:dyDescent="0.2">
      <c r="B20" s="13"/>
      <c r="D20" s="4"/>
      <c r="E20" s="339" t="s">
        <v>76</v>
      </c>
      <c r="F20" s="339"/>
      <c r="G20" s="340"/>
      <c r="H20" s="340"/>
      <c r="I20" s="340"/>
      <c r="J20" s="340"/>
      <c r="L20" s="341" t="s">
        <v>5</v>
      </c>
      <c r="M20" s="341"/>
      <c r="N20" s="341"/>
      <c r="O20" s="341"/>
      <c r="P20" s="342"/>
      <c r="Q20" s="342"/>
      <c r="R20" s="342"/>
      <c r="S20" s="342"/>
      <c r="U20" t="s">
        <v>4</v>
      </c>
      <c r="V20" s="90"/>
      <c r="Z20" s="91"/>
      <c r="AA20" s="91"/>
      <c r="AB20" s="91"/>
      <c r="AC20" s="18"/>
      <c r="AE20" s="18"/>
      <c r="AG20" s="29"/>
      <c r="AH20" s="29"/>
      <c r="AI20" s="29"/>
      <c r="AJ20" s="28"/>
      <c r="AK20" s="16"/>
    </row>
    <row r="21" spans="2:37" ht="30" customHeight="1" x14ac:dyDescent="0.2">
      <c r="B21" s="13"/>
      <c r="D21" s="4"/>
      <c r="E21" s="339" t="s">
        <v>77</v>
      </c>
      <c r="F21" s="339"/>
      <c r="G21" s="340"/>
      <c r="H21" s="340"/>
      <c r="I21" s="340"/>
      <c r="J21" s="340"/>
      <c r="L21" s="341" t="s">
        <v>5</v>
      </c>
      <c r="M21" s="341"/>
      <c r="N21" s="341"/>
      <c r="O21" s="341"/>
      <c r="P21" s="342"/>
      <c r="Q21" s="342"/>
      <c r="R21" s="342"/>
      <c r="S21" s="342"/>
      <c r="U21" t="s">
        <v>4</v>
      </c>
      <c r="V21" s="90"/>
      <c r="Z21" s="91"/>
      <c r="AA21" s="91"/>
      <c r="AB21" s="91"/>
      <c r="AC21" s="18"/>
      <c r="AG21" s="29"/>
      <c r="AH21" s="29"/>
      <c r="AI21" s="29"/>
      <c r="AJ21" s="28"/>
      <c r="AK21" s="16"/>
    </row>
    <row r="22" spans="2:37" ht="30" customHeight="1" x14ac:dyDescent="0.2">
      <c r="B22" s="13"/>
      <c r="D22" s="4"/>
      <c r="E22" s="339" t="s">
        <v>78</v>
      </c>
      <c r="F22" s="339"/>
      <c r="G22" s="340"/>
      <c r="H22" s="340"/>
      <c r="I22" s="340"/>
      <c r="J22" s="340"/>
      <c r="L22" s="341" t="s">
        <v>5</v>
      </c>
      <c r="M22" s="341"/>
      <c r="N22" s="341"/>
      <c r="O22" s="341"/>
      <c r="P22" s="342"/>
      <c r="Q22" s="342"/>
      <c r="R22" s="342"/>
      <c r="S22" s="342"/>
      <c r="U22" t="s">
        <v>4</v>
      </c>
      <c r="V22" s="90"/>
      <c r="Z22" s="91"/>
      <c r="AA22" s="91"/>
      <c r="AB22" s="91"/>
      <c r="AC22" s="18"/>
      <c r="AE22" s="18"/>
      <c r="AG22" s="29"/>
      <c r="AH22" s="29"/>
      <c r="AI22" s="29"/>
      <c r="AJ22" s="28"/>
      <c r="AK22" s="16"/>
    </row>
    <row r="23" spans="2:37" ht="30" customHeight="1" x14ac:dyDescent="0.2">
      <c r="B23" s="13"/>
      <c r="D23" s="4"/>
      <c r="E23" s="339" t="s">
        <v>79</v>
      </c>
      <c r="F23" s="339"/>
      <c r="G23" s="340"/>
      <c r="H23" s="340"/>
      <c r="I23" s="340"/>
      <c r="J23" s="340"/>
      <c r="L23" s="341" t="s">
        <v>5</v>
      </c>
      <c r="M23" s="341"/>
      <c r="N23" s="341"/>
      <c r="O23" s="341"/>
      <c r="P23" s="342"/>
      <c r="Q23" s="342"/>
      <c r="R23" s="342"/>
      <c r="S23" s="342"/>
      <c r="U23" t="s">
        <v>4</v>
      </c>
      <c r="V23" s="90"/>
      <c r="Z23" s="91"/>
      <c r="AA23" s="91"/>
      <c r="AB23" s="91"/>
      <c r="AC23" s="18"/>
      <c r="AE23" s="18"/>
      <c r="AG23" s="29"/>
      <c r="AH23" s="29"/>
      <c r="AI23" s="29"/>
      <c r="AJ23" s="28"/>
      <c r="AK23" s="16"/>
    </row>
    <row r="24" spans="2:37" ht="30" customHeight="1" x14ac:dyDescent="0.2">
      <c r="B24" s="13"/>
      <c r="D24" s="4"/>
      <c r="E24" s="339" t="s">
        <v>80</v>
      </c>
      <c r="F24" s="339"/>
      <c r="G24" s="340"/>
      <c r="H24" s="340"/>
      <c r="I24" s="340"/>
      <c r="J24" s="340"/>
      <c r="L24" s="341" t="s">
        <v>5</v>
      </c>
      <c r="M24" s="341"/>
      <c r="N24" s="341"/>
      <c r="O24" s="341"/>
      <c r="P24" s="342"/>
      <c r="Q24" s="342"/>
      <c r="R24" s="342"/>
      <c r="S24" s="342"/>
      <c r="U24" t="s">
        <v>4</v>
      </c>
      <c r="V24" s="90"/>
      <c r="Z24" s="91"/>
      <c r="AA24" s="91"/>
      <c r="AB24" s="91"/>
      <c r="AC24" s="18"/>
      <c r="AE24" s="18"/>
      <c r="AG24" s="29"/>
      <c r="AH24" s="29"/>
      <c r="AI24" s="29"/>
      <c r="AJ24" s="28"/>
      <c r="AK24" s="16"/>
    </row>
    <row r="25" spans="2:37" ht="30" customHeight="1" x14ac:dyDescent="0.2">
      <c r="B25" s="13"/>
      <c r="D25" s="4"/>
      <c r="E25" s="339" t="s">
        <v>81</v>
      </c>
      <c r="F25" s="339"/>
      <c r="G25" s="340"/>
      <c r="H25" s="340"/>
      <c r="I25" s="340"/>
      <c r="J25" s="340"/>
      <c r="L25" s="341" t="s">
        <v>5</v>
      </c>
      <c r="M25" s="341"/>
      <c r="N25" s="341"/>
      <c r="O25" s="341"/>
      <c r="P25" s="342"/>
      <c r="Q25" s="342"/>
      <c r="R25" s="342"/>
      <c r="S25" s="342"/>
      <c r="U25" t="s">
        <v>4</v>
      </c>
      <c r="V25" s="90"/>
      <c r="Z25" s="91"/>
      <c r="AA25" s="91"/>
      <c r="AB25" s="91"/>
      <c r="AC25" s="18"/>
      <c r="AG25" s="29"/>
      <c r="AH25" s="29"/>
      <c r="AI25" s="29"/>
      <c r="AJ25" s="28"/>
      <c r="AK25" s="16"/>
    </row>
    <row r="26" spans="2:37" ht="30" customHeight="1" x14ac:dyDescent="0.2">
      <c r="B26" s="13"/>
      <c r="D26" s="4"/>
      <c r="E26" s="339" t="s">
        <v>82</v>
      </c>
      <c r="F26" s="339"/>
      <c r="G26" s="340"/>
      <c r="H26" s="340"/>
      <c r="I26" s="340"/>
      <c r="J26" s="340"/>
      <c r="L26" s="341" t="s">
        <v>5</v>
      </c>
      <c r="M26" s="341"/>
      <c r="N26" s="341"/>
      <c r="O26" s="341"/>
      <c r="P26" s="342"/>
      <c r="Q26" s="342"/>
      <c r="R26" s="342"/>
      <c r="S26" s="342"/>
      <c r="U26" t="s">
        <v>4</v>
      </c>
      <c r="V26" s="90"/>
      <c r="Z26" s="91"/>
      <c r="AA26" s="91"/>
      <c r="AB26" s="91"/>
      <c r="AC26" s="18"/>
      <c r="AE26" s="18"/>
      <c r="AG26" s="29"/>
      <c r="AH26" s="29"/>
      <c r="AI26" s="29"/>
      <c r="AJ26" s="28"/>
      <c r="AK26" s="16"/>
    </row>
    <row r="27" spans="2:37" ht="30" customHeight="1" x14ac:dyDescent="0.2">
      <c r="B27" s="13"/>
      <c r="D27" s="4"/>
      <c r="E27" s="339" t="s">
        <v>83</v>
      </c>
      <c r="F27" s="339"/>
      <c r="G27" s="340"/>
      <c r="H27" s="340"/>
      <c r="I27" s="340"/>
      <c r="J27" s="340"/>
      <c r="L27" s="341" t="s">
        <v>5</v>
      </c>
      <c r="M27" s="341"/>
      <c r="N27" s="341"/>
      <c r="O27" s="341"/>
      <c r="P27" s="342"/>
      <c r="Q27" s="342"/>
      <c r="R27" s="342"/>
      <c r="S27" s="342"/>
      <c r="U27" t="s">
        <v>4</v>
      </c>
      <c r="V27" s="90"/>
      <c r="Z27" s="91"/>
      <c r="AA27" s="91"/>
      <c r="AB27" s="91"/>
      <c r="AC27" s="18"/>
      <c r="AE27" s="18"/>
      <c r="AG27" s="29"/>
      <c r="AH27" s="29"/>
      <c r="AI27" s="29"/>
      <c r="AJ27" s="28"/>
      <c r="AK27" s="16"/>
    </row>
    <row r="28" spans="2:37" ht="30" customHeight="1" x14ac:dyDescent="0.2">
      <c r="B28" s="13"/>
      <c r="D28" s="4"/>
      <c r="E28" s="339" t="s">
        <v>84</v>
      </c>
      <c r="F28" s="339"/>
      <c r="G28" s="340"/>
      <c r="H28" s="340"/>
      <c r="I28" s="340"/>
      <c r="J28" s="340"/>
      <c r="L28" s="341" t="s">
        <v>5</v>
      </c>
      <c r="M28" s="341"/>
      <c r="N28" s="341"/>
      <c r="O28" s="341"/>
      <c r="P28" s="342"/>
      <c r="Q28" s="342"/>
      <c r="R28" s="342"/>
      <c r="S28" s="342"/>
      <c r="U28" t="s">
        <v>4</v>
      </c>
      <c r="V28" s="90"/>
      <c r="Z28" s="91"/>
      <c r="AA28" s="91"/>
      <c r="AB28" s="91"/>
      <c r="AC28" s="18"/>
      <c r="AE28" s="18"/>
      <c r="AG28" s="29"/>
      <c r="AH28" s="29"/>
      <c r="AI28" s="29"/>
      <c r="AJ28" s="28"/>
      <c r="AK28" s="16"/>
    </row>
    <row r="29" spans="2:37" ht="30" customHeight="1" x14ac:dyDescent="0.2">
      <c r="B29" s="13"/>
      <c r="D29" s="4"/>
      <c r="E29" s="339" t="s">
        <v>85</v>
      </c>
      <c r="F29" s="339"/>
      <c r="G29" s="340"/>
      <c r="H29" s="340"/>
      <c r="I29" s="340"/>
      <c r="J29" s="340"/>
      <c r="L29" s="341" t="s">
        <v>5</v>
      </c>
      <c r="M29" s="341"/>
      <c r="N29" s="341"/>
      <c r="O29" s="341"/>
      <c r="P29" s="342"/>
      <c r="Q29" s="342"/>
      <c r="R29" s="342"/>
      <c r="S29" s="342"/>
      <c r="U29" t="s">
        <v>4</v>
      </c>
      <c r="V29" s="90"/>
      <c r="Z29" s="91"/>
      <c r="AA29" s="91"/>
      <c r="AB29" s="91"/>
      <c r="AC29" s="18"/>
      <c r="AG29" s="29"/>
      <c r="AH29" s="29"/>
      <c r="AI29" s="29"/>
      <c r="AJ29" s="28"/>
      <c r="AK29" s="16"/>
    </row>
    <row r="30" spans="2:37" ht="30" customHeight="1" x14ac:dyDescent="0.2">
      <c r="B30" s="13"/>
      <c r="D30" s="4"/>
      <c r="E30" s="339" t="s">
        <v>86</v>
      </c>
      <c r="F30" s="339"/>
      <c r="G30" s="340"/>
      <c r="H30" s="340"/>
      <c r="I30" s="340"/>
      <c r="J30" s="340"/>
      <c r="L30" s="341" t="s">
        <v>5</v>
      </c>
      <c r="M30" s="341"/>
      <c r="N30" s="341"/>
      <c r="O30" s="341"/>
      <c r="P30" s="342"/>
      <c r="Q30" s="342"/>
      <c r="R30" s="342"/>
      <c r="S30" s="342"/>
      <c r="U30" t="s">
        <v>4</v>
      </c>
      <c r="V30" s="90"/>
      <c r="Z30" s="91"/>
      <c r="AA30" s="91"/>
      <c r="AB30" s="91"/>
      <c r="AC30" s="18"/>
      <c r="AE30" s="18"/>
      <c r="AG30" s="29"/>
      <c r="AH30" s="29"/>
      <c r="AI30" s="29"/>
      <c r="AJ30" s="28"/>
      <c r="AK30" s="16"/>
    </row>
    <row r="31" spans="2:37" ht="30" customHeight="1" x14ac:dyDescent="0.2">
      <c r="B31" s="13"/>
      <c r="D31" s="4"/>
      <c r="E31" s="339"/>
      <c r="F31" s="339"/>
      <c r="G31" s="343"/>
      <c r="H31" s="343"/>
      <c r="I31" s="343"/>
      <c r="J31" s="343"/>
      <c r="K31" s="343"/>
      <c r="L31" s="341"/>
      <c r="M31" s="341"/>
      <c r="N31" s="341"/>
      <c r="O31" s="341"/>
      <c r="P31" s="344"/>
      <c r="Q31" s="344"/>
      <c r="R31" s="344"/>
      <c r="S31" s="344"/>
      <c r="V31" s="90"/>
      <c r="Z31" s="91"/>
      <c r="AA31" s="91"/>
      <c r="AB31" s="91"/>
      <c r="AC31" s="18"/>
      <c r="AE31" s="18"/>
      <c r="AG31" s="29"/>
      <c r="AH31" s="29"/>
      <c r="AI31" s="29"/>
      <c r="AJ31" s="28"/>
      <c r="AK31" s="16"/>
    </row>
    <row r="32" spans="2:37" x14ac:dyDescent="0.2">
      <c r="B32" s="13"/>
      <c r="D32" s="6"/>
      <c r="E32" s="7"/>
      <c r="F32" s="7"/>
      <c r="G32" s="7"/>
      <c r="H32" s="7"/>
      <c r="I32" s="7"/>
      <c r="J32" s="7"/>
      <c r="K32" s="7"/>
      <c r="L32" s="7"/>
      <c r="M32" s="7"/>
      <c r="N32" s="7"/>
      <c r="O32" s="7"/>
      <c r="P32" s="7"/>
      <c r="Q32" s="7"/>
      <c r="R32" s="7"/>
      <c r="S32" s="7"/>
      <c r="T32" s="7"/>
      <c r="U32" s="7"/>
      <c r="V32" s="7"/>
      <c r="W32" s="7"/>
      <c r="X32" s="7"/>
      <c r="Y32" s="7"/>
      <c r="Z32" s="7"/>
      <c r="AA32" s="7"/>
      <c r="AB32" s="7"/>
      <c r="AC32" s="7"/>
      <c r="AD32" s="7"/>
      <c r="AE32" s="7"/>
      <c r="AF32" s="7"/>
      <c r="AG32" s="7"/>
      <c r="AH32" s="7"/>
      <c r="AI32" s="7"/>
      <c r="AJ32" s="8"/>
      <c r="AK32" s="16"/>
    </row>
    <row r="33" spans="2:38" x14ac:dyDescent="0.2">
      <c r="B33" s="13"/>
      <c r="AK33" s="16"/>
    </row>
    <row r="34" spans="2:38" ht="13.5" thickBot="1" x14ac:dyDescent="0.25">
      <c r="B34" s="19"/>
      <c r="C34" s="20"/>
      <c r="D34" s="20"/>
      <c r="E34" s="20"/>
      <c r="F34" s="20"/>
      <c r="G34" s="20"/>
      <c r="H34" s="20"/>
      <c r="I34" s="20"/>
      <c r="J34" s="20"/>
      <c r="K34" s="20"/>
      <c r="L34" s="20"/>
      <c r="M34" s="20"/>
      <c r="N34" s="20"/>
      <c r="O34" s="20"/>
      <c r="P34" s="20"/>
      <c r="Q34" s="20"/>
      <c r="R34" s="20"/>
      <c r="S34" s="20"/>
      <c r="T34" s="20"/>
      <c r="U34" s="20"/>
      <c r="V34" s="20"/>
      <c r="W34" s="20"/>
      <c r="X34" s="20"/>
      <c r="Y34" s="20"/>
      <c r="Z34" s="20"/>
      <c r="AA34" s="20"/>
      <c r="AB34" s="20"/>
      <c r="AC34" s="20"/>
      <c r="AD34" s="20"/>
      <c r="AE34" s="20"/>
      <c r="AF34" s="20"/>
      <c r="AG34" s="20"/>
      <c r="AH34" s="20"/>
      <c r="AI34" s="20"/>
      <c r="AJ34" s="20"/>
      <c r="AK34" s="21"/>
      <c r="AL34" s="13"/>
    </row>
    <row r="35" spans="2:38" ht="13.5" thickTop="1" x14ac:dyDescent="0.2"/>
  </sheetData>
  <mergeCells count="109">
    <mergeCell ref="P6:S6"/>
    <mergeCell ref="E5:F5"/>
    <mergeCell ref="G5:J5"/>
    <mergeCell ref="L5:O5"/>
    <mergeCell ref="P5:S5"/>
    <mergeCell ref="D4:H4"/>
    <mergeCell ref="E11:F11"/>
    <mergeCell ref="G11:J11"/>
    <mergeCell ref="L11:O11"/>
    <mergeCell ref="P11:S11"/>
    <mergeCell ref="E9:F9"/>
    <mergeCell ref="G9:J9"/>
    <mergeCell ref="L9:O9"/>
    <mergeCell ref="P9:S9"/>
    <mergeCell ref="E10:F10"/>
    <mergeCell ref="G10:J10"/>
    <mergeCell ref="L10:O10"/>
    <mergeCell ref="P10:S10"/>
    <mergeCell ref="E7:F7"/>
    <mergeCell ref="G7:J7"/>
    <mergeCell ref="L7:O7"/>
    <mergeCell ref="P7:S7"/>
    <mergeCell ref="E8:F8"/>
    <mergeCell ref="G8:J8"/>
    <mergeCell ref="L8:O8"/>
    <mergeCell ref="P8:S8"/>
    <mergeCell ref="E6:F6"/>
    <mergeCell ref="G6:J6"/>
    <mergeCell ref="L6:O6"/>
    <mergeCell ref="E31:F31"/>
    <mergeCell ref="G31:K31"/>
    <mergeCell ref="L31:O31"/>
    <mergeCell ref="P31:S31"/>
    <mergeCell ref="E12:F12"/>
    <mergeCell ref="G12:J12"/>
    <mergeCell ref="L12:O12"/>
    <mergeCell ref="P12:S12"/>
    <mergeCell ref="E13:F13"/>
    <mergeCell ref="G13:J13"/>
    <mergeCell ref="L13:O13"/>
    <mergeCell ref="P13:S13"/>
    <mergeCell ref="E14:F14"/>
    <mergeCell ref="G14:J14"/>
    <mergeCell ref="L14:O14"/>
    <mergeCell ref="P14:S14"/>
    <mergeCell ref="E15:F15"/>
    <mergeCell ref="G15:J15"/>
    <mergeCell ref="L15:O15"/>
    <mergeCell ref="P15:S15"/>
    <mergeCell ref="E16:F16"/>
    <mergeCell ref="L16:O16"/>
    <mergeCell ref="P16:S16"/>
    <mergeCell ref="E17:F17"/>
    <mergeCell ref="G17:J17"/>
    <mergeCell ref="L17:O17"/>
    <mergeCell ref="P17:S17"/>
    <mergeCell ref="E18:F18"/>
    <mergeCell ref="G18:J18"/>
    <mergeCell ref="L18:O18"/>
    <mergeCell ref="P18:S18"/>
    <mergeCell ref="G16:J16"/>
    <mergeCell ref="E19:F19"/>
    <mergeCell ref="G19:J19"/>
    <mergeCell ref="L19:O19"/>
    <mergeCell ref="P19:S19"/>
    <mergeCell ref="E20:F20"/>
    <mergeCell ref="L20:O20"/>
    <mergeCell ref="P20:S20"/>
    <mergeCell ref="E21:F21"/>
    <mergeCell ref="G21:J21"/>
    <mergeCell ref="L21:O21"/>
    <mergeCell ref="P21:S21"/>
    <mergeCell ref="G20:J20"/>
    <mergeCell ref="E22:F22"/>
    <mergeCell ref="G22:J22"/>
    <mergeCell ref="L22:O22"/>
    <mergeCell ref="P22:S22"/>
    <mergeCell ref="G23:J23"/>
    <mergeCell ref="L23:O23"/>
    <mergeCell ref="P23:S23"/>
    <mergeCell ref="E24:F24"/>
    <mergeCell ref="L24:O24"/>
    <mergeCell ref="P24:S24"/>
    <mergeCell ref="G24:J24"/>
    <mergeCell ref="E23:F23"/>
    <mergeCell ref="E25:F25"/>
    <mergeCell ref="G25:J25"/>
    <mergeCell ref="L25:O25"/>
    <mergeCell ref="P25:S25"/>
    <mergeCell ref="P29:S29"/>
    <mergeCell ref="L30:O30"/>
    <mergeCell ref="P30:S30"/>
    <mergeCell ref="E26:F26"/>
    <mergeCell ref="G26:J26"/>
    <mergeCell ref="L26:O26"/>
    <mergeCell ref="P26:S26"/>
    <mergeCell ref="G28:J28"/>
    <mergeCell ref="E30:F30"/>
    <mergeCell ref="G30:J30"/>
    <mergeCell ref="E29:F29"/>
    <mergeCell ref="G29:J29"/>
    <mergeCell ref="L29:O29"/>
    <mergeCell ref="E27:F27"/>
    <mergeCell ref="G27:J27"/>
    <mergeCell ref="L27:O27"/>
    <mergeCell ref="P27:S27"/>
    <mergeCell ref="E28:F28"/>
    <mergeCell ref="L28:O28"/>
    <mergeCell ref="P28:S28"/>
  </mergeCells>
  <phoneticPr fontId="2"/>
  <printOptions horizontalCentered="1" verticalCentered="1"/>
  <pageMargins left="0.39370078740157483" right="0.39370078740157483" top="0.78740157480314965" bottom="0.23622047244094491" header="0.55118110236220474" footer="0.19685039370078741"/>
  <pageSetup paperSize="9" scale="60" orientation="landscape" r:id="rId1"/>
  <headerFooter alignWithMargins="0">
    <oddHeader>&amp;R&amp;"ＭＳ Ｐゴシック,太字"&amp;18【別紙－１】</oddHeader>
  </headerFooter>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B2:X43"/>
  <sheetViews>
    <sheetView view="pageBreakPreview" topLeftCell="A22" zoomScale="90" zoomScaleNormal="100" zoomScaleSheetLayoutView="90" workbookViewId="0">
      <selection activeCell="D3" sqref="D3"/>
    </sheetView>
  </sheetViews>
  <sheetFormatPr defaultRowHeight="13" x14ac:dyDescent="0.2"/>
  <cols>
    <col min="1" max="1" width="3.453125" customWidth="1"/>
    <col min="2" max="2" width="1.1796875" customWidth="1"/>
    <col min="3" max="3" width="3.6328125" customWidth="1"/>
    <col min="4" max="5" width="4" customWidth="1"/>
    <col min="6" max="6" width="3" customWidth="1"/>
    <col min="8" max="8" width="11.36328125" customWidth="1"/>
    <col min="9" max="9" width="4" customWidth="1"/>
    <col min="10" max="10" width="6.90625" customWidth="1"/>
    <col min="11" max="11" width="5.453125" customWidth="1"/>
    <col min="13" max="13" width="10.90625" customWidth="1"/>
    <col min="16" max="16" width="4.453125" customWidth="1"/>
    <col min="18" max="19" width="5.453125" customWidth="1"/>
    <col min="22" max="22" width="1.81640625" customWidth="1"/>
  </cols>
  <sheetData>
    <row r="2" spans="2:24" ht="19" x14ac:dyDescent="0.2">
      <c r="B2" s="10"/>
      <c r="C2" s="10" t="s">
        <v>11</v>
      </c>
      <c r="M2" s="309"/>
    </row>
    <row r="3" spans="2:24" ht="19.25" customHeight="1" x14ac:dyDescent="0.2">
      <c r="D3" s="311" t="s">
        <v>378</v>
      </c>
    </row>
    <row r="4" spans="2:24" ht="23.25" customHeight="1" x14ac:dyDescent="0.2">
      <c r="D4" s="354" t="s">
        <v>1</v>
      </c>
      <c r="E4" s="354"/>
      <c r="F4" s="354"/>
      <c r="G4" s="43"/>
      <c r="H4" s="7"/>
      <c r="I4" s="7"/>
      <c r="J4" s="43"/>
      <c r="K4" s="43"/>
      <c r="L4" s="355" t="s">
        <v>2</v>
      </c>
      <c r="M4" s="355"/>
      <c r="N4" s="356"/>
      <c r="O4" s="356"/>
      <c r="P4" s="356"/>
      <c r="Q4" s="356"/>
      <c r="R4" s="356"/>
      <c r="S4" s="44"/>
    </row>
    <row r="5" spans="2:24" ht="9.75" customHeight="1" thickBot="1" x14ac:dyDescent="0.25">
      <c r="D5" s="39"/>
      <c r="E5" s="39"/>
      <c r="F5" s="40"/>
      <c r="G5" s="40"/>
      <c r="H5" s="40"/>
      <c r="J5" s="39"/>
      <c r="K5" s="39"/>
      <c r="L5" s="40"/>
      <c r="M5" s="40"/>
      <c r="N5" s="40"/>
      <c r="O5" s="40"/>
      <c r="P5" s="40"/>
    </row>
    <row r="6" spans="2:24" ht="23.25" customHeight="1" thickTop="1" x14ac:dyDescent="0.2">
      <c r="D6" s="45"/>
      <c r="E6" s="11"/>
      <c r="F6" s="11"/>
      <c r="G6" s="357" t="s">
        <v>26</v>
      </c>
      <c r="H6" s="358"/>
      <c r="I6" s="358"/>
      <c r="J6" s="358"/>
      <c r="K6" s="358"/>
      <c r="L6" s="358"/>
      <c r="M6" s="358"/>
      <c r="N6" s="359"/>
      <c r="O6" s="360" t="s">
        <v>27</v>
      </c>
      <c r="P6" s="361"/>
      <c r="Q6" s="361"/>
      <c r="R6" s="361"/>
      <c r="S6" s="361"/>
      <c r="T6" s="361"/>
      <c r="U6" s="362"/>
    </row>
    <row r="7" spans="2:24" ht="15" customHeight="1" x14ac:dyDescent="0.2">
      <c r="D7" s="13"/>
      <c r="E7" s="350" t="s">
        <v>35</v>
      </c>
      <c r="F7" s="350"/>
      <c r="G7" s="350"/>
      <c r="H7" s="350"/>
      <c r="I7" s="350"/>
      <c r="J7" s="350"/>
      <c r="K7" s="350"/>
      <c r="L7" s="350"/>
      <c r="M7" s="350"/>
      <c r="N7" s="350"/>
      <c r="O7" s="351"/>
      <c r="P7" s="352"/>
      <c r="Q7" s="352"/>
      <c r="R7" s="352"/>
      <c r="S7" s="352"/>
      <c r="T7" s="352"/>
      <c r="U7" s="353"/>
    </row>
    <row r="8" spans="2:24" ht="15" customHeight="1" x14ac:dyDescent="0.2">
      <c r="D8" s="46"/>
      <c r="E8" s="51"/>
      <c r="F8" s="52" t="s">
        <v>41</v>
      </c>
      <c r="G8" s="363" t="s">
        <v>42</v>
      </c>
      <c r="H8" s="364"/>
      <c r="I8" s="364"/>
      <c r="J8" s="364"/>
      <c r="K8" s="364"/>
      <c r="L8" s="364"/>
      <c r="M8" s="364"/>
      <c r="N8" s="365"/>
      <c r="O8" s="366"/>
      <c r="P8" s="367"/>
      <c r="Q8" s="367"/>
      <c r="R8" s="367"/>
      <c r="S8" s="367"/>
      <c r="T8" s="367"/>
      <c r="U8" s="368"/>
    </row>
    <row r="9" spans="2:24" ht="15" customHeight="1" x14ac:dyDescent="0.2">
      <c r="D9" s="46"/>
      <c r="E9" s="51"/>
      <c r="F9" s="52" t="s">
        <v>12</v>
      </c>
      <c r="G9" s="363" t="s">
        <v>13</v>
      </c>
      <c r="H9" s="364"/>
      <c r="I9" s="364"/>
      <c r="J9" s="364"/>
      <c r="K9" s="364"/>
      <c r="L9" s="364"/>
      <c r="M9" s="364"/>
      <c r="N9" s="365"/>
      <c r="O9" s="366"/>
      <c r="P9" s="367"/>
      <c r="Q9" s="367"/>
      <c r="R9" s="367"/>
      <c r="S9" s="367"/>
      <c r="T9" s="367"/>
      <c r="U9" s="368"/>
    </row>
    <row r="10" spans="2:24" ht="15" customHeight="1" x14ac:dyDescent="0.2">
      <c r="D10" s="46"/>
      <c r="E10" s="51"/>
      <c r="F10" s="52" t="s">
        <v>28</v>
      </c>
      <c r="G10" s="363" t="s">
        <v>29</v>
      </c>
      <c r="H10" s="364"/>
      <c r="I10" s="364"/>
      <c r="J10" s="364"/>
      <c r="K10" s="364"/>
      <c r="L10" s="364"/>
      <c r="M10" s="364"/>
      <c r="N10" s="365"/>
      <c r="O10" s="366"/>
      <c r="P10" s="367"/>
      <c r="Q10" s="367"/>
      <c r="R10" s="367"/>
      <c r="S10" s="367"/>
      <c r="T10" s="367"/>
      <c r="U10" s="368"/>
    </row>
    <row r="11" spans="2:24" ht="15" customHeight="1" x14ac:dyDescent="0.2">
      <c r="D11" s="46"/>
      <c r="E11" s="54"/>
      <c r="F11" t="s">
        <v>43</v>
      </c>
      <c r="G11" s="369" t="s">
        <v>44</v>
      </c>
      <c r="H11" s="370"/>
      <c r="I11" s="370"/>
      <c r="J11" s="370"/>
      <c r="K11" s="370"/>
      <c r="L11" s="370"/>
      <c r="M11" s="370"/>
      <c r="N11" s="371"/>
      <c r="O11" s="375" t="s">
        <v>18</v>
      </c>
      <c r="P11" s="376"/>
      <c r="Q11" s="376"/>
      <c r="R11" s="376"/>
      <c r="S11" s="376"/>
      <c r="T11" s="376"/>
      <c r="U11" s="377"/>
    </row>
    <row r="12" spans="2:24" ht="15" customHeight="1" x14ac:dyDescent="0.2">
      <c r="D12" s="46"/>
      <c r="E12" s="55"/>
      <c r="F12" s="48"/>
      <c r="G12" s="372"/>
      <c r="H12" s="373"/>
      <c r="I12" s="373"/>
      <c r="J12" s="373"/>
      <c r="K12" s="373"/>
      <c r="L12" s="373"/>
      <c r="M12" s="373"/>
      <c r="N12" s="374"/>
      <c r="O12" s="375"/>
      <c r="P12" s="376"/>
      <c r="Q12" s="376"/>
      <c r="R12" s="376"/>
      <c r="S12" s="376"/>
      <c r="T12" s="376"/>
      <c r="U12" s="377"/>
    </row>
    <row r="13" spans="2:24" ht="15" customHeight="1" x14ac:dyDescent="0.2">
      <c r="D13" s="46"/>
      <c r="E13" s="54"/>
      <c r="F13" s="9" t="s">
        <v>30</v>
      </c>
      <c r="G13" s="363" t="s">
        <v>14</v>
      </c>
      <c r="H13" s="364"/>
      <c r="I13" s="364"/>
      <c r="J13" s="364"/>
      <c r="K13" s="364"/>
      <c r="L13" s="364"/>
      <c r="M13" s="364"/>
      <c r="N13" s="365"/>
      <c r="O13" s="378"/>
      <c r="P13" s="379"/>
      <c r="Q13" s="379"/>
      <c r="R13" s="379"/>
      <c r="S13" s="379"/>
      <c r="T13" s="379"/>
      <c r="U13" s="380"/>
    </row>
    <row r="14" spans="2:24" ht="15" customHeight="1" x14ac:dyDescent="0.2">
      <c r="D14" s="46"/>
      <c r="E14" s="55"/>
      <c r="F14" s="9"/>
      <c r="G14" s="363"/>
      <c r="H14" s="364"/>
      <c r="I14" s="364"/>
      <c r="J14" s="364"/>
      <c r="K14" s="364"/>
      <c r="L14" s="364"/>
      <c r="M14" s="364"/>
      <c r="N14" s="365"/>
      <c r="O14" s="378"/>
      <c r="P14" s="379"/>
      <c r="Q14" s="379"/>
      <c r="R14" s="379"/>
      <c r="S14" s="379"/>
      <c r="T14" s="379"/>
      <c r="U14" s="380"/>
    </row>
    <row r="15" spans="2:24" ht="15" customHeight="1" x14ac:dyDescent="0.2">
      <c r="D15" s="46"/>
      <c r="E15" s="47"/>
      <c r="F15" s="50"/>
      <c r="G15" s="363"/>
      <c r="H15" s="364"/>
      <c r="I15" s="364"/>
      <c r="J15" s="364"/>
      <c r="K15" s="364"/>
      <c r="L15" s="364"/>
      <c r="M15" s="364"/>
      <c r="N15" s="365"/>
      <c r="O15" s="378"/>
      <c r="P15" s="379"/>
      <c r="Q15" s="379"/>
      <c r="R15" s="379"/>
      <c r="S15" s="379"/>
      <c r="T15" s="379"/>
      <c r="U15" s="380"/>
      <c r="X15" s="40"/>
    </row>
    <row r="16" spans="2:24" ht="15" customHeight="1" x14ac:dyDescent="0.2">
      <c r="D16" s="46"/>
      <c r="E16" s="54"/>
      <c r="F16" t="s">
        <v>15</v>
      </c>
      <c r="G16" s="363" t="s">
        <v>31</v>
      </c>
      <c r="H16" s="364"/>
      <c r="I16" s="364"/>
      <c r="J16" s="364"/>
      <c r="K16" s="364"/>
      <c r="L16" s="364"/>
      <c r="M16" s="364"/>
      <c r="N16" s="365"/>
      <c r="O16" s="366"/>
      <c r="P16" s="367"/>
      <c r="Q16" s="367"/>
      <c r="R16" s="367"/>
      <c r="S16" s="367"/>
      <c r="T16" s="367"/>
      <c r="U16" s="368"/>
    </row>
    <row r="17" spans="4:21" ht="15" customHeight="1" x14ac:dyDescent="0.2">
      <c r="D17" s="46"/>
      <c r="E17" s="47"/>
      <c r="F17" s="48"/>
      <c r="G17" s="363"/>
      <c r="H17" s="364"/>
      <c r="I17" s="364"/>
      <c r="J17" s="364"/>
      <c r="K17" s="364"/>
      <c r="L17" s="364"/>
      <c r="M17" s="364"/>
      <c r="N17" s="365"/>
      <c r="O17" s="366"/>
      <c r="P17" s="367"/>
      <c r="Q17" s="367"/>
      <c r="R17" s="367"/>
      <c r="S17" s="367"/>
      <c r="T17" s="367"/>
      <c r="U17" s="368"/>
    </row>
    <row r="18" spans="4:21" ht="15" customHeight="1" x14ac:dyDescent="0.2">
      <c r="D18" s="46"/>
      <c r="E18" s="51"/>
      <c r="F18" s="53" t="s">
        <v>32</v>
      </c>
      <c r="G18" s="381" t="s">
        <v>33</v>
      </c>
      <c r="H18" s="382"/>
      <c r="I18" s="382"/>
      <c r="J18" s="382"/>
      <c r="K18" s="382"/>
      <c r="L18" s="382"/>
      <c r="M18" s="382"/>
      <c r="N18" s="383"/>
      <c r="O18" s="366"/>
      <c r="P18" s="367"/>
      <c r="Q18" s="367"/>
      <c r="R18" s="367"/>
      <c r="S18" s="367"/>
      <c r="T18" s="367"/>
      <c r="U18" s="368"/>
    </row>
    <row r="19" spans="4:21" ht="15" customHeight="1" x14ac:dyDescent="0.2">
      <c r="D19" s="46"/>
      <c r="E19" s="54"/>
      <c r="F19" t="s">
        <v>16</v>
      </c>
      <c r="G19" s="363" t="s">
        <v>45</v>
      </c>
      <c r="H19" s="364"/>
      <c r="I19" s="364"/>
      <c r="J19" s="364"/>
      <c r="K19" s="364"/>
      <c r="L19" s="364"/>
      <c r="M19" s="364"/>
      <c r="N19" s="365"/>
      <c r="O19" s="366"/>
      <c r="P19" s="367"/>
      <c r="Q19" s="367"/>
      <c r="R19" s="367"/>
      <c r="S19" s="367"/>
      <c r="T19" s="367"/>
      <c r="U19" s="368"/>
    </row>
    <row r="20" spans="4:21" ht="15" customHeight="1" x14ac:dyDescent="0.2">
      <c r="D20" s="46"/>
      <c r="E20" s="47"/>
      <c r="F20" s="48"/>
      <c r="G20" s="363"/>
      <c r="H20" s="364"/>
      <c r="I20" s="364"/>
      <c r="J20" s="364"/>
      <c r="K20" s="364"/>
      <c r="L20" s="364"/>
      <c r="M20" s="364"/>
      <c r="N20" s="365"/>
      <c r="O20" s="366"/>
      <c r="P20" s="367"/>
      <c r="Q20" s="367"/>
      <c r="R20" s="367"/>
      <c r="S20" s="367"/>
      <c r="T20" s="367"/>
      <c r="U20" s="368"/>
    </row>
    <row r="21" spans="4:21" ht="15" customHeight="1" x14ac:dyDescent="0.2">
      <c r="D21" s="46"/>
      <c r="E21" s="54"/>
      <c r="F21" s="9" t="s">
        <v>34</v>
      </c>
      <c r="G21" s="363" t="s">
        <v>46</v>
      </c>
      <c r="H21" s="364"/>
      <c r="I21" s="364"/>
      <c r="J21" s="364"/>
      <c r="K21" s="364"/>
      <c r="L21" s="364"/>
      <c r="M21" s="364"/>
      <c r="N21" s="365"/>
      <c r="O21" s="366"/>
      <c r="P21" s="367"/>
      <c r="Q21" s="367"/>
      <c r="R21" s="367"/>
      <c r="S21" s="367"/>
      <c r="T21" s="367"/>
      <c r="U21" s="368"/>
    </row>
    <row r="22" spans="4:21" ht="15" customHeight="1" x14ac:dyDescent="0.2">
      <c r="D22" s="46"/>
      <c r="E22" s="47"/>
      <c r="F22" s="50"/>
      <c r="G22" s="363"/>
      <c r="H22" s="364"/>
      <c r="I22" s="364"/>
      <c r="J22" s="364"/>
      <c r="K22" s="364"/>
      <c r="L22" s="364"/>
      <c r="M22" s="364"/>
      <c r="N22" s="365"/>
      <c r="O22" s="366"/>
      <c r="P22" s="367"/>
      <c r="Q22" s="367"/>
      <c r="R22" s="367"/>
      <c r="S22" s="367"/>
      <c r="T22" s="367"/>
      <c r="U22" s="368"/>
    </row>
    <row r="23" spans="4:21" ht="15" customHeight="1" x14ac:dyDescent="0.2">
      <c r="D23" s="46"/>
      <c r="E23" s="54"/>
      <c r="F23" t="s">
        <v>47</v>
      </c>
      <c r="G23" s="372" t="s">
        <v>48</v>
      </c>
      <c r="H23" s="373"/>
      <c r="I23" s="373"/>
      <c r="J23" s="373"/>
      <c r="K23" s="373"/>
      <c r="L23" s="373"/>
      <c r="M23" s="373"/>
      <c r="N23" s="374"/>
      <c r="O23" s="375" t="s">
        <v>21</v>
      </c>
      <c r="P23" s="376"/>
      <c r="Q23" s="376"/>
      <c r="R23" s="376"/>
      <c r="S23" s="376"/>
      <c r="T23" s="376"/>
      <c r="U23" s="377"/>
    </row>
    <row r="24" spans="4:21" ht="15" customHeight="1" x14ac:dyDescent="0.2">
      <c r="D24" s="46"/>
      <c r="E24" s="47"/>
      <c r="F24" s="48"/>
      <c r="G24" s="372"/>
      <c r="H24" s="373"/>
      <c r="I24" s="373"/>
      <c r="J24" s="373"/>
      <c r="K24" s="373"/>
      <c r="L24" s="373"/>
      <c r="M24" s="373"/>
      <c r="N24" s="374"/>
      <c r="O24" s="375"/>
      <c r="P24" s="376"/>
      <c r="Q24" s="376"/>
      <c r="R24" s="376"/>
      <c r="S24" s="376"/>
      <c r="T24" s="376"/>
      <c r="U24" s="377"/>
    </row>
    <row r="25" spans="4:21" ht="15" customHeight="1" x14ac:dyDescent="0.2">
      <c r="D25" s="46"/>
      <c r="E25" s="54"/>
      <c r="F25" t="s">
        <v>49</v>
      </c>
      <c r="G25" s="372" t="s">
        <v>50</v>
      </c>
      <c r="H25" s="373"/>
      <c r="I25" s="373"/>
      <c r="J25" s="373"/>
      <c r="K25" s="373"/>
      <c r="L25" s="373"/>
      <c r="M25" s="373"/>
      <c r="N25" s="374"/>
      <c r="O25" s="375" t="s">
        <v>23</v>
      </c>
      <c r="P25" s="376"/>
      <c r="Q25" s="376"/>
      <c r="R25" s="376"/>
      <c r="S25" s="376"/>
      <c r="T25" s="376"/>
      <c r="U25" s="377"/>
    </row>
    <row r="26" spans="4:21" ht="15" customHeight="1" x14ac:dyDescent="0.2">
      <c r="D26" s="46"/>
      <c r="E26" s="55"/>
      <c r="G26" s="372"/>
      <c r="H26" s="373"/>
      <c r="I26" s="373"/>
      <c r="J26" s="373"/>
      <c r="K26" s="373"/>
      <c r="L26" s="373"/>
      <c r="M26" s="373"/>
      <c r="N26" s="374"/>
      <c r="O26" s="375"/>
      <c r="P26" s="376"/>
      <c r="Q26" s="376"/>
      <c r="R26" s="376"/>
      <c r="S26" s="376"/>
      <c r="T26" s="376"/>
      <c r="U26" s="377"/>
    </row>
    <row r="27" spans="4:21" ht="15" customHeight="1" x14ac:dyDescent="0.2">
      <c r="D27" s="46"/>
      <c r="E27" s="47"/>
      <c r="F27" s="48"/>
      <c r="G27" s="372"/>
      <c r="H27" s="373"/>
      <c r="I27" s="373"/>
      <c r="J27" s="373"/>
      <c r="K27" s="373"/>
      <c r="L27" s="373"/>
      <c r="M27" s="373"/>
      <c r="N27" s="374"/>
      <c r="O27" s="375"/>
      <c r="P27" s="376"/>
      <c r="Q27" s="376"/>
      <c r="R27" s="376"/>
      <c r="S27" s="376"/>
      <c r="T27" s="376"/>
      <c r="U27" s="377"/>
    </row>
    <row r="28" spans="4:21" ht="15" customHeight="1" x14ac:dyDescent="0.2">
      <c r="D28" s="46"/>
      <c r="E28" s="54"/>
      <c r="F28" s="38" t="s">
        <v>51</v>
      </c>
      <c r="G28" s="384" t="s">
        <v>17</v>
      </c>
      <c r="H28" s="385"/>
      <c r="I28" s="385"/>
      <c r="J28" s="385"/>
      <c r="K28" s="385"/>
      <c r="L28" s="385"/>
      <c r="M28" s="385"/>
      <c r="N28" s="386"/>
      <c r="O28" s="366"/>
      <c r="P28" s="367"/>
      <c r="Q28" s="367"/>
      <c r="R28" s="367"/>
      <c r="S28" s="367"/>
      <c r="T28" s="367"/>
      <c r="U28" s="368"/>
    </row>
    <row r="29" spans="4:21" ht="15" customHeight="1" x14ac:dyDescent="0.2">
      <c r="D29" s="46"/>
      <c r="E29" s="47"/>
      <c r="F29" s="49"/>
      <c r="G29" s="384"/>
      <c r="H29" s="385"/>
      <c r="I29" s="385"/>
      <c r="J29" s="385"/>
      <c r="K29" s="385"/>
      <c r="L29" s="385"/>
      <c r="M29" s="385"/>
      <c r="N29" s="386"/>
      <c r="O29" s="366"/>
      <c r="P29" s="367"/>
      <c r="Q29" s="367"/>
      <c r="R29" s="367"/>
      <c r="S29" s="367"/>
      <c r="T29" s="367"/>
      <c r="U29" s="368"/>
    </row>
    <row r="30" spans="4:21" ht="15" customHeight="1" x14ac:dyDescent="0.2">
      <c r="D30" s="46"/>
      <c r="E30" s="54"/>
      <c r="F30" t="s">
        <v>52</v>
      </c>
      <c r="G30" s="363" t="s">
        <v>53</v>
      </c>
      <c r="H30" s="364"/>
      <c r="I30" s="364"/>
      <c r="J30" s="364"/>
      <c r="K30" s="364"/>
      <c r="L30" s="364"/>
      <c r="M30" s="364"/>
      <c r="N30" s="365"/>
      <c r="O30" s="366"/>
      <c r="P30" s="367"/>
      <c r="Q30" s="367"/>
      <c r="R30" s="367"/>
      <c r="S30" s="367"/>
      <c r="T30" s="367"/>
      <c r="U30" s="368"/>
    </row>
    <row r="31" spans="4:21" ht="15" customHeight="1" x14ac:dyDescent="0.2">
      <c r="D31" s="46"/>
      <c r="E31" s="47"/>
      <c r="F31" s="48"/>
      <c r="G31" s="363"/>
      <c r="H31" s="364"/>
      <c r="I31" s="364"/>
      <c r="J31" s="364"/>
      <c r="K31" s="364"/>
      <c r="L31" s="364"/>
      <c r="M31" s="364"/>
      <c r="N31" s="365"/>
      <c r="O31" s="366"/>
      <c r="P31" s="367"/>
      <c r="Q31" s="367"/>
      <c r="R31" s="367"/>
      <c r="S31" s="367"/>
      <c r="T31" s="367"/>
      <c r="U31" s="368"/>
    </row>
    <row r="32" spans="4:21" ht="15" customHeight="1" x14ac:dyDescent="0.2">
      <c r="D32" s="46"/>
      <c r="E32" s="54"/>
      <c r="F32" t="s">
        <v>54</v>
      </c>
      <c r="G32" s="387" t="s">
        <v>55</v>
      </c>
      <c r="H32" s="388"/>
      <c r="I32" s="388"/>
      <c r="J32" s="388"/>
      <c r="K32" s="388"/>
      <c r="L32" s="388"/>
      <c r="M32" s="388"/>
      <c r="N32" s="389"/>
      <c r="O32" s="390"/>
      <c r="P32" s="391"/>
      <c r="Q32" s="391"/>
      <c r="R32" s="391"/>
      <c r="S32" s="391"/>
      <c r="T32" s="391"/>
      <c r="U32" s="392"/>
    </row>
    <row r="33" spans="4:21" ht="3" customHeight="1" thickBot="1" x14ac:dyDescent="0.25">
      <c r="D33" s="19"/>
      <c r="E33" s="59"/>
      <c r="F33" s="60"/>
      <c r="G33" s="56"/>
      <c r="H33" s="56"/>
      <c r="I33" s="56"/>
      <c r="J33" s="56"/>
      <c r="K33" s="56"/>
      <c r="L33" s="56"/>
      <c r="M33" s="56"/>
      <c r="N33" s="61"/>
      <c r="O33" s="62"/>
      <c r="P33" s="57"/>
      <c r="Q33" s="57"/>
      <c r="R33" s="57"/>
      <c r="S33" s="57"/>
      <c r="T33" s="57"/>
      <c r="U33" s="58"/>
    </row>
    <row r="34" spans="4:21" ht="13.5" customHeight="1" thickTop="1" x14ac:dyDescent="0.2">
      <c r="G34" s="41" t="s">
        <v>56</v>
      </c>
      <c r="H34" s="42" t="s">
        <v>57</v>
      </c>
      <c r="I34" s="42"/>
      <c r="J34" s="42"/>
    </row>
    <row r="35" spans="4:21" ht="13.5" customHeight="1" x14ac:dyDescent="0.2">
      <c r="G35" s="42" t="s">
        <v>58</v>
      </c>
      <c r="H35" s="42" t="s">
        <v>19</v>
      </c>
      <c r="I35" s="42"/>
      <c r="J35" s="42"/>
    </row>
    <row r="36" spans="4:21" ht="13.5" customHeight="1" x14ac:dyDescent="0.2">
      <c r="G36" s="42" t="s">
        <v>59</v>
      </c>
      <c r="H36" s="42" t="s">
        <v>20</v>
      </c>
      <c r="I36" s="42"/>
      <c r="J36" s="42"/>
    </row>
    <row r="37" spans="4:21" ht="13.5" customHeight="1" x14ac:dyDescent="0.2">
      <c r="G37" s="42" t="s">
        <v>60</v>
      </c>
      <c r="H37" s="42" t="s">
        <v>22</v>
      </c>
      <c r="I37" s="42"/>
      <c r="J37" s="42"/>
    </row>
    <row r="38" spans="4:21" ht="6.75" customHeight="1" x14ac:dyDescent="0.2"/>
    <row r="39" spans="4:21" ht="13.5" customHeight="1" x14ac:dyDescent="0.2">
      <c r="D39" s="393" t="s">
        <v>61</v>
      </c>
      <c r="E39" s="393"/>
      <c r="F39" s="393"/>
      <c r="G39" s="393"/>
      <c r="H39" s="393"/>
      <c r="I39" s="393"/>
      <c r="J39" s="393"/>
      <c r="K39" s="393"/>
      <c r="L39" s="393"/>
      <c r="M39" s="393"/>
      <c r="N39" s="393"/>
      <c r="O39" s="393"/>
      <c r="P39" s="393"/>
      <c r="Q39" s="393"/>
      <c r="R39" s="393"/>
      <c r="S39" s="393"/>
      <c r="T39" s="393"/>
      <c r="U39" s="9"/>
    </row>
    <row r="40" spans="4:21" x14ac:dyDescent="0.2">
      <c r="D40" s="393"/>
      <c r="E40" s="393"/>
      <c r="F40" s="393"/>
      <c r="G40" s="393"/>
      <c r="H40" s="393"/>
      <c r="I40" s="393"/>
      <c r="J40" s="393"/>
      <c r="K40" s="393"/>
      <c r="L40" s="393"/>
      <c r="M40" s="393"/>
      <c r="N40" s="393"/>
      <c r="O40" s="393"/>
      <c r="P40" s="393"/>
      <c r="Q40" s="393"/>
      <c r="R40" s="393"/>
      <c r="S40" s="393"/>
      <c r="T40" s="393"/>
      <c r="U40" s="9"/>
    </row>
    <row r="41" spans="4:21" ht="8.25" customHeight="1" x14ac:dyDescent="0.2">
      <c r="D41" s="393"/>
      <c r="E41" s="393"/>
      <c r="F41" s="393"/>
      <c r="G41" s="393"/>
      <c r="H41" s="393"/>
      <c r="I41" s="393"/>
      <c r="J41" s="393"/>
      <c r="K41" s="393"/>
      <c r="L41" s="393"/>
      <c r="M41" s="393"/>
      <c r="N41" s="393"/>
      <c r="O41" s="393"/>
      <c r="P41" s="393"/>
      <c r="Q41" s="393"/>
      <c r="R41" s="393"/>
      <c r="S41" s="393"/>
      <c r="T41" s="393"/>
      <c r="U41" s="9"/>
    </row>
    <row r="42" spans="4:21" ht="16.5" customHeight="1" x14ac:dyDescent="0.2">
      <c r="D42" s="393"/>
      <c r="E42" s="393"/>
      <c r="F42" s="393"/>
      <c r="G42" s="393"/>
      <c r="H42" s="393"/>
      <c r="I42" s="393"/>
      <c r="J42" s="393"/>
      <c r="K42" s="393"/>
      <c r="L42" s="393"/>
      <c r="M42" s="393"/>
      <c r="N42" s="393"/>
      <c r="O42" s="393"/>
      <c r="P42" s="393"/>
      <c r="Q42" s="393"/>
      <c r="R42" s="393"/>
      <c r="S42" s="393"/>
      <c r="T42" s="393"/>
      <c r="U42" s="9"/>
    </row>
    <row r="43" spans="4:21" x14ac:dyDescent="0.2">
      <c r="D43" s="393"/>
      <c r="E43" s="393"/>
      <c r="F43" s="393"/>
      <c r="G43" s="393"/>
      <c r="H43" s="393"/>
      <c r="I43" s="393"/>
      <c r="J43" s="393"/>
      <c r="K43" s="393"/>
      <c r="L43" s="393"/>
      <c r="M43" s="393"/>
      <c r="N43" s="393"/>
      <c r="O43" s="393"/>
      <c r="P43" s="393"/>
      <c r="Q43" s="393"/>
      <c r="R43" s="393"/>
      <c r="S43" s="393"/>
      <c r="T43" s="393"/>
    </row>
  </sheetData>
  <mergeCells count="36">
    <mergeCell ref="G30:N31"/>
    <mergeCell ref="O30:U31"/>
    <mergeCell ref="G32:N32"/>
    <mergeCell ref="O32:U32"/>
    <mergeCell ref="D39:T43"/>
    <mergeCell ref="G23:N24"/>
    <mergeCell ref="O23:U24"/>
    <mergeCell ref="G25:N27"/>
    <mergeCell ref="O25:U27"/>
    <mergeCell ref="G28:N29"/>
    <mergeCell ref="O28:U29"/>
    <mergeCell ref="G18:N18"/>
    <mergeCell ref="O18:U18"/>
    <mergeCell ref="G19:N20"/>
    <mergeCell ref="O19:U20"/>
    <mergeCell ref="G21:N22"/>
    <mergeCell ref="O21:U22"/>
    <mergeCell ref="G11:N12"/>
    <mergeCell ref="O11:U12"/>
    <mergeCell ref="G13:N15"/>
    <mergeCell ref="O13:U15"/>
    <mergeCell ref="G16:N17"/>
    <mergeCell ref="O16:U17"/>
    <mergeCell ref="G8:N8"/>
    <mergeCell ref="O8:U8"/>
    <mergeCell ref="G9:N9"/>
    <mergeCell ref="O9:U9"/>
    <mergeCell ref="G10:N10"/>
    <mergeCell ref="O10:U10"/>
    <mergeCell ref="E7:N7"/>
    <mergeCell ref="O7:U7"/>
    <mergeCell ref="D4:F4"/>
    <mergeCell ref="L4:M4"/>
    <mergeCell ref="N4:R4"/>
    <mergeCell ref="G6:N6"/>
    <mergeCell ref="O6:U6"/>
  </mergeCells>
  <phoneticPr fontId="2"/>
  <pageMargins left="0.82677165354330717" right="0.19685039370078741" top="0.59055118110236227" bottom="0.23622047244094491" header="0.39370078740157483" footer="0.19685039370078741"/>
  <pageSetup paperSize="9" scale="92" orientation="landscape" r:id="rId1"/>
  <headerFooter alignWithMargins="0">
    <oddHeader>&amp;R&amp;"ＭＳ Ｐゴシック,太字"【別紙－２】</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28673" r:id="rId4" name="Check Box 1">
              <controlPr defaultSize="0" autoFill="0" autoLine="0" autoPict="0">
                <anchor moveWithCells="1">
                  <from>
                    <xdr:col>4</xdr:col>
                    <xdr:colOff>25400</xdr:colOff>
                    <xdr:row>7</xdr:row>
                    <xdr:rowOff>44450</xdr:rowOff>
                  </from>
                  <to>
                    <xdr:col>4</xdr:col>
                    <xdr:colOff>273050</xdr:colOff>
                    <xdr:row>8</xdr:row>
                    <xdr:rowOff>0</xdr:rowOff>
                  </to>
                </anchor>
              </controlPr>
            </control>
          </mc:Choice>
        </mc:AlternateContent>
        <mc:AlternateContent xmlns:mc="http://schemas.openxmlformats.org/markup-compatibility/2006">
          <mc:Choice Requires="x14">
            <control shapeId="28674" r:id="rId5" name="Check Box 2">
              <controlPr defaultSize="0" autoFill="0" autoLine="0" autoPict="0">
                <anchor moveWithCells="1">
                  <from>
                    <xdr:col>4</xdr:col>
                    <xdr:colOff>25400</xdr:colOff>
                    <xdr:row>8</xdr:row>
                    <xdr:rowOff>44450</xdr:rowOff>
                  </from>
                  <to>
                    <xdr:col>4</xdr:col>
                    <xdr:colOff>273050</xdr:colOff>
                    <xdr:row>9</xdr:row>
                    <xdr:rowOff>0</xdr:rowOff>
                  </to>
                </anchor>
              </controlPr>
            </control>
          </mc:Choice>
        </mc:AlternateContent>
        <mc:AlternateContent xmlns:mc="http://schemas.openxmlformats.org/markup-compatibility/2006">
          <mc:Choice Requires="x14">
            <control shapeId="28675" r:id="rId6" name="Check Box 3">
              <controlPr defaultSize="0" autoFill="0" autoLine="0" autoPict="0">
                <anchor moveWithCells="1">
                  <from>
                    <xdr:col>4</xdr:col>
                    <xdr:colOff>25400</xdr:colOff>
                    <xdr:row>9</xdr:row>
                    <xdr:rowOff>44450</xdr:rowOff>
                  </from>
                  <to>
                    <xdr:col>4</xdr:col>
                    <xdr:colOff>273050</xdr:colOff>
                    <xdr:row>10</xdr:row>
                    <xdr:rowOff>0</xdr:rowOff>
                  </to>
                </anchor>
              </controlPr>
            </control>
          </mc:Choice>
        </mc:AlternateContent>
        <mc:AlternateContent xmlns:mc="http://schemas.openxmlformats.org/markup-compatibility/2006">
          <mc:Choice Requires="x14">
            <control shapeId="28676" r:id="rId7" name="Check Box 4">
              <controlPr defaultSize="0" autoFill="0" autoLine="0" autoPict="0">
                <anchor moveWithCells="1">
                  <from>
                    <xdr:col>4</xdr:col>
                    <xdr:colOff>25400</xdr:colOff>
                    <xdr:row>10</xdr:row>
                    <xdr:rowOff>44450</xdr:rowOff>
                  </from>
                  <to>
                    <xdr:col>4</xdr:col>
                    <xdr:colOff>273050</xdr:colOff>
                    <xdr:row>11</xdr:row>
                    <xdr:rowOff>0</xdr:rowOff>
                  </to>
                </anchor>
              </controlPr>
            </control>
          </mc:Choice>
        </mc:AlternateContent>
        <mc:AlternateContent xmlns:mc="http://schemas.openxmlformats.org/markup-compatibility/2006">
          <mc:Choice Requires="x14">
            <control shapeId="28677" r:id="rId8" name="Check Box 5">
              <controlPr defaultSize="0" autoFill="0" autoLine="0" autoPict="0">
                <anchor moveWithCells="1">
                  <from>
                    <xdr:col>4</xdr:col>
                    <xdr:colOff>25400</xdr:colOff>
                    <xdr:row>12</xdr:row>
                    <xdr:rowOff>44450</xdr:rowOff>
                  </from>
                  <to>
                    <xdr:col>4</xdr:col>
                    <xdr:colOff>273050</xdr:colOff>
                    <xdr:row>13</xdr:row>
                    <xdr:rowOff>0</xdr:rowOff>
                  </to>
                </anchor>
              </controlPr>
            </control>
          </mc:Choice>
        </mc:AlternateContent>
        <mc:AlternateContent xmlns:mc="http://schemas.openxmlformats.org/markup-compatibility/2006">
          <mc:Choice Requires="x14">
            <control shapeId="28678" r:id="rId9" name="Check Box 6">
              <controlPr defaultSize="0" autoFill="0" autoLine="0" autoPict="0">
                <anchor moveWithCells="1">
                  <from>
                    <xdr:col>4</xdr:col>
                    <xdr:colOff>25400</xdr:colOff>
                    <xdr:row>15</xdr:row>
                    <xdr:rowOff>44450</xdr:rowOff>
                  </from>
                  <to>
                    <xdr:col>4</xdr:col>
                    <xdr:colOff>273050</xdr:colOff>
                    <xdr:row>16</xdr:row>
                    <xdr:rowOff>0</xdr:rowOff>
                  </to>
                </anchor>
              </controlPr>
            </control>
          </mc:Choice>
        </mc:AlternateContent>
        <mc:AlternateContent xmlns:mc="http://schemas.openxmlformats.org/markup-compatibility/2006">
          <mc:Choice Requires="x14">
            <control shapeId="28679" r:id="rId10" name="Check Box 7">
              <controlPr defaultSize="0" autoFill="0" autoLine="0" autoPict="0">
                <anchor moveWithCells="1">
                  <from>
                    <xdr:col>4</xdr:col>
                    <xdr:colOff>25400</xdr:colOff>
                    <xdr:row>18</xdr:row>
                    <xdr:rowOff>44450</xdr:rowOff>
                  </from>
                  <to>
                    <xdr:col>4</xdr:col>
                    <xdr:colOff>273050</xdr:colOff>
                    <xdr:row>19</xdr:row>
                    <xdr:rowOff>0</xdr:rowOff>
                  </to>
                </anchor>
              </controlPr>
            </control>
          </mc:Choice>
        </mc:AlternateContent>
        <mc:AlternateContent xmlns:mc="http://schemas.openxmlformats.org/markup-compatibility/2006">
          <mc:Choice Requires="x14">
            <control shapeId="28680" r:id="rId11" name="Check Box 8">
              <controlPr defaultSize="0" autoFill="0" autoLine="0" autoPict="0">
                <anchor moveWithCells="1">
                  <from>
                    <xdr:col>4</xdr:col>
                    <xdr:colOff>25400</xdr:colOff>
                    <xdr:row>20</xdr:row>
                    <xdr:rowOff>44450</xdr:rowOff>
                  </from>
                  <to>
                    <xdr:col>4</xdr:col>
                    <xdr:colOff>273050</xdr:colOff>
                    <xdr:row>21</xdr:row>
                    <xdr:rowOff>0</xdr:rowOff>
                  </to>
                </anchor>
              </controlPr>
            </control>
          </mc:Choice>
        </mc:AlternateContent>
        <mc:AlternateContent xmlns:mc="http://schemas.openxmlformats.org/markup-compatibility/2006">
          <mc:Choice Requires="x14">
            <control shapeId="28681" r:id="rId12" name="Check Box 9">
              <controlPr defaultSize="0" autoFill="0" autoLine="0" autoPict="0">
                <anchor moveWithCells="1">
                  <from>
                    <xdr:col>4</xdr:col>
                    <xdr:colOff>25400</xdr:colOff>
                    <xdr:row>22</xdr:row>
                    <xdr:rowOff>44450</xdr:rowOff>
                  </from>
                  <to>
                    <xdr:col>4</xdr:col>
                    <xdr:colOff>273050</xdr:colOff>
                    <xdr:row>23</xdr:row>
                    <xdr:rowOff>0</xdr:rowOff>
                  </to>
                </anchor>
              </controlPr>
            </control>
          </mc:Choice>
        </mc:AlternateContent>
        <mc:AlternateContent xmlns:mc="http://schemas.openxmlformats.org/markup-compatibility/2006">
          <mc:Choice Requires="x14">
            <control shapeId="28682" r:id="rId13" name="Check Box 10">
              <controlPr defaultSize="0" autoFill="0" autoLine="0" autoPict="0">
                <anchor moveWithCells="1">
                  <from>
                    <xdr:col>4</xdr:col>
                    <xdr:colOff>25400</xdr:colOff>
                    <xdr:row>24</xdr:row>
                    <xdr:rowOff>44450</xdr:rowOff>
                  </from>
                  <to>
                    <xdr:col>4</xdr:col>
                    <xdr:colOff>273050</xdr:colOff>
                    <xdr:row>25</xdr:row>
                    <xdr:rowOff>0</xdr:rowOff>
                  </to>
                </anchor>
              </controlPr>
            </control>
          </mc:Choice>
        </mc:AlternateContent>
        <mc:AlternateContent xmlns:mc="http://schemas.openxmlformats.org/markup-compatibility/2006">
          <mc:Choice Requires="x14">
            <control shapeId="28683" r:id="rId14" name="Check Box 11">
              <controlPr defaultSize="0" autoFill="0" autoLine="0" autoPict="0">
                <anchor moveWithCells="1">
                  <from>
                    <xdr:col>4</xdr:col>
                    <xdr:colOff>25400</xdr:colOff>
                    <xdr:row>27</xdr:row>
                    <xdr:rowOff>44450</xdr:rowOff>
                  </from>
                  <to>
                    <xdr:col>4</xdr:col>
                    <xdr:colOff>273050</xdr:colOff>
                    <xdr:row>28</xdr:row>
                    <xdr:rowOff>0</xdr:rowOff>
                  </to>
                </anchor>
              </controlPr>
            </control>
          </mc:Choice>
        </mc:AlternateContent>
        <mc:AlternateContent xmlns:mc="http://schemas.openxmlformats.org/markup-compatibility/2006">
          <mc:Choice Requires="x14">
            <control shapeId="28684" r:id="rId15" name="Check Box 12">
              <controlPr defaultSize="0" autoFill="0" autoLine="0" autoPict="0">
                <anchor moveWithCells="1">
                  <from>
                    <xdr:col>4</xdr:col>
                    <xdr:colOff>25400</xdr:colOff>
                    <xdr:row>29</xdr:row>
                    <xdr:rowOff>44450</xdr:rowOff>
                  </from>
                  <to>
                    <xdr:col>4</xdr:col>
                    <xdr:colOff>273050</xdr:colOff>
                    <xdr:row>30</xdr:row>
                    <xdr:rowOff>0</xdr:rowOff>
                  </to>
                </anchor>
              </controlPr>
            </control>
          </mc:Choice>
        </mc:AlternateContent>
        <mc:AlternateContent xmlns:mc="http://schemas.openxmlformats.org/markup-compatibility/2006">
          <mc:Choice Requires="x14">
            <control shapeId="28685" r:id="rId16" name="Check Box 13">
              <controlPr defaultSize="0" autoFill="0" autoLine="0" autoPict="0">
                <anchor moveWithCells="1">
                  <from>
                    <xdr:col>4</xdr:col>
                    <xdr:colOff>25400</xdr:colOff>
                    <xdr:row>31</xdr:row>
                    <xdr:rowOff>44450</xdr:rowOff>
                  </from>
                  <to>
                    <xdr:col>4</xdr:col>
                    <xdr:colOff>273050</xdr:colOff>
                    <xdr:row>32</xdr:row>
                    <xdr:rowOff>0</xdr:rowOff>
                  </to>
                </anchor>
              </controlPr>
            </control>
          </mc:Choice>
        </mc:AlternateContent>
        <mc:AlternateContent xmlns:mc="http://schemas.openxmlformats.org/markup-compatibility/2006">
          <mc:Choice Requires="x14">
            <control shapeId="28686" r:id="rId17" name="Check Box 14">
              <controlPr defaultSize="0" autoFill="0" autoLine="0" autoPict="0">
                <anchor moveWithCells="1">
                  <from>
                    <xdr:col>4</xdr:col>
                    <xdr:colOff>25400</xdr:colOff>
                    <xdr:row>17</xdr:row>
                    <xdr:rowOff>44450</xdr:rowOff>
                  </from>
                  <to>
                    <xdr:col>4</xdr:col>
                    <xdr:colOff>273050</xdr:colOff>
                    <xdr:row>18</xdr:row>
                    <xdr:rowOff>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F2:V39"/>
  <sheetViews>
    <sheetView view="pageBreakPreview" topLeftCell="C1" zoomScaleNormal="100" zoomScaleSheetLayoutView="100" workbookViewId="0">
      <selection activeCell="V30" sqref="V30"/>
    </sheetView>
  </sheetViews>
  <sheetFormatPr defaultRowHeight="13" x14ac:dyDescent="0.2"/>
  <cols>
    <col min="1" max="4" width="3.6328125" customWidth="1"/>
    <col min="6" max="6" width="2.81640625" customWidth="1"/>
    <col min="7" max="7" width="3.453125" customWidth="1"/>
    <col min="11" max="11" width="11.36328125" customWidth="1"/>
    <col min="12" max="12" width="4" customWidth="1"/>
    <col min="13" max="13" width="6.90625" customWidth="1"/>
    <col min="14" max="14" width="5.453125" customWidth="1"/>
    <col min="18" max="18" width="4.453125" customWidth="1"/>
    <col min="19" max="19" width="13.36328125" customWidth="1"/>
    <col min="20" max="20" width="12.81640625" customWidth="1"/>
    <col min="21" max="21" width="15" customWidth="1"/>
    <col min="22" max="22" width="9.36328125" customWidth="1"/>
  </cols>
  <sheetData>
    <row r="2" spans="6:22" ht="19" x14ac:dyDescent="0.2">
      <c r="F2" s="10" t="s">
        <v>37</v>
      </c>
    </row>
    <row r="3" spans="6:22" ht="23.4" customHeight="1" thickBot="1" x14ac:dyDescent="0.25">
      <c r="G3" s="311" t="s">
        <v>378</v>
      </c>
    </row>
    <row r="4" spans="6:22" ht="13.5" thickTop="1" x14ac:dyDescent="0.2">
      <c r="F4" s="66"/>
      <c r="G4" s="11"/>
      <c r="H4" s="11"/>
      <c r="I4" s="11"/>
      <c r="J4" s="11"/>
      <c r="K4" s="11"/>
      <c r="L4" s="11"/>
      <c r="M4" s="11"/>
      <c r="N4" s="11"/>
      <c r="O4" s="11"/>
      <c r="P4" s="11"/>
      <c r="Q4" s="11"/>
      <c r="R4" s="11"/>
      <c r="S4" s="11"/>
      <c r="T4" s="11"/>
      <c r="U4" s="11"/>
      <c r="V4" s="12"/>
    </row>
    <row r="5" spans="6:22" ht="15" customHeight="1" x14ac:dyDescent="0.2">
      <c r="F5" s="13"/>
      <c r="G5" s="26"/>
      <c r="H5" s="17"/>
      <c r="I5" s="17"/>
      <c r="J5" s="17"/>
      <c r="K5" s="17"/>
      <c r="L5" s="17"/>
      <c r="M5" s="17"/>
      <c r="N5" s="394" t="s">
        <v>1</v>
      </c>
      <c r="O5" s="394"/>
      <c r="P5" s="26" t="s">
        <v>38</v>
      </c>
      <c r="Q5" s="26"/>
      <c r="R5" s="27"/>
      <c r="S5" s="27"/>
      <c r="T5" s="27"/>
      <c r="V5" s="16"/>
    </row>
    <row r="6" spans="6:22" ht="15" customHeight="1" x14ac:dyDescent="0.2">
      <c r="F6" s="13"/>
      <c r="G6" s="26"/>
      <c r="H6" s="17"/>
      <c r="I6" s="17"/>
      <c r="J6" s="17"/>
      <c r="K6" s="17"/>
      <c r="L6" s="17"/>
      <c r="M6" s="17"/>
      <c r="N6" s="394" t="s">
        <v>2</v>
      </c>
      <c r="O6" s="394"/>
      <c r="P6" s="356"/>
      <c r="Q6" s="356"/>
      <c r="R6" s="356"/>
      <c r="S6" s="356"/>
      <c r="T6" s="356"/>
      <c r="V6" s="16"/>
    </row>
    <row r="7" spans="6:22" ht="15" customHeight="1" x14ac:dyDescent="0.2">
      <c r="F7" s="13"/>
      <c r="G7" s="14"/>
      <c r="N7" s="15"/>
      <c r="V7" s="16"/>
    </row>
    <row r="8" spans="6:22" ht="8.15" customHeight="1" x14ac:dyDescent="0.2">
      <c r="F8" s="13"/>
      <c r="H8" s="1"/>
      <c r="I8" s="2"/>
      <c r="J8" s="2"/>
      <c r="K8" s="2"/>
      <c r="L8" s="2"/>
      <c r="M8" s="2"/>
      <c r="N8" s="2"/>
      <c r="O8" s="2"/>
      <c r="P8" s="2"/>
      <c r="Q8" s="2"/>
      <c r="R8" s="2"/>
      <c r="S8" s="2"/>
      <c r="T8" s="2"/>
      <c r="U8" s="3"/>
      <c r="V8" s="16"/>
    </row>
    <row r="9" spans="6:22" ht="19.5" customHeight="1" x14ac:dyDescent="0.2">
      <c r="F9" s="13"/>
      <c r="G9" s="14"/>
      <c r="H9" s="4"/>
      <c r="I9" t="s">
        <v>87</v>
      </c>
      <c r="N9" s="15"/>
      <c r="U9" s="5"/>
      <c r="V9" s="16"/>
    </row>
    <row r="10" spans="6:22" ht="20.149999999999999" customHeight="1" x14ac:dyDescent="0.2">
      <c r="F10" s="13"/>
      <c r="H10" s="4"/>
      <c r="I10" t="s">
        <v>39</v>
      </c>
      <c r="U10" s="5"/>
      <c r="V10" s="16"/>
    </row>
    <row r="11" spans="6:22" ht="19.5" customHeight="1" x14ac:dyDescent="0.2">
      <c r="F11" s="13"/>
      <c r="H11" s="4"/>
      <c r="I11" t="s">
        <v>40</v>
      </c>
      <c r="U11" s="5"/>
      <c r="V11" s="16"/>
    </row>
    <row r="12" spans="6:22" ht="19.5" customHeight="1" x14ac:dyDescent="0.2">
      <c r="F12" s="13"/>
      <c r="H12" s="4"/>
      <c r="I12" t="s">
        <v>368</v>
      </c>
      <c r="U12" s="5"/>
      <c r="V12" s="16"/>
    </row>
    <row r="13" spans="6:22" ht="19.5" customHeight="1" x14ac:dyDescent="0.2">
      <c r="F13" s="13"/>
      <c r="H13" s="4"/>
      <c r="I13" t="s">
        <v>408</v>
      </c>
      <c r="U13" s="5"/>
      <c r="V13" s="16"/>
    </row>
    <row r="14" spans="6:22" ht="19.5" customHeight="1" x14ac:dyDescent="0.2">
      <c r="F14" s="13"/>
      <c r="H14" s="4"/>
      <c r="I14" t="s">
        <v>187</v>
      </c>
      <c r="U14" s="5"/>
      <c r="V14" s="16"/>
    </row>
    <row r="15" spans="6:22" ht="19.5" customHeight="1" x14ac:dyDescent="0.2">
      <c r="F15" s="13"/>
      <c r="H15" s="4"/>
      <c r="I15" s="276" t="s">
        <v>217</v>
      </c>
      <c r="U15" s="5"/>
      <c r="V15" s="16"/>
    </row>
    <row r="16" spans="6:22" ht="19.5" customHeight="1" x14ac:dyDescent="0.2">
      <c r="F16" s="13"/>
      <c r="H16" s="4"/>
      <c r="I16" s="276" t="s">
        <v>396</v>
      </c>
      <c r="U16" s="5"/>
      <c r="V16" s="16"/>
    </row>
    <row r="17" spans="6:22" ht="19.5" customHeight="1" x14ac:dyDescent="0.2">
      <c r="F17" s="13"/>
      <c r="H17" s="4"/>
      <c r="I17" s="276" t="s">
        <v>192</v>
      </c>
      <c r="U17" s="5"/>
      <c r="V17" s="16"/>
    </row>
    <row r="18" spans="6:22" ht="20.25" customHeight="1" x14ac:dyDescent="0.2">
      <c r="F18" s="13"/>
      <c r="H18" s="4"/>
      <c r="I18" s="276" t="s">
        <v>196</v>
      </c>
      <c r="U18" s="5"/>
      <c r="V18" s="16"/>
    </row>
    <row r="19" spans="6:22" ht="20.25" customHeight="1" x14ac:dyDescent="0.2">
      <c r="F19" s="13"/>
      <c r="H19" s="4"/>
      <c r="I19" s="276"/>
      <c r="U19" s="5"/>
      <c r="V19" s="16"/>
    </row>
    <row r="20" spans="6:22" ht="8.25" customHeight="1" x14ac:dyDescent="0.2">
      <c r="F20" s="13"/>
      <c r="H20" s="6"/>
      <c r="I20" s="7"/>
      <c r="J20" s="7"/>
      <c r="K20" s="7"/>
      <c r="L20" s="7"/>
      <c r="M20" s="7"/>
      <c r="N20" s="7"/>
      <c r="O20" s="7"/>
      <c r="P20" s="7"/>
      <c r="Q20" s="7"/>
      <c r="R20" s="7"/>
      <c r="S20" s="7"/>
      <c r="T20" s="7"/>
      <c r="U20" s="8"/>
      <c r="V20" s="16"/>
    </row>
    <row r="21" spans="6:22" ht="8.25" customHeight="1" x14ac:dyDescent="0.2">
      <c r="F21" s="13"/>
      <c r="V21" s="16"/>
    </row>
    <row r="22" spans="6:22" ht="12.9" customHeight="1" x14ac:dyDescent="0.2">
      <c r="F22" s="13"/>
      <c r="J22" s="9"/>
      <c r="K22" s="9"/>
      <c r="L22" s="9"/>
      <c r="M22" s="17"/>
      <c r="N22" s="17"/>
      <c r="O22" s="15"/>
      <c r="V22" s="16"/>
    </row>
    <row r="23" spans="6:22" ht="18" customHeight="1" x14ac:dyDescent="0.2">
      <c r="F23" s="13"/>
      <c r="G23" s="14" t="s">
        <v>0</v>
      </c>
      <c r="H23" s="14"/>
      <c r="J23" s="9"/>
      <c r="K23" s="9"/>
      <c r="L23" s="9"/>
      <c r="M23" s="17"/>
      <c r="N23" s="17"/>
      <c r="O23" s="15"/>
      <c r="V23" s="16"/>
    </row>
    <row r="24" spans="6:22" ht="12.9" customHeight="1" x14ac:dyDescent="0.2">
      <c r="F24" s="13"/>
      <c r="J24" s="9"/>
      <c r="K24" s="9"/>
      <c r="L24" s="9"/>
      <c r="M24" s="17"/>
      <c r="N24" s="17"/>
      <c r="O24" s="15"/>
      <c r="V24" s="16"/>
    </row>
    <row r="25" spans="6:22" ht="12.9" customHeight="1" x14ac:dyDescent="0.2">
      <c r="F25" s="13"/>
      <c r="J25" s="9"/>
      <c r="K25" s="9"/>
      <c r="L25" s="9"/>
      <c r="M25" s="17"/>
      <c r="N25" s="17"/>
      <c r="O25" s="15"/>
      <c r="V25" s="16"/>
    </row>
    <row r="26" spans="6:22" ht="12.9" customHeight="1" x14ac:dyDescent="0.2">
      <c r="F26" s="13"/>
      <c r="J26" s="9"/>
      <c r="K26" s="9"/>
      <c r="L26" s="9"/>
      <c r="M26" s="17"/>
      <c r="N26" s="17"/>
      <c r="O26" s="15"/>
      <c r="V26" s="16"/>
    </row>
    <row r="27" spans="6:22" ht="12.9" customHeight="1" x14ac:dyDescent="0.2">
      <c r="F27" s="13"/>
      <c r="H27" s="22"/>
      <c r="I27" s="22"/>
      <c r="K27" s="22"/>
      <c r="L27" s="22"/>
      <c r="M27" s="17"/>
      <c r="N27" s="17"/>
      <c r="O27" s="22"/>
      <c r="P27" s="22"/>
      <c r="R27" s="22"/>
      <c r="S27" s="22"/>
      <c r="T27" s="22"/>
      <c r="V27" s="16"/>
    </row>
    <row r="28" spans="6:22" ht="12.9" customHeight="1" x14ac:dyDescent="0.2">
      <c r="F28" s="13"/>
      <c r="H28" s="22"/>
      <c r="I28" s="22"/>
      <c r="K28" s="22"/>
      <c r="L28" s="22"/>
      <c r="M28" s="17"/>
      <c r="N28" s="17"/>
      <c r="O28" s="22"/>
      <c r="P28" s="22"/>
      <c r="R28" s="22"/>
      <c r="S28" s="22"/>
      <c r="T28" s="22"/>
      <c r="V28" s="16"/>
    </row>
    <row r="29" spans="6:22" ht="12.9" customHeight="1" x14ac:dyDescent="0.2">
      <c r="F29" s="13"/>
      <c r="H29" s="22"/>
      <c r="I29" s="22"/>
      <c r="K29" s="22"/>
      <c r="L29" s="22"/>
      <c r="M29" s="17"/>
      <c r="N29" s="17"/>
      <c r="O29" s="22"/>
      <c r="P29" s="22"/>
      <c r="R29" s="22"/>
      <c r="S29" s="22"/>
      <c r="T29" s="22"/>
      <c r="V29" s="16"/>
    </row>
    <row r="30" spans="6:22" ht="12.9" customHeight="1" x14ac:dyDescent="0.2">
      <c r="F30" s="13"/>
      <c r="H30" s="22"/>
      <c r="I30" s="22"/>
      <c r="K30" s="22"/>
      <c r="L30" s="22"/>
      <c r="M30" s="17"/>
      <c r="N30" s="17"/>
      <c r="O30" s="22"/>
      <c r="P30" s="22"/>
      <c r="R30" s="22"/>
      <c r="S30" s="22"/>
      <c r="T30" s="22"/>
      <c r="V30" s="16"/>
    </row>
    <row r="31" spans="6:22" ht="12.9" customHeight="1" x14ac:dyDescent="0.2">
      <c r="F31" s="13"/>
      <c r="J31" s="9"/>
      <c r="K31" s="9"/>
      <c r="L31" s="9"/>
      <c r="M31" s="17"/>
      <c r="N31" s="17"/>
      <c r="O31" s="15"/>
      <c r="V31" s="16"/>
    </row>
    <row r="32" spans="6:22" ht="12.9" customHeight="1" x14ac:dyDescent="0.2">
      <c r="F32" s="13"/>
      <c r="J32" s="9"/>
      <c r="K32" s="9"/>
      <c r="L32" s="9"/>
      <c r="M32" s="17"/>
      <c r="N32" s="17"/>
      <c r="O32" s="15"/>
      <c r="V32" s="16"/>
    </row>
    <row r="33" spans="6:22" ht="12.9" customHeight="1" x14ac:dyDescent="0.2">
      <c r="F33" s="13"/>
      <c r="J33" s="9"/>
      <c r="K33" s="9"/>
      <c r="L33" s="9"/>
      <c r="M33" s="17"/>
      <c r="N33" s="17"/>
      <c r="O33" s="15"/>
      <c r="V33" s="16"/>
    </row>
    <row r="34" spans="6:22" ht="12.9" customHeight="1" x14ac:dyDescent="0.2">
      <c r="F34" s="13"/>
      <c r="J34" s="9"/>
      <c r="K34" s="9"/>
      <c r="L34" s="9"/>
      <c r="M34" s="17"/>
      <c r="N34" s="17"/>
      <c r="O34" s="15"/>
      <c r="V34" s="16"/>
    </row>
    <row r="35" spans="6:22" ht="12.9" customHeight="1" x14ac:dyDescent="0.2">
      <c r="F35" s="13"/>
      <c r="J35" s="9"/>
      <c r="K35" s="9"/>
      <c r="L35" s="9"/>
      <c r="M35" s="17"/>
      <c r="N35" s="17"/>
      <c r="O35" s="15"/>
      <c r="V35" s="16"/>
    </row>
    <row r="36" spans="6:22" ht="10.5" customHeight="1" x14ac:dyDescent="0.2">
      <c r="F36" s="13"/>
      <c r="J36" s="9"/>
      <c r="K36" s="9"/>
      <c r="L36" s="9"/>
      <c r="M36" s="17"/>
      <c r="N36" s="17"/>
      <c r="O36" s="15"/>
      <c r="V36" s="16"/>
    </row>
    <row r="37" spans="6:22" ht="12.9" customHeight="1" x14ac:dyDescent="0.2">
      <c r="F37" s="13"/>
      <c r="J37" s="9"/>
      <c r="K37" s="9"/>
      <c r="L37" s="9"/>
      <c r="M37" s="17"/>
      <c r="N37" s="17"/>
      <c r="O37" s="15"/>
      <c r="V37" s="16"/>
    </row>
    <row r="38" spans="6:22" ht="12.9" customHeight="1" thickBot="1" x14ac:dyDescent="0.25">
      <c r="F38" s="19"/>
      <c r="G38" s="20"/>
      <c r="H38" s="20"/>
      <c r="I38" s="20"/>
      <c r="J38" s="23"/>
      <c r="K38" s="23"/>
      <c r="L38" s="23"/>
      <c r="M38" s="24"/>
      <c r="N38" s="24"/>
      <c r="O38" s="25"/>
      <c r="P38" s="20"/>
      <c r="Q38" s="20"/>
      <c r="R38" s="20"/>
      <c r="S38" s="20"/>
      <c r="T38" s="20"/>
      <c r="U38" s="20"/>
      <c r="V38" s="21"/>
    </row>
    <row r="39" spans="6:22" ht="13.5" thickTop="1" x14ac:dyDescent="0.2"/>
  </sheetData>
  <mergeCells count="3">
    <mergeCell ref="N5:O5"/>
    <mergeCell ref="N6:O6"/>
    <mergeCell ref="P6:T6"/>
  </mergeCells>
  <phoneticPr fontId="2"/>
  <printOptions horizontalCentered="1" verticalCentered="1"/>
  <pageMargins left="0.74803149606299213" right="0.59055118110236227" top="0.59055118110236227" bottom="0.62992125984251968" header="0.39370078740157483" footer="0.19685039370078741"/>
  <pageSetup paperSize="9" scale="91" orientation="landscape" r:id="rId1"/>
  <headerFooter alignWithMargins="0">
    <oddHeader>&amp;R&amp;"ＭＳ Ｐゴシック,太字"&amp;14【別紙－３】</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44033" r:id="rId4" name="Check Box 1">
              <controlPr defaultSize="0" autoFill="0" autoLine="0" autoPict="0">
                <anchor moveWithCells="1">
                  <from>
                    <xdr:col>7</xdr:col>
                    <xdr:colOff>165100</xdr:colOff>
                    <xdr:row>14</xdr:row>
                    <xdr:rowOff>44450</xdr:rowOff>
                  </from>
                  <to>
                    <xdr:col>8</xdr:col>
                    <xdr:colOff>0</xdr:colOff>
                    <xdr:row>15</xdr:row>
                    <xdr:rowOff>6350</xdr:rowOff>
                  </to>
                </anchor>
              </controlPr>
            </control>
          </mc:Choice>
        </mc:AlternateContent>
        <mc:AlternateContent xmlns:mc="http://schemas.openxmlformats.org/markup-compatibility/2006">
          <mc:Choice Requires="x14">
            <control shapeId="44035" r:id="rId5" name="Check Box 3">
              <controlPr defaultSize="0" autoFill="0" autoLine="0" autoPict="0">
                <anchor moveWithCells="1">
                  <from>
                    <xdr:col>7</xdr:col>
                    <xdr:colOff>158750</xdr:colOff>
                    <xdr:row>12</xdr:row>
                    <xdr:rowOff>6350</xdr:rowOff>
                  </from>
                  <to>
                    <xdr:col>7</xdr:col>
                    <xdr:colOff>603250</xdr:colOff>
                    <xdr:row>12</xdr:row>
                    <xdr:rowOff>222250</xdr:rowOff>
                  </to>
                </anchor>
              </controlPr>
            </control>
          </mc:Choice>
        </mc:AlternateContent>
        <mc:AlternateContent xmlns:mc="http://schemas.openxmlformats.org/markup-compatibility/2006">
          <mc:Choice Requires="x14">
            <control shapeId="44036" r:id="rId6" name="Check Box 4">
              <controlPr defaultSize="0" autoFill="0" autoLine="0" autoPict="0">
                <anchor moveWithCells="1">
                  <from>
                    <xdr:col>7</xdr:col>
                    <xdr:colOff>158750</xdr:colOff>
                    <xdr:row>10</xdr:row>
                    <xdr:rowOff>31750</xdr:rowOff>
                  </from>
                  <to>
                    <xdr:col>7</xdr:col>
                    <xdr:colOff>603250</xdr:colOff>
                    <xdr:row>11</xdr:row>
                    <xdr:rowOff>0</xdr:rowOff>
                  </to>
                </anchor>
              </controlPr>
            </control>
          </mc:Choice>
        </mc:AlternateContent>
        <mc:AlternateContent xmlns:mc="http://schemas.openxmlformats.org/markup-compatibility/2006">
          <mc:Choice Requires="x14">
            <control shapeId="44037" r:id="rId7" name="Check Box 5">
              <controlPr defaultSize="0" autoFill="0" autoLine="0" autoPict="0">
                <anchor moveWithCells="1">
                  <from>
                    <xdr:col>7</xdr:col>
                    <xdr:colOff>158750</xdr:colOff>
                    <xdr:row>9</xdr:row>
                    <xdr:rowOff>31750</xdr:rowOff>
                  </from>
                  <to>
                    <xdr:col>7</xdr:col>
                    <xdr:colOff>603250</xdr:colOff>
                    <xdr:row>10</xdr:row>
                    <xdr:rowOff>0</xdr:rowOff>
                  </to>
                </anchor>
              </controlPr>
            </control>
          </mc:Choice>
        </mc:AlternateContent>
        <mc:AlternateContent xmlns:mc="http://schemas.openxmlformats.org/markup-compatibility/2006">
          <mc:Choice Requires="x14">
            <control shapeId="44038" r:id="rId8" name="Check Box 6">
              <controlPr defaultSize="0" autoFill="0" autoLine="0" autoPict="0">
                <anchor moveWithCells="1">
                  <from>
                    <xdr:col>7</xdr:col>
                    <xdr:colOff>158750</xdr:colOff>
                    <xdr:row>8</xdr:row>
                    <xdr:rowOff>31750</xdr:rowOff>
                  </from>
                  <to>
                    <xdr:col>7</xdr:col>
                    <xdr:colOff>603250</xdr:colOff>
                    <xdr:row>9</xdr:row>
                    <xdr:rowOff>0</xdr:rowOff>
                  </to>
                </anchor>
              </controlPr>
            </control>
          </mc:Choice>
        </mc:AlternateContent>
        <mc:AlternateContent xmlns:mc="http://schemas.openxmlformats.org/markup-compatibility/2006">
          <mc:Choice Requires="x14">
            <control shapeId="44039" r:id="rId9" name="Check Box 7">
              <controlPr defaultSize="0" autoFill="0" autoLine="0" autoPict="0">
                <anchor moveWithCells="1">
                  <from>
                    <xdr:col>7</xdr:col>
                    <xdr:colOff>165100</xdr:colOff>
                    <xdr:row>13</xdr:row>
                    <xdr:rowOff>25400</xdr:rowOff>
                  </from>
                  <to>
                    <xdr:col>8</xdr:col>
                    <xdr:colOff>0</xdr:colOff>
                    <xdr:row>14</xdr:row>
                    <xdr:rowOff>0</xdr:rowOff>
                  </to>
                </anchor>
              </controlPr>
            </control>
          </mc:Choice>
        </mc:AlternateContent>
        <mc:AlternateContent xmlns:mc="http://schemas.openxmlformats.org/markup-compatibility/2006">
          <mc:Choice Requires="x14">
            <control shapeId="44058" r:id="rId10" name="Check Box 26">
              <controlPr defaultSize="0" autoFill="0" autoLine="0" autoPict="0">
                <anchor moveWithCells="1">
                  <from>
                    <xdr:col>7</xdr:col>
                    <xdr:colOff>158750</xdr:colOff>
                    <xdr:row>11</xdr:row>
                    <xdr:rowOff>12700</xdr:rowOff>
                  </from>
                  <to>
                    <xdr:col>7</xdr:col>
                    <xdr:colOff>603250</xdr:colOff>
                    <xdr:row>11</xdr:row>
                    <xdr:rowOff>23495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B2:U29"/>
  <sheetViews>
    <sheetView view="pageBreakPreview" topLeftCell="A12" zoomScaleNormal="100" zoomScaleSheetLayoutView="100" workbookViewId="0">
      <selection activeCell="M22" sqref="M22"/>
    </sheetView>
  </sheetViews>
  <sheetFormatPr defaultRowHeight="13" x14ac:dyDescent="0.2"/>
  <cols>
    <col min="1" max="1" width="3.453125" customWidth="1"/>
    <col min="2" max="2" width="1.1796875" customWidth="1"/>
    <col min="3" max="3" width="3.6328125" customWidth="1"/>
    <col min="4" max="5" width="4" customWidth="1"/>
    <col min="6" max="6" width="3" customWidth="1"/>
    <col min="8" max="8" width="11.36328125" customWidth="1"/>
    <col min="9" max="9" width="4" customWidth="1"/>
    <col min="10" max="10" width="6.90625" customWidth="1"/>
    <col min="11" max="11" width="5.453125" customWidth="1"/>
    <col min="13" max="13" width="10.90625" customWidth="1"/>
    <col min="16" max="16" width="4.453125" customWidth="1"/>
    <col min="18" max="19" width="5.453125" customWidth="1"/>
    <col min="22" max="22" width="1.81640625" customWidth="1"/>
  </cols>
  <sheetData>
    <row r="2" spans="2:21" ht="19" x14ac:dyDescent="0.2">
      <c r="B2" s="10"/>
      <c r="C2" s="277" t="s">
        <v>204</v>
      </c>
      <c r="D2" s="276"/>
      <c r="E2" s="276"/>
      <c r="F2" s="276"/>
      <c r="G2" s="276"/>
      <c r="H2" s="276"/>
      <c r="I2" s="276"/>
      <c r="J2" s="276"/>
      <c r="K2" s="276"/>
      <c r="L2" s="276"/>
      <c r="M2" s="276"/>
      <c r="N2" s="276"/>
      <c r="O2" s="276"/>
      <c r="P2" s="276"/>
      <c r="Q2" s="276"/>
      <c r="R2" s="276"/>
      <c r="S2" s="276"/>
      <c r="T2" s="276"/>
      <c r="U2" s="276"/>
    </row>
    <row r="3" spans="2:21" ht="21" customHeight="1" x14ac:dyDescent="0.2">
      <c r="C3" s="276"/>
      <c r="D3" s="311" t="s">
        <v>378</v>
      </c>
      <c r="E3" s="276"/>
      <c r="F3" s="276"/>
      <c r="G3" s="276"/>
      <c r="H3" s="276"/>
      <c r="I3" s="276"/>
      <c r="J3" s="276"/>
      <c r="K3" s="276"/>
      <c r="L3" s="276"/>
      <c r="M3" s="276"/>
      <c r="N3" s="276"/>
      <c r="O3" s="276"/>
      <c r="P3" s="276"/>
      <c r="Q3" s="276"/>
      <c r="R3" s="276"/>
      <c r="S3" s="276"/>
      <c r="T3" s="276"/>
      <c r="U3" s="276"/>
    </row>
    <row r="4" spans="2:21" ht="23.25" customHeight="1" x14ac:dyDescent="0.2">
      <c r="C4" s="276"/>
      <c r="D4" s="407" t="s">
        <v>214</v>
      </c>
      <c r="E4" s="407"/>
      <c r="F4" s="407"/>
      <c r="G4" s="278"/>
      <c r="H4" s="279"/>
      <c r="I4" s="279"/>
      <c r="J4" s="278"/>
      <c r="K4" s="278"/>
      <c r="L4" s="280" t="s">
        <v>215</v>
      </c>
      <c r="M4" s="280"/>
      <c r="N4" s="280"/>
      <c r="O4" s="280"/>
      <c r="P4" s="280"/>
      <c r="Q4" s="280"/>
      <c r="R4" s="280"/>
      <c r="S4" s="281"/>
      <c r="T4" s="276"/>
      <c r="U4" s="276"/>
    </row>
    <row r="5" spans="2:21" ht="9.75" customHeight="1" thickBot="1" x14ac:dyDescent="0.25">
      <c r="C5" s="276"/>
      <c r="D5" s="282"/>
      <c r="E5" s="282"/>
      <c r="F5" s="280"/>
      <c r="G5" s="280"/>
      <c r="H5" s="280"/>
      <c r="I5" s="276"/>
      <c r="J5" s="282"/>
      <c r="K5" s="282"/>
      <c r="L5" s="280"/>
      <c r="M5" s="280"/>
      <c r="N5" s="280"/>
      <c r="O5" s="280"/>
      <c r="P5" s="280"/>
      <c r="Q5" s="276"/>
      <c r="R5" s="276"/>
      <c r="S5" s="276"/>
      <c r="T5" s="276"/>
      <c r="U5" s="276"/>
    </row>
    <row r="6" spans="2:21" ht="23.25" customHeight="1" thickTop="1" x14ac:dyDescent="0.2">
      <c r="C6" s="276"/>
      <c r="D6" s="283"/>
      <c r="E6" s="284"/>
      <c r="F6" s="284"/>
      <c r="G6" s="408" t="s">
        <v>26</v>
      </c>
      <c r="H6" s="409"/>
      <c r="I6" s="409"/>
      <c r="J6" s="409"/>
      <c r="K6" s="409"/>
      <c r="L6" s="409"/>
      <c r="M6" s="409"/>
      <c r="N6" s="410"/>
      <c r="O6" s="411" t="s">
        <v>27</v>
      </c>
      <c r="P6" s="412"/>
      <c r="Q6" s="412"/>
      <c r="R6" s="412"/>
      <c r="S6" s="412"/>
      <c r="T6" s="412"/>
      <c r="U6" s="413"/>
    </row>
    <row r="7" spans="2:21" ht="15" customHeight="1" x14ac:dyDescent="0.2">
      <c r="C7" s="276"/>
      <c r="D7" s="285"/>
      <c r="E7" s="414" t="s">
        <v>208</v>
      </c>
      <c r="F7" s="414"/>
      <c r="G7" s="414"/>
      <c r="H7" s="414"/>
      <c r="I7" s="414"/>
      <c r="J7" s="414"/>
      <c r="K7" s="414"/>
      <c r="L7" s="414"/>
      <c r="M7" s="414"/>
      <c r="N7" s="414"/>
      <c r="O7" s="415"/>
      <c r="P7" s="415"/>
      <c r="Q7" s="415"/>
      <c r="R7" s="415"/>
      <c r="S7" s="415"/>
      <c r="T7" s="415"/>
      <c r="U7" s="416"/>
    </row>
    <row r="8" spans="2:21" ht="22.5" customHeight="1" x14ac:dyDescent="0.2">
      <c r="C8" s="276"/>
      <c r="D8" s="286"/>
      <c r="E8" s="287"/>
      <c r="F8" s="288" t="s">
        <v>41</v>
      </c>
      <c r="G8" s="401" t="s">
        <v>209</v>
      </c>
      <c r="H8" s="402"/>
      <c r="I8" s="402"/>
      <c r="J8" s="402"/>
      <c r="K8" s="402"/>
      <c r="L8" s="402"/>
      <c r="M8" s="402"/>
      <c r="N8" s="403"/>
      <c r="O8" s="398"/>
      <c r="P8" s="399"/>
      <c r="Q8" s="399"/>
      <c r="R8" s="399"/>
      <c r="S8" s="399"/>
      <c r="T8" s="399"/>
      <c r="U8" s="400"/>
    </row>
    <row r="9" spans="2:21" ht="22.5" customHeight="1" x14ac:dyDescent="0.2">
      <c r="C9" s="276"/>
      <c r="D9" s="286"/>
      <c r="E9" s="287"/>
      <c r="F9" s="288" t="s">
        <v>12</v>
      </c>
      <c r="G9" s="395" t="s">
        <v>205</v>
      </c>
      <c r="H9" s="396"/>
      <c r="I9" s="396"/>
      <c r="J9" s="396"/>
      <c r="K9" s="396"/>
      <c r="L9" s="396"/>
      <c r="M9" s="396"/>
      <c r="N9" s="397"/>
      <c r="O9" s="404" t="s">
        <v>212</v>
      </c>
      <c r="P9" s="405"/>
      <c r="Q9" s="405"/>
      <c r="R9" s="405"/>
      <c r="S9" s="405"/>
      <c r="T9" s="405"/>
      <c r="U9" s="406"/>
    </row>
    <row r="10" spans="2:21" ht="22.5" customHeight="1" x14ac:dyDescent="0.2">
      <c r="C10" s="276"/>
      <c r="D10" s="286"/>
      <c r="E10" s="289"/>
      <c r="F10" s="288" t="s">
        <v>28</v>
      </c>
      <c r="G10" s="395" t="s">
        <v>206</v>
      </c>
      <c r="H10" s="396"/>
      <c r="I10" s="396"/>
      <c r="J10" s="396"/>
      <c r="K10" s="396"/>
      <c r="L10" s="396"/>
      <c r="M10" s="396"/>
      <c r="N10" s="397"/>
      <c r="O10" s="398" t="s">
        <v>210</v>
      </c>
      <c r="P10" s="399"/>
      <c r="Q10" s="399"/>
      <c r="R10" s="399"/>
      <c r="S10" s="399"/>
      <c r="T10" s="399"/>
      <c r="U10" s="400"/>
    </row>
    <row r="11" spans="2:21" ht="22.5" customHeight="1" x14ac:dyDescent="0.2">
      <c r="C11" s="276"/>
      <c r="D11" s="286"/>
      <c r="E11" s="287"/>
      <c r="F11" s="276" t="s">
        <v>43</v>
      </c>
      <c r="G11" s="395" t="s">
        <v>211</v>
      </c>
      <c r="H11" s="396"/>
      <c r="I11" s="396"/>
      <c r="J11" s="396"/>
      <c r="K11" s="396"/>
      <c r="L11" s="396"/>
      <c r="M11" s="396"/>
      <c r="N11" s="397"/>
      <c r="O11" s="398"/>
      <c r="P11" s="399"/>
      <c r="Q11" s="399"/>
      <c r="R11" s="399"/>
      <c r="S11" s="399"/>
      <c r="T11" s="399"/>
      <c r="U11" s="400"/>
    </row>
    <row r="12" spans="2:21" ht="22.5" customHeight="1" x14ac:dyDescent="0.2">
      <c r="C12" s="276"/>
      <c r="D12" s="286"/>
      <c r="E12" s="289"/>
      <c r="F12" s="290" t="s">
        <v>30</v>
      </c>
      <c r="G12" s="395" t="s">
        <v>213</v>
      </c>
      <c r="H12" s="396"/>
      <c r="I12" s="396"/>
      <c r="J12" s="396"/>
      <c r="K12" s="396"/>
      <c r="L12" s="396"/>
      <c r="M12" s="396"/>
      <c r="N12" s="397"/>
      <c r="O12" s="398"/>
      <c r="P12" s="399"/>
      <c r="Q12" s="399"/>
      <c r="R12" s="399"/>
      <c r="S12" s="399"/>
      <c r="T12" s="399"/>
      <c r="U12" s="400"/>
    </row>
    <row r="13" spans="2:21" ht="22.5" customHeight="1" x14ac:dyDescent="0.2">
      <c r="C13" s="276"/>
      <c r="D13" s="286"/>
      <c r="E13" s="289"/>
      <c r="F13" s="276" t="s">
        <v>15</v>
      </c>
      <c r="G13" s="395" t="s">
        <v>207</v>
      </c>
      <c r="H13" s="396"/>
      <c r="I13" s="396"/>
      <c r="J13" s="396"/>
      <c r="K13" s="396"/>
      <c r="L13" s="396"/>
      <c r="M13" s="396"/>
      <c r="N13" s="397"/>
      <c r="O13" s="398" t="s">
        <v>218</v>
      </c>
      <c r="P13" s="399"/>
      <c r="Q13" s="399"/>
      <c r="R13" s="399"/>
      <c r="S13" s="399"/>
      <c r="T13" s="399"/>
      <c r="U13" s="400"/>
    </row>
    <row r="14" spans="2:21" ht="3" customHeight="1" thickBot="1" x14ac:dyDescent="0.25">
      <c r="C14" s="276"/>
      <c r="D14" s="291"/>
      <c r="E14" s="292"/>
      <c r="F14" s="293"/>
      <c r="G14" s="294"/>
      <c r="H14" s="294"/>
      <c r="I14" s="294"/>
      <c r="J14" s="294"/>
      <c r="K14" s="294"/>
      <c r="L14" s="294"/>
      <c r="M14" s="294"/>
      <c r="N14" s="295"/>
      <c r="O14" s="296"/>
      <c r="P14" s="297"/>
      <c r="Q14" s="297"/>
      <c r="R14" s="297"/>
      <c r="S14" s="297"/>
      <c r="T14" s="297"/>
      <c r="U14" s="298"/>
    </row>
    <row r="15" spans="2:21" ht="3" customHeight="1" thickTop="1" x14ac:dyDescent="0.2">
      <c r="C15" s="276"/>
      <c r="D15" s="276"/>
      <c r="E15" s="276"/>
      <c r="F15" s="276"/>
      <c r="G15" s="299"/>
      <c r="H15" s="299"/>
      <c r="I15" s="299"/>
      <c r="J15" s="299"/>
      <c r="K15" s="299"/>
      <c r="L15" s="299"/>
      <c r="M15" s="299"/>
      <c r="N15" s="299"/>
      <c r="O15" s="300"/>
      <c r="P15" s="300"/>
      <c r="Q15" s="300"/>
      <c r="R15" s="300"/>
      <c r="S15" s="300"/>
      <c r="T15" s="300"/>
      <c r="U15" s="300"/>
    </row>
    <row r="16" spans="2:21" ht="3" customHeight="1" x14ac:dyDescent="0.2">
      <c r="C16" s="276"/>
      <c r="D16" s="276"/>
      <c r="E16" s="276"/>
      <c r="F16" s="276"/>
      <c r="G16" s="299"/>
      <c r="H16" s="299"/>
      <c r="I16" s="299"/>
      <c r="J16" s="299"/>
      <c r="K16" s="299"/>
      <c r="L16" s="299"/>
      <c r="M16" s="299"/>
      <c r="N16" s="299"/>
      <c r="O16" s="300"/>
      <c r="P16" s="300"/>
      <c r="Q16" s="300"/>
      <c r="R16" s="300"/>
      <c r="S16" s="300"/>
      <c r="T16" s="300"/>
      <c r="U16" s="300"/>
    </row>
    <row r="17" spans="3:21" ht="15" customHeight="1" x14ac:dyDescent="0.2">
      <c r="C17" s="276"/>
      <c r="D17" s="276"/>
      <c r="E17" s="276"/>
      <c r="F17" s="276"/>
      <c r="G17" s="299"/>
      <c r="H17" s="299"/>
      <c r="I17" s="299"/>
      <c r="J17" s="299"/>
      <c r="K17" s="299"/>
      <c r="L17" s="299"/>
      <c r="M17" s="299"/>
      <c r="N17" s="299"/>
      <c r="O17" s="300"/>
      <c r="P17" s="300"/>
      <c r="Q17" s="300"/>
      <c r="R17" s="300"/>
      <c r="S17" s="300"/>
      <c r="T17" s="300"/>
      <c r="U17" s="300"/>
    </row>
    <row r="18" spans="3:21" ht="15" customHeight="1" x14ac:dyDescent="0.2">
      <c r="C18" s="276"/>
      <c r="D18" s="276"/>
      <c r="E18" s="276"/>
      <c r="F18" s="276"/>
      <c r="G18" s="299"/>
      <c r="H18" s="299"/>
      <c r="I18" s="299"/>
      <c r="J18" s="299"/>
      <c r="K18" s="299"/>
      <c r="L18" s="299"/>
      <c r="M18" s="299"/>
      <c r="N18" s="299"/>
      <c r="O18" s="300"/>
      <c r="P18" s="300"/>
      <c r="Q18" s="300"/>
      <c r="R18" s="300"/>
      <c r="S18" s="300"/>
      <c r="T18" s="300"/>
      <c r="U18" s="300"/>
    </row>
    <row r="19" spans="3:21" ht="16.5" customHeight="1" x14ac:dyDescent="0.2">
      <c r="C19" s="276"/>
      <c r="D19" s="276"/>
      <c r="E19" s="276"/>
      <c r="F19" s="276"/>
      <c r="G19" s="299"/>
      <c r="H19" s="299"/>
      <c r="I19" s="299"/>
      <c r="J19" s="299"/>
      <c r="K19" s="299"/>
      <c r="L19" s="299"/>
      <c r="M19" s="299"/>
      <c r="N19" s="299"/>
      <c r="O19" s="300"/>
      <c r="P19" s="300"/>
      <c r="Q19" s="300"/>
      <c r="R19" s="300"/>
      <c r="S19" s="300"/>
      <c r="T19" s="300"/>
      <c r="U19" s="300"/>
    </row>
    <row r="20" spans="3:21" ht="13.5" customHeight="1" x14ac:dyDescent="0.2">
      <c r="G20" s="41"/>
      <c r="H20" s="42"/>
      <c r="I20" s="42"/>
      <c r="J20" s="42"/>
    </row>
    <row r="21" spans="3:21" ht="13.5" customHeight="1" x14ac:dyDescent="0.2">
      <c r="G21" s="42"/>
      <c r="H21" s="42"/>
      <c r="I21" s="42"/>
      <c r="J21" s="42"/>
    </row>
    <row r="22" spans="3:21" ht="13.5" customHeight="1" x14ac:dyDescent="0.2">
      <c r="G22" s="42"/>
      <c r="H22" s="42"/>
      <c r="I22" s="42"/>
      <c r="J22" s="42"/>
    </row>
    <row r="23" spans="3:21" ht="13.5" customHeight="1" x14ac:dyDescent="0.2">
      <c r="G23" s="42"/>
      <c r="H23" s="42"/>
      <c r="I23" s="42"/>
      <c r="J23" s="42"/>
    </row>
    <row r="24" spans="3:21" ht="6.75" customHeight="1" x14ac:dyDescent="0.2"/>
    <row r="25" spans="3:21" ht="13.5" customHeight="1" x14ac:dyDescent="0.2">
      <c r="D25" s="9"/>
      <c r="E25" s="9"/>
      <c r="F25" s="9"/>
      <c r="G25" s="9"/>
      <c r="H25" s="9"/>
      <c r="I25" s="9"/>
      <c r="J25" s="9"/>
      <c r="K25" s="9"/>
      <c r="L25" s="9"/>
      <c r="M25" s="9"/>
      <c r="N25" s="9"/>
      <c r="O25" s="9"/>
      <c r="P25" s="9"/>
      <c r="Q25" s="9"/>
      <c r="R25" s="9"/>
      <c r="S25" s="9"/>
      <c r="T25" s="9"/>
      <c r="U25" s="9"/>
    </row>
    <row r="26" spans="3:21" x14ac:dyDescent="0.2">
      <c r="D26" s="9"/>
      <c r="E26" s="9"/>
      <c r="F26" s="9"/>
      <c r="G26" s="9"/>
      <c r="H26" s="9"/>
      <c r="I26" s="9"/>
      <c r="J26" s="9"/>
      <c r="K26" s="9"/>
      <c r="L26" s="9"/>
      <c r="M26" s="9"/>
      <c r="N26" s="9"/>
      <c r="O26" s="9"/>
      <c r="P26" s="9"/>
      <c r="Q26" s="9"/>
      <c r="R26" s="9"/>
      <c r="S26" s="9"/>
      <c r="T26" s="9"/>
      <c r="U26" s="9"/>
    </row>
    <row r="27" spans="3:21" ht="8.25" customHeight="1" x14ac:dyDescent="0.2">
      <c r="D27" s="9"/>
      <c r="E27" s="9"/>
      <c r="F27" s="9"/>
      <c r="G27" s="9"/>
      <c r="H27" s="9"/>
      <c r="I27" s="9"/>
      <c r="J27" s="9"/>
      <c r="K27" s="9"/>
      <c r="L27" s="9"/>
      <c r="M27" s="9"/>
      <c r="N27" s="9"/>
      <c r="O27" s="9"/>
      <c r="P27" s="9"/>
      <c r="Q27" s="9"/>
      <c r="R27" s="9"/>
      <c r="S27" s="9"/>
      <c r="T27" s="9"/>
      <c r="U27" s="9"/>
    </row>
    <row r="28" spans="3:21" ht="16.5" customHeight="1" x14ac:dyDescent="0.2">
      <c r="D28" s="9"/>
      <c r="E28" s="9"/>
      <c r="F28" s="9"/>
      <c r="G28" s="9"/>
      <c r="H28" s="9"/>
      <c r="I28" s="9"/>
      <c r="J28" s="9"/>
      <c r="K28" s="9"/>
      <c r="L28" s="9"/>
      <c r="M28" s="9"/>
      <c r="N28" s="9"/>
      <c r="O28" s="9"/>
      <c r="P28" s="9"/>
      <c r="Q28" s="9"/>
      <c r="R28" s="9"/>
      <c r="S28" s="9"/>
      <c r="T28" s="9"/>
      <c r="U28" s="9"/>
    </row>
    <row r="29" spans="3:21" x14ac:dyDescent="0.2">
      <c r="D29" s="9"/>
      <c r="E29" s="9"/>
      <c r="F29" s="9"/>
      <c r="G29" s="9"/>
      <c r="H29" s="9"/>
      <c r="I29" s="9"/>
      <c r="J29" s="9"/>
      <c r="K29" s="9"/>
      <c r="L29" s="9"/>
      <c r="M29" s="9"/>
      <c r="N29" s="9"/>
      <c r="O29" s="9"/>
      <c r="P29" s="9"/>
      <c r="Q29" s="9"/>
      <c r="R29" s="9"/>
      <c r="S29" s="9"/>
      <c r="T29" s="9"/>
    </row>
  </sheetData>
  <mergeCells count="16">
    <mergeCell ref="D4:F4"/>
    <mergeCell ref="G6:N6"/>
    <mergeCell ref="O6:U6"/>
    <mergeCell ref="E7:U7"/>
    <mergeCell ref="G12:N12"/>
    <mergeCell ref="G13:N13"/>
    <mergeCell ref="O11:U11"/>
    <mergeCell ref="G8:N8"/>
    <mergeCell ref="O8:U8"/>
    <mergeCell ref="O12:U12"/>
    <mergeCell ref="O13:U13"/>
    <mergeCell ref="G9:N9"/>
    <mergeCell ref="O9:U9"/>
    <mergeCell ref="O10:U10"/>
    <mergeCell ref="G10:N10"/>
    <mergeCell ref="G11:N11"/>
  </mergeCells>
  <phoneticPr fontId="2"/>
  <pageMargins left="0.82677165354330717" right="0.19685039370078741" top="0.59055118110236227" bottom="0.23622047244094491" header="0.39370078740157483" footer="0.19685039370078741"/>
  <pageSetup paperSize="9" scale="97" orientation="landscape" r:id="rId1"/>
  <headerFooter alignWithMargins="0">
    <oddHeader>&amp;R&amp;"ＭＳ Ｐゴシック,太字"【別紙－４】</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55304" r:id="rId4" name="Check Box 8">
              <controlPr defaultSize="0" autoFill="0" autoLine="0" autoPict="0">
                <anchor moveWithCells="1">
                  <from>
                    <xdr:col>4</xdr:col>
                    <xdr:colOff>63500</xdr:colOff>
                    <xdr:row>7</xdr:row>
                    <xdr:rowOff>38100</xdr:rowOff>
                  </from>
                  <to>
                    <xdr:col>5</xdr:col>
                    <xdr:colOff>6350</xdr:colOff>
                    <xdr:row>7</xdr:row>
                    <xdr:rowOff>215900</xdr:rowOff>
                  </to>
                </anchor>
              </controlPr>
            </control>
          </mc:Choice>
        </mc:AlternateContent>
        <mc:AlternateContent xmlns:mc="http://schemas.openxmlformats.org/markup-compatibility/2006">
          <mc:Choice Requires="x14">
            <control shapeId="55305" r:id="rId5" name="Check Box 9">
              <controlPr defaultSize="0" autoFill="0" autoLine="0" autoPict="0">
                <anchor moveWithCells="1">
                  <from>
                    <xdr:col>4</xdr:col>
                    <xdr:colOff>44450</xdr:colOff>
                    <xdr:row>8</xdr:row>
                    <xdr:rowOff>63500</xdr:rowOff>
                  </from>
                  <to>
                    <xdr:col>5</xdr:col>
                    <xdr:colOff>0</xdr:colOff>
                    <xdr:row>8</xdr:row>
                    <xdr:rowOff>228600</xdr:rowOff>
                  </to>
                </anchor>
              </controlPr>
            </control>
          </mc:Choice>
        </mc:AlternateContent>
        <mc:AlternateContent xmlns:mc="http://schemas.openxmlformats.org/markup-compatibility/2006">
          <mc:Choice Requires="x14">
            <control shapeId="55306" r:id="rId6" name="Check Box 10">
              <controlPr defaultSize="0" autoFill="0" autoLine="0" autoPict="0">
                <anchor moveWithCells="1">
                  <from>
                    <xdr:col>4</xdr:col>
                    <xdr:colOff>44450</xdr:colOff>
                    <xdr:row>9</xdr:row>
                    <xdr:rowOff>63500</xdr:rowOff>
                  </from>
                  <to>
                    <xdr:col>5</xdr:col>
                    <xdr:colOff>0</xdr:colOff>
                    <xdr:row>9</xdr:row>
                    <xdr:rowOff>228600</xdr:rowOff>
                  </to>
                </anchor>
              </controlPr>
            </control>
          </mc:Choice>
        </mc:AlternateContent>
        <mc:AlternateContent xmlns:mc="http://schemas.openxmlformats.org/markup-compatibility/2006">
          <mc:Choice Requires="x14">
            <control shapeId="55307" r:id="rId7" name="Check Box 11">
              <controlPr defaultSize="0" autoFill="0" autoLine="0" autoPict="0">
                <anchor moveWithCells="1">
                  <from>
                    <xdr:col>4</xdr:col>
                    <xdr:colOff>63500</xdr:colOff>
                    <xdr:row>10</xdr:row>
                    <xdr:rowOff>69850</xdr:rowOff>
                  </from>
                  <to>
                    <xdr:col>5</xdr:col>
                    <xdr:colOff>6350</xdr:colOff>
                    <xdr:row>10</xdr:row>
                    <xdr:rowOff>234950</xdr:rowOff>
                  </to>
                </anchor>
              </controlPr>
            </control>
          </mc:Choice>
        </mc:AlternateContent>
        <mc:AlternateContent xmlns:mc="http://schemas.openxmlformats.org/markup-compatibility/2006">
          <mc:Choice Requires="x14">
            <control shapeId="55308" r:id="rId8" name="Check Box 12">
              <controlPr defaultSize="0" autoFill="0" autoLine="0" autoPict="0">
                <anchor moveWithCells="1">
                  <from>
                    <xdr:col>4</xdr:col>
                    <xdr:colOff>63500</xdr:colOff>
                    <xdr:row>11</xdr:row>
                    <xdr:rowOff>69850</xdr:rowOff>
                  </from>
                  <to>
                    <xdr:col>5</xdr:col>
                    <xdr:colOff>6350</xdr:colOff>
                    <xdr:row>11</xdr:row>
                    <xdr:rowOff>234950</xdr:rowOff>
                  </to>
                </anchor>
              </controlPr>
            </control>
          </mc:Choice>
        </mc:AlternateContent>
        <mc:AlternateContent xmlns:mc="http://schemas.openxmlformats.org/markup-compatibility/2006">
          <mc:Choice Requires="x14">
            <control shapeId="55309" r:id="rId9" name="Check Box 13">
              <controlPr defaultSize="0" autoFill="0" autoLine="0" autoPict="0">
                <anchor moveWithCells="1">
                  <from>
                    <xdr:col>4</xdr:col>
                    <xdr:colOff>63500</xdr:colOff>
                    <xdr:row>12</xdr:row>
                    <xdr:rowOff>69850</xdr:rowOff>
                  </from>
                  <to>
                    <xdr:col>5</xdr:col>
                    <xdr:colOff>6350</xdr:colOff>
                    <xdr:row>12</xdr:row>
                    <xdr:rowOff>23495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B2:U54"/>
  <sheetViews>
    <sheetView view="pageBreakPreview" zoomScale="110" zoomScaleNormal="100" zoomScaleSheetLayoutView="110" workbookViewId="0">
      <selection activeCell="O13" sqref="O13:U15"/>
    </sheetView>
  </sheetViews>
  <sheetFormatPr defaultRowHeight="13" x14ac:dyDescent="0.2"/>
  <cols>
    <col min="1" max="1" width="3.453125" customWidth="1"/>
    <col min="2" max="2" width="1.1796875" customWidth="1"/>
    <col min="3" max="3" width="3.6328125" customWidth="1"/>
    <col min="4" max="5" width="4" customWidth="1"/>
    <col min="6" max="6" width="3" customWidth="1"/>
    <col min="8" max="8" width="11.36328125" customWidth="1"/>
    <col min="9" max="9" width="4" customWidth="1"/>
    <col min="10" max="10" width="6.90625" customWidth="1"/>
    <col min="11" max="11" width="5.453125" customWidth="1"/>
    <col min="13" max="13" width="10.90625" customWidth="1"/>
    <col min="16" max="16" width="4.453125" customWidth="1"/>
    <col min="18" max="19" width="5.453125" customWidth="1"/>
    <col min="22" max="22" width="1.81640625" customWidth="1"/>
    <col min="23" max="23" width="5.90625" customWidth="1"/>
  </cols>
  <sheetData>
    <row r="2" spans="2:21" ht="19" x14ac:dyDescent="0.2">
      <c r="B2" s="10"/>
      <c r="C2" s="277" t="s">
        <v>203</v>
      </c>
      <c r="D2" s="276"/>
      <c r="E2" s="276"/>
      <c r="F2" s="276"/>
      <c r="G2" s="276"/>
      <c r="H2" s="276"/>
      <c r="I2" s="276"/>
      <c r="J2" s="276"/>
      <c r="K2" s="276"/>
      <c r="L2" s="276"/>
      <c r="M2" s="276"/>
      <c r="N2" s="276"/>
      <c r="O2" s="276"/>
      <c r="P2" s="276"/>
      <c r="Q2" s="276"/>
      <c r="R2" s="276"/>
      <c r="S2" s="276"/>
      <c r="T2" s="276"/>
      <c r="U2" s="276"/>
    </row>
    <row r="3" spans="2:21" ht="19.25" customHeight="1" x14ac:dyDescent="0.2">
      <c r="C3" s="276"/>
      <c r="D3" s="311" t="s">
        <v>378</v>
      </c>
      <c r="E3" s="276"/>
      <c r="F3" s="276"/>
      <c r="G3" s="276"/>
      <c r="H3" s="276"/>
      <c r="I3" s="276"/>
      <c r="J3" s="276"/>
      <c r="K3" s="276"/>
      <c r="L3" s="276"/>
      <c r="M3" s="276"/>
      <c r="N3" s="276"/>
      <c r="O3" s="276"/>
      <c r="P3" s="276"/>
      <c r="Q3" s="276"/>
      <c r="R3" s="276"/>
      <c r="S3" s="276"/>
      <c r="T3" s="276"/>
      <c r="U3" s="276"/>
    </row>
    <row r="4" spans="2:21" ht="23.25" customHeight="1" x14ac:dyDescent="0.2">
      <c r="C4" s="276"/>
      <c r="D4" s="407" t="s">
        <v>1</v>
      </c>
      <c r="E4" s="407"/>
      <c r="F4" s="407"/>
      <c r="G4" s="278"/>
      <c r="H4" s="279"/>
      <c r="I4" s="279"/>
      <c r="J4" s="278"/>
      <c r="K4" s="278"/>
      <c r="L4" s="417" t="s">
        <v>2</v>
      </c>
      <c r="M4" s="417"/>
      <c r="N4" s="418"/>
      <c r="O4" s="418"/>
      <c r="P4" s="418"/>
      <c r="Q4" s="418"/>
      <c r="R4" s="418"/>
      <c r="S4" s="281"/>
      <c r="T4" s="276"/>
      <c r="U4" s="276"/>
    </row>
    <row r="5" spans="2:21" ht="9.75" customHeight="1" thickBot="1" x14ac:dyDescent="0.25">
      <c r="C5" s="276"/>
      <c r="D5" s="282"/>
      <c r="E5" s="282"/>
      <c r="F5" s="280"/>
      <c r="G5" s="280"/>
      <c r="H5" s="280"/>
      <c r="I5" s="276"/>
      <c r="J5" s="282"/>
      <c r="K5" s="282"/>
      <c r="L5" s="280"/>
      <c r="M5" s="280"/>
      <c r="N5" s="280"/>
      <c r="O5" s="280"/>
      <c r="P5" s="280"/>
      <c r="Q5" s="276"/>
      <c r="R5" s="276"/>
      <c r="S5" s="276"/>
      <c r="T5" s="276"/>
      <c r="U5" s="276"/>
    </row>
    <row r="6" spans="2:21" ht="23.25" customHeight="1" thickTop="1" x14ac:dyDescent="0.2">
      <c r="C6" s="276"/>
      <c r="D6" s="283"/>
      <c r="E6" s="284"/>
      <c r="F6" s="284"/>
      <c r="G6" s="408" t="s">
        <v>26</v>
      </c>
      <c r="H6" s="409"/>
      <c r="I6" s="409"/>
      <c r="J6" s="409"/>
      <c r="K6" s="409"/>
      <c r="L6" s="409"/>
      <c r="M6" s="409"/>
      <c r="N6" s="410"/>
      <c r="O6" s="411" t="s">
        <v>27</v>
      </c>
      <c r="P6" s="412"/>
      <c r="Q6" s="412"/>
      <c r="R6" s="412"/>
      <c r="S6" s="412"/>
      <c r="T6" s="412"/>
      <c r="U6" s="413"/>
    </row>
    <row r="7" spans="2:21" ht="15" customHeight="1" x14ac:dyDescent="0.2">
      <c r="C7" s="276"/>
      <c r="D7" s="285"/>
      <c r="E7" s="414" t="s">
        <v>364</v>
      </c>
      <c r="F7" s="414"/>
      <c r="G7" s="414"/>
      <c r="H7" s="414"/>
      <c r="I7" s="414"/>
      <c r="J7" s="414"/>
      <c r="K7" s="414"/>
      <c r="L7" s="414"/>
      <c r="M7" s="414"/>
      <c r="N7" s="414"/>
      <c r="O7" s="415"/>
      <c r="P7" s="415"/>
      <c r="Q7" s="415"/>
      <c r="R7" s="415"/>
      <c r="S7" s="415"/>
      <c r="T7" s="415"/>
      <c r="U7" s="416"/>
    </row>
    <row r="8" spans="2:21" ht="15" customHeight="1" x14ac:dyDescent="0.2">
      <c r="C8" s="276"/>
      <c r="D8" s="286"/>
      <c r="E8" s="287"/>
      <c r="F8" s="288" t="s">
        <v>41</v>
      </c>
      <c r="G8" s="401" t="s">
        <v>365</v>
      </c>
      <c r="H8" s="402"/>
      <c r="I8" s="402"/>
      <c r="J8" s="402"/>
      <c r="K8" s="402"/>
      <c r="L8" s="402"/>
      <c r="M8" s="402"/>
      <c r="N8" s="403"/>
      <c r="O8" s="398" t="s">
        <v>366</v>
      </c>
      <c r="P8" s="399"/>
      <c r="Q8" s="399"/>
      <c r="R8" s="399"/>
      <c r="S8" s="399"/>
      <c r="T8" s="399"/>
      <c r="U8" s="400"/>
    </row>
    <row r="9" spans="2:21" ht="15" customHeight="1" x14ac:dyDescent="0.2">
      <c r="C9" s="276"/>
      <c r="D9" s="285"/>
      <c r="E9" s="419" t="s">
        <v>193</v>
      </c>
      <c r="F9" s="419"/>
      <c r="G9" s="419"/>
      <c r="H9" s="419"/>
      <c r="I9" s="419"/>
      <c r="J9" s="419"/>
      <c r="K9" s="419"/>
      <c r="L9" s="419"/>
      <c r="M9" s="419"/>
      <c r="N9" s="419"/>
      <c r="O9" s="420"/>
      <c r="P9" s="420"/>
      <c r="Q9" s="420"/>
      <c r="R9" s="420"/>
      <c r="S9" s="420"/>
      <c r="T9" s="420"/>
      <c r="U9" s="421"/>
    </row>
    <row r="10" spans="2:21" ht="15" customHeight="1" x14ac:dyDescent="0.2">
      <c r="C10" s="276"/>
      <c r="D10" s="286"/>
      <c r="E10" s="287"/>
      <c r="F10" s="288" t="s">
        <v>12</v>
      </c>
      <c r="G10" s="401" t="s">
        <v>199</v>
      </c>
      <c r="H10" s="402"/>
      <c r="I10" s="402"/>
      <c r="J10" s="402"/>
      <c r="K10" s="402"/>
      <c r="L10" s="402"/>
      <c r="M10" s="402"/>
      <c r="N10" s="403"/>
      <c r="O10" s="398"/>
      <c r="P10" s="399"/>
      <c r="Q10" s="399"/>
      <c r="R10" s="399"/>
      <c r="S10" s="399"/>
      <c r="T10" s="399"/>
      <c r="U10" s="400"/>
    </row>
    <row r="11" spans="2:21" ht="15" customHeight="1" x14ac:dyDescent="0.2">
      <c r="C11" s="276"/>
      <c r="D11" s="286"/>
      <c r="E11" s="289"/>
      <c r="F11" s="301" t="s">
        <v>361</v>
      </c>
      <c r="G11" s="447" t="s">
        <v>397</v>
      </c>
      <c r="H11" s="448"/>
      <c r="I11" s="448"/>
      <c r="J11" s="448"/>
      <c r="K11" s="448"/>
      <c r="L11" s="448"/>
      <c r="M11" s="448"/>
      <c r="N11" s="449"/>
      <c r="O11" s="438" t="s">
        <v>195</v>
      </c>
      <c r="P11" s="439"/>
      <c r="Q11" s="439"/>
      <c r="R11" s="439"/>
      <c r="S11" s="439"/>
      <c r="T11" s="439"/>
      <c r="U11" s="453"/>
    </row>
    <row r="12" spans="2:21" ht="15" customHeight="1" x14ac:dyDescent="0.2">
      <c r="C12" s="276"/>
      <c r="D12" s="286"/>
      <c r="E12" s="302"/>
      <c r="F12" s="303"/>
      <c r="G12" s="450"/>
      <c r="H12" s="451"/>
      <c r="I12" s="451"/>
      <c r="J12" s="451"/>
      <c r="K12" s="451"/>
      <c r="L12" s="451"/>
      <c r="M12" s="451"/>
      <c r="N12" s="452"/>
      <c r="O12" s="444"/>
      <c r="P12" s="445"/>
      <c r="Q12" s="445"/>
      <c r="R12" s="445"/>
      <c r="S12" s="445"/>
      <c r="T12" s="445"/>
      <c r="U12" s="454"/>
    </row>
    <row r="13" spans="2:21" ht="15" customHeight="1" x14ac:dyDescent="0.2">
      <c r="C13" s="276"/>
      <c r="D13" s="286"/>
      <c r="E13" s="289"/>
      <c r="F13" s="301" t="s">
        <v>43</v>
      </c>
      <c r="G13" s="447" t="s">
        <v>410</v>
      </c>
      <c r="H13" s="448"/>
      <c r="I13" s="448"/>
      <c r="J13" s="448"/>
      <c r="K13" s="448"/>
      <c r="L13" s="448"/>
      <c r="M13" s="448"/>
      <c r="N13" s="449"/>
      <c r="O13" s="395" t="s">
        <v>198</v>
      </c>
      <c r="P13" s="396"/>
      <c r="Q13" s="396"/>
      <c r="R13" s="396"/>
      <c r="S13" s="396"/>
      <c r="T13" s="396"/>
      <c r="U13" s="431"/>
    </row>
    <row r="14" spans="2:21" ht="15" customHeight="1" x14ac:dyDescent="0.2">
      <c r="C14" s="276"/>
      <c r="D14" s="286"/>
      <c r="E14" s="304"/>
      <c r="F14" s="305"/>
      <c r="G14" s="461"/>
      <c r="H14" s="462"/>
      <c r="I14" s="462"/>
      <c r="J14" s="462"/>
      <c r="K14" s="462"/>
      <c r="L14" s="462"/>
      <c r="M14" s="462"/>
      <c r="N14" s="463"/>
      <c r="O14" s="432"/>
      <c r="P14" s="433"/>
      <c r="Q14" s="433"/>
      <c r="R14" s="433"/>
      <c r="S14" s="433"/>
      <c r="T14" s="433"/>
      <c r="U14" s="434"/>
    </row>
    <row r="15" spans="2:21" ht="15" customHeight="1" x14ac:dyDescent="0.2">
      <c r="C15" s="276"/>
      <c r="D15" s="286"/>
      <c r="E15" s="302"/>
      <c r="F15" s="303"/>
      <c r="G15" s="450"/>
      <c r="H15" s="451"/>
      <c r="I15" s="451"/>
      <c r="J15" s="451"/>
      <c r="K15" s="451"/>
      <c r="L15" s="451"/>
      <c r="M15" s="451"/>
      <c r="N15" s="452"/>
      <c r="O15" s="435"/>
      <c r="P15" s="436"/>
      <c r="Q15" s="436"/>
      <c r="R15" s="436"/>
      <c r="S15" s="436"/>
      <c r="T15" s="436"/>
      <c r="U15" s="437"/>
    </row>
    <row r="16" spans="2:21" ht="15" customHeight="1" x14ac:dyDescent="0.2">
      <c r="C16" s="276"/>
      <c r="D16" s="286"/>
      <c r="E16" s="289"/>
      <c r="F16" s="276" t="s">
        <v>30</v>
      </c>
      <c r="G16" s="438" t="s">
        <v>200</v>
      </c>
      <c r="H16" s="439"/>
      <c r="I16" s="439"/>
      <c r="J16" s="439"/>
      <c r="K16" s="439"/>
      <c r="L16" s="439"/>
      <c r="M16" s="439"/>
      <c r="N16" s="440"/>
      <c r="O16" s="464"/>
      <c r="P16" s="465"/>
      <c r="Q16" s="465"/>
      <c r="R16" s="465"/>
      <c r="S16" s="465"/>
      <c r="T16" s="465"/>
      <c r="U16" s="466"/>
    </row>
    <row r="17" spans="3:21" ht="15" customHeight="1" x14ac:dyDescent="0.2">
      <c r="C17" s="276"/>
      <c r="D17" s="286"/>
      <c r="E17" s="302"/>
      <c r="F17" s="303"/>
      <c r="G17" s="444"/>
      <c r="H17" s="445"/>
      <c r="I17" s="445"/>
      <c r="J17" s="445"/>
      <c r="K17" s="445"/>
      <c r="L17" s="445"/>
      <c r="M17" s="445"/>
      <c r="N17" s="446"/>
      <c r="O17" s="467"/>
      <c r="P17" s="468"/>
      <c r="Q17" s="468"/>
      <c r="R17" s="468"/>
      <c r="S17" s="468"/>
      <c r="T17" s="468"/>
      <c r="U17" s="469"/>
    </row>
    <row r="18" spans="3:21" ht="15" customHeight="1" x14ac:dyDescent="0.2">
      <c r="C18" s="276"/>
      <c r="D18" s="286"/>
      <c r="E18" s="289"/>
      <c r="F18" s="290" t="s">
        <v>362</v>
      </c>
      <c r="G18" s="438" t="s">
        <v>194</v>
      </c>
      <c r="H18" s="439"/>
      <c r="I18" s="439"/>
      <c r="J18" s="439"/>
      <c r="K18" s="439"/>
      <c r="L18" s="439"/>
      <c r="M18" s="439"/>
      <c r="N18" s="440"/>
      <c r="O18" s="455"/>
      <c r="P18" s="456"/>
      <c r="Q18" s="456"/>
      <c r="R18" s="456"/>
      <c r="S18" s="456"/>
      <c r="T18" s="456"/>
      <c r="U18" s="457"/>
    </row>
    <row r="19" spans="3:21" ht="15" customHeight="1" x14ac:dyDescent="0.2">
      <c r="C19" s="276"/>
      <c r="D19" s="286"/>
      <c r="E19" s="302"/>
      <c r="F19" s="303"/>
      <c r="G19" s="444"/>
      <c r="H19" s="445"/>
      <c r="I19" s="445"/>
      <c r="J19" s="445"/>
      <c r="K19" s="445"/>
      <c r="L19" s="445"/>
      <c r="M19" s="445"/>
      <c r="N19" s="446"/>
      <c r="O19" s="458"/>
      <c r="P19" s="459"/>
      <c r="Q19" s="459"/>
      <c r="R19" s="459"/>
      <c r="S19" s="459"/>
      <c r="T19" s="459"/>
      <c r="U19" s="460"/>
    </row>
    <row r="20" spans="3:21" ht="15" customHeight="1" x14ac:dyDescent="0.2">
      <c r="C20" s="276"/>
      <c r="D20" s="286"/>
      <c r="E20" s="289"/>
      <c r="F20" s="276" t="s">
        <v>363</v>
      </c>
      <c r="G20" s="438" t="s">
        <v>202</v>
      </c>
      <c r="H20" s="439"/>
      <c r="I20" s="439"/>
      <c r="J20" s="439"/>
      <c r="K20" s="439"/>
      <c r="L20" s="439"/>
      <c r="M20" s="439"/>
      <c r="N20" s="440"/>
      <c r="O20" s="428" t="s">
        <v>189</v>
      </c>
      <c r="P20" s="429"/>
      <c r="Q20" s="429"/>
      <c r="R20" s="429"/>
      <c r="S20" s="429"/>
      <c r="T20" s="429"/>
      <c r="U20" s="430"/>
    </row>
    <row r="21" spans="3:21" ht="15" customHeight="1" x14ac:dyDescent="0.2">
      <c r="C21" s="276"/>
      <c r="D21" s="286"/>
      <c r="E21" s="304"/>
      <c r="F21" s="276"/>
      <c r="G21" s="441"/>
      <c r="H21" s="442"/>
      <c r="I21" s="442"/>
      <c r="J21" s="442"/>
      <c r="K21" s="442"/>
      <c r="L21" s="442"/>
      <c r="M21" s="442"/>
      <c r="N21" s="443"/>
      <c r="O21" s="395" t="s">
        <v>190</v>
      </c>
      <c r="P21" s="396"/>
      <c r="Q21" s="396"/>
      <c r="R21" s="396"/>
      <c r="S21" s="396"/>
      <c r="T21" s="396"/>
      <c r="U21" s="431"/>
    </row>
    <row r="22" spans="3:21" ht="15" customHeight="1" x14ac:dyDescent="0.2">
      <c r="C22" s="276"/>
      <c r="D22" s="286"/>
      <c r="E22" s="304"/>
      <c r="F22" s="290"/>
      <c r="G22" s="441"/>
      <c r="H22" s="442"/>
      <c r="I22" s="442"/>
      <c r="J22" s="442"/>
      <c r="K22" s="442"/>
      <c r="L22" s="442"/>
      <c r="M22" s="442"/>
      <c r="N22" s="443"/>
      <c r="O22" s="432"/>
      <c r="P22" s="433"/>
      <c r="Q22" s="433"/>
      <c r="R22" s="433"/>
      <c r="S22" s="433"/>
      <c r="T22" s="433"/>
      <c r="U22" s="434"/>
    </row>
    <row r="23" spans="3:21" ht="15" customHeight="1" x14ac:dyDescent="0.2">
      <c r="C23" s="276"/>
      <c r="D23" s="286"/>
      <c r="E23" s="276"/>
      <c r="F23" s="290"/>
      <c r="G23" s="441"/>
      <c r="H23" s="442"/>
      <c r="I23" s="442"/>
      <c r="J23" s="442"/>
      <c r="K23" s="442"/>
      <c r="L23" s="442"/>
      <c r="M23" s="442"/>
      <c r="N23" s="443"/>
      <c r="O23" s="432"/>
      <c r="P23" s="433"/>
      <c r="Q23" s="433"/>
      <c r="R23" s="433"/>
      <c r="S23" s="433"/>
      <c r="T23" s="433"/>
      <c r="U23" s="434"/>
    </row>
    <row r="24" spans="3:21" ht="15" customHeight="1" x14ac:dyDescent="0.2">
      <c r="C24" s="276"/>
      <c r="D24" s="286"/>
      <c r="E24" s="302"/>
      <c r="F24" s="303"/>
      <c r="G24" s="444"/>
      <c r="H24" s="445"/>
      <c r="I24" s="445"/>
      <c r="J24" s="445"/>
      <c r="K24" s="445"/>
      <c r="L24" s="445"/>
      <c r="M24" s="445"/>
      <c r="N24" s="446"/>
      <c r="O24" s="435"/>
      <c r="P24" s="436"/>
      <c r="Q24" s="436"/>
      <c r="R24" s="436"/>
      <c r="S24" s="436"/>
      <c r="T24" s="436"/>
      <c r="U24" s="437"/>
    </row>
    <row r="25" spans="3:21" ht="15" customHeight="1" x14ac:dyDescent="0.2">
      <c r="C25" s="276"/>
      <c r="D25" s="286"/>
      <c r="E25" s="304"/>
      <c r="F25" s="276" t="s">
        <v>16</v>
      </c>
      <c r="G25" s="422" t="s">
        <v>201</v>
      </c>
      <c r="H25" s="423"/>
      <c r="I25" s="423"/>
      <c r="J25" s="423"/>
      <c r="K25" s="423"/>
      <c r="L25" s="423"/>
      <c r="M25" s="423"/>
      <c r="N25" s="424"/>
      <c r="O25" s="425"/>
      <c r="P25" s="426"/>
      <c r="Q25" s="426"/>
      <c r="R25" s="426"/>
      <c r="S25" s="426"/>
      <c r="T25" s="426"/>
      <c r="U25" s="427"/>
    </row>
    <row r="26" spans="3:21" ht="15" customHeight="1" x14ac:dyDescent="0.2">
      <c r="C26" s="276"/>
      <c r="D26" s="286"/>
      <c r="E26" s="302"/>
      <c r="F26" s="303"/>
      <c r="G26" s="422"/>
      <c r="H26" s="423"/>
      <c r="I26" s="423"/>
      <c r="J26" s="423"/>
      <c r="K26" s="423"/>
      <c r="L26" s="423"/>
      <c r="M26" s="423"/>
      <c r="N26" s="424"/>
      <c r="O26" s="425"/>
      <c r="P26" s="426"/>
      <c r="Q26" s="426"/>
      <c r="R26" s="426"/>
      <c r="S26" s="426"/>
      <c r="T26" s="426"/>
      <c r="U26" s="427"/>
    </row>
    <row r="27" spans="3:21" ht="3" customHeight="1" thickBot="1" x14ac:dyDescent="0.25">
      <c r="C27" s="276"/>
      <c r="D27" s="291"/>
      <c r="E27" s="292"/>
      <c r="F27" s="293"/>
      <c r="G27" s="294"/>
      <c r="H27" s="294"/>
      <c r="I27" s="294"/>
      <c r="J27" s="294"/>
      <c r="K27" s="294"/>
      <c r="L27" s="294"/>
      <c r="M27" s="294"/>
      <c r="N27" s="295"/>
      <c r="O27" s="296"/>
      <c r="P27" s="297"/>
      <c r="Q27" s="297"/>
      <c r="R27" s="297"/>
      <c r="S27" s="297"/>
      <c r="T27" s="297"/>
      <c r="U27" s="298"/>
    </row>
    <row r="28" spans="3:21" ht="3" customHeight="1" thickTop="1" x14ac:dyDescent="0.2">
      <c r="C28" s="276"/>
      <c r="D28" s="276"/>
      <c r="E28" s="276"/>
      <c r="F28" s="276"/>
      <c r="G28" s="299"/>
      <c r="H28" s="299"/>
      <c r="I28" s="299"/>
      <c r="J28" s="299"/>
      <c r="K28" s="299"/>
      <c r="L28" s="299"/>
      <c r="M28" s="299"/>
      <c r="N28" s="299"/>
      <c r="O28" s="300"/>
      <c r="P28" s="300"/>
      <c r="Q28" s="300"/>
      <c r="R28" s="300"/>
      <c r="S28" s="300"/>
      <c r="T28" s="300"/>
      <c r="U28" s="300"/>
    </row>
    <row r="29" spans="3:21" ht="3" customHeight="1" x14ac:dyDescent="0.2">
      <c r="C29" s="276"/>
      <c r="D29" s="276"/>
      <c r="E29" s="276"/>
      <c r="F29" s="276"/>
      <c r="G29" s="299"/>
      <c r="H29" s="299"/>
      <c r="I29" s="299"/>
      <c r="J29" s="299"/>
      <c r="K29" s="299"/>
      <c r="L29" s="299"/>
      <c r="M29" s="299"/>
      <c r="N29" s="299"/>
      <c r="O29" s="300"/>
      <c r="P29" s="300"/>
      <c r="Q29" s="300"/>
      <c r="R29" s="300"/>
      <c r="S29" s="300"/>
      <c r="T29" s="300"/>
      <c r="U29" s="300"/>
    </row>
    <row r="30" spans="3:21" ht="15" customHeight="1" x14ac:dyDescent="0.2">
      <c r="C30" s="276"/>
      <c r="D30" s="276"/>
      <c r="E30" s="276"/>
      <c r="F30" s="276"/>
      <c r="G30" s="299" t="s">
        <v>197</v>
      </c>
      <c r="H30" s="299"/>
      <c r="I30" s="299"/>
      <c r="J30" s="299"/>
      <c r="K30" s="299"/>
      <c r="L30" s="299"/>
      <c r="M30" s="299"/>
      <c r="N30" s="299"/>
      <c r="O30" s="300"/>
      <c r="P30" s="300"/>
      <c r="Q30" s="300"/>
      <c r="R30" s="300"/>
      <c r="S30" s="300"/>
      <c r="T30" s="300"/>
      <c r="U30" s="300"/>
    </row>
    <row r="31" spans="3:21" ht="15" customHeight="1" x14ac:dyDescent="0.2">
      <c r="C31" s="276"/>
      <c r="D31" s="276"/>
      <c r="E31" s="276"/>
      <c r="F31" s="276"/>
      <c r="G31" s="299"/>
      <c r="H31" s="299"/>
      <c r="I31" s="299"/>
      <c r="J31" s="299"/>
      <c r="K31" s="299"/>
      <c r="L31" s="299"/>
      <c r="M31" s="299"/>
      <c r="N31" s="299"/>
      <c r="O31" s="300"/>
      <c r="P31" s="300"/>
      <c r="Q31" s="300"/>
      <c r="R31" s="300"/>
      <c r="S31" s="300"/>
      <c r="T31" s="300"/>
      <c r="U31" s="300"/>
    </row>
    <row r="32" spans="3:21" ht="16.5" customHeight="1" x14ac:dyDescent="0.2">
      <c r="C32" s="276"/>
      <c r="D32" s="276"/>
      <c r="E32" s="276"/>
      <c r="F32" s="276"/>
      <c r="G32" s="299"/>
      <c r="H32" s="299"/>
      <c r="I32" s="299"/>
      <c r="J32" s="299"/>
      <c r="K32" s="299"/>
      <c r="L32" s="299"/>
      <c r="M32" s="299"/>
      <c r="N32" s="299"/>
      <c r="O32" s="300"/>
      <c r="P32" s="300"/>
      <c r="Q32" s="300"/>
      <c r="R32" s="300"/>
      <c r="S32" s="300"/>
      <c r="T32" s="300"/>
      <c r="U32" s="300"/>
    </row>
    <row r="33" spans="3:21" ht="13.5" customHeight="1" x14ac:dyDescent="0.2">
      <c r="C33" s="276"/>
      <c r="D33" s="276"/>
      <c r="E33" s="276"/>
      <c r="F33" s="276"/>
      <c r="G33" s="306"/>
      <c r="H33" s="307"/>
      <c r="I33" s="307"/>
      <c r="J33" s="307"/>
      <c r="K33" s="276"/>
      <c r="L33" s="276"/>
      <c r="M33" s="276"/>
      <c r="N33" s="276"/>
      <c r="O33" s="276"/>
      <c r="P33" s="276"/>
      <c r="Q33" s="276"/>
      <c r="R33" s="276"/>
      <c r="S33" s="276"/>
      <c r="T33" s="276"/>
      <c r="U33" s="276"/>
    </row>
    <row r="34" spans="3:21" ht="13.5" customHeight="1" x14ac:dyDescent="0.2">
      <c r="C34" s="276"/>
      <c r="D34" s="276"/>
      <c r="E34" s="276"/>
      <c r="F34" s="276"/>
      <c r="G34" s="307"/>
      <c r="H34" s="307"/>
      <c r="I34" s="307"/>
      <c r="J34" s="307"/>
      <c r="K34" s="276"/>
      <c r="L34" s="276"/>
      <c r="M34" s="276"/>
      <c r="N34" s="276"/>
      <c r="O34" s="276"/>
      <c r="P34" s="276"/>
      <c r="Q34" s="276"/>
      <c r="R34" s="276"/>
      <c r="S34" s="276"/>
      <c r="T34" s="276"/>
      <c r="U34" s="276"/>
    </row>
    <row r="35" spans="3:21" ht="13.5" customHeight="1" x14ac:dyDescent="0.2">
      <c r="C35" s="276"/>
      <c r="D35" s="276"/>
      <c r="E35" s="276"/>
      <c r="F35" s="276"/>
      <c r="G35" s="307"/>
      <c r="H35" s="307"/>
      <c r="I35" s="307"/>
      <c r="J35" s="307"/>
      <c r="K35" s="276"/>
      <c r="L35" s="276"/>
      <c r="M35" s="276"/>
      <c r="N35" s="276"/>
      <c r="O35" s="276"/>
      <c r="P35" s="276"/>
      <c r="Q35" s="276"/>
      <c r="R35" s="276"/>
      <c r="S35" s="276"/>
      <c r="T35" s="276"/>
      <c r="U35" s="276"/>
    </row>
    <row r="36" spans="3:21" ht="13.5" customHeight="1" x14ac:dyDescent="0.2">
      <c r="C36" s="276"/>
      <c r="D36" s="276"/>
      <c r="E36" s="276"/>
      <c r="F36" s="276"/>
      <c r="G36" s="307"/>
      <c r="H36" s="307"/>
      <c r="I36" s="307"/>
      <c r="J36" s="307"/>
      <c r="K36" s="276"/>
      <c r="L36" s="276"/>
      <c r="M36" s="276"/>
      <c r="N36" s="276"/>
      <c r="O36" s="276"/>
      <c r="P36" s="276"/>
      <c r="Q36" s="276"/>
      <c r="R36" s="276"/>
      <c r="S36" s="276"/>
      <c r="T36" s="276"/>
      <c r="U36" s="276"/>
    </row>
    <row r="37" spans="3:21" ht="6.75" customHeight="1" x14ac:dyDescent="0.2">
      <c r="C37" s="276"/>
      <c r="D37" s="276"/>
      <c r="E37" s="276"/>
      <c r="F37" s="276"/>
      <c r="G37" s="276"/>
      <c r="H37" s="276"/>
      <c r="I37" s="276"/>
      <c r="J37" s="276"/>
      <c r="K37" s="276"/>
      <c r="L37" s="276"/>
      <c r="M37" s="276"/>
      <c r="N37" s="276"/>
      <c r="O37" s="276"/>
      <c r="P37" s="276"/>
      <c r="Q37" s="276"/>
      <c r="R37" s="276"/>
      <c r="S37" s="276"/>
      <c r="T37" s="276"/>
      <c r="U37" s="276"/>
    </row>
    <row r="38" spans="3:21" ht="13.5" customHeight="1" x14ac:dyDescent="0.2">
      <c r="C38" s="276"/>
      <c r="D38" s="290"/>
      <c r="E38" s="290"/>
      <c r="F38" s="290"/>
      <c r="G38" s="290"/>
      <c r="H38" s="290"/>
      <c r="I38" s="290"/>
      <c r="J38" s="290"/>
      <c r="K38" s="290"/>
      <c r="L38" s="290"/>
      <c r="M38" s="290"/>
      <c r="N38" s="290"/>
      <c r="O38" s="290"/>
      <c r="P38" s="290"/>
      <c r="Q38" s="290"/>
      <c r="R38" s="290"/>
      <c r="S38" s="290"/>
      <c r="T38" s="290"/>
      <c r="U38" s="290"/>
    </row>
    <row r="39" spans="3:21" x14ac:dyDescent="0.2">
      <c r="C39" s="276"/>
      <c r="D39" s="290"/>
      <c r="E39" s="290"/>
      <c r="F39" s="290"/>
      <c r="G39" s="290"/>
      <c r="H39" s="290"/>
      <c r="I39" s="290"/>
      <c r="J39" s="290"/>
      <c r="K39" s="290"/>
      <c r="L39" s="290"/>
      <c r="M39" s="290"/>
      <c r="N39" s="290"/>
      <c r="O39" s="290"/>
      <c r="P39" s="290"/>
      <c r="Q39" s="290"/>
      <c r="R39" s="290"/>
      <c r="S39" s="290"/>
      <c r="T39" s="290"/>
      <c r="U39" s="290"/>
    </row>
    <row r="40" spans="3:21" ht="8.25" customHeight="1" x14ac:dyDescent="0.2">
      <c r="C40" s="276"/>
      <c r="D40" s="290"/>
      <c r="E40" s="290"/>
      <c r="F40" s="290"/>
      <c r="G40" s="290"/>
      <c r="H40" s="290"/>
      <c r="I40" s="290"/>
      <c r="J40" s="290"/>
      <c r="K40" s="290"/>
      <c r="L40" s="290"/>
      <c r="M40" s="290"/>
      <c r="N40" s="290"/>
      <c r="O40" s="290"/>
      <c r="P40" s="290"/>
      <c r="Q40" s="290"/>
      <c r="R40" s="290"/>
      <c r="S40" s="290"/>
      <c r="T40" s="290"/>
      <c r="U40" s="290"/>
    </row>
    <row r="41" spans="3:21" ht="16.5" customHeight="1" x14ac:dyDescent="0.2">
      <c r="C41" s="276"/>
      <c r="D41" s="290"/>
      <c r="E41" s="290"/>
      <c r="F41" s="290"/>
      <c r="G41" s="290"/>
      <c r="H41" s="290"/>
      <c r="I41" s="290"/>
      <c r="J41" s="290"/>
      <c r="K41" s="290"/>
      <c r="L41" s="290"/>
      <c r="M41" s="290"/>
      <c r="N41" s="290"/>
      <c r="O41" s="290"/>
      <c r="P41" s="290"/>
      <c r="Q41" s="290"/>
      <c r="R41" s="290"/>
      <c r="S41" s="290"/>
      <c r="T41" s="290"/>
      <c r="U41" s="290"/>
    </row>
    <row r="42" spans="3:21" x14ac:dyDescent="0.2">
      <c r="C42" s="276"/>
      <c r="D42" s="290"/>
      <c r="E42" s="290"/>
      <c r="F42" s="290"/>
      <c r="G42" s="290"/>
      <c r="H42" s="290"/>
      <c r="I42" s="290"/>
      <c r="J42" s="290"/>
      <c r="K42" s="290"/>
      <c r="L42" s="290"/>
      <c r="M42" s="290"/>
      <c r="N42" s="290"/>
      <c r="O42" s="290"/>
      <c r="P42" s="290"/>
      <c r="Q42" s="290"/>
      <c r="R42" s="290"/>
      <c r="S42" s="290"/>
      <c r="T42" s="290"/>
      <c r="U42" s="276"/>
    </row>
    <row r="43" spans="3:21" x14ac:dyDescent="0.2">
      <c r="C43" s="276"/>
      <c r="D43" s="276"/>
      <c r="E43" s="276"/>
      <c r="F43" s="276"/>
      <c r="G43" s="276"/>
      <c r="H43" s="276"/>
      <c r="I43" s="276"/>
      <c r="J43" s="276"/>
      <c r="K43" s="276"/>
      <c r="L43" s="276"/>
      <c r="M43" s="276"/>
      <c r="N43" s="276"/>
      <c r="O43" s="276"/>
      <c r="P43" s="276"/>
      <c r="Q43" s="276"/>
      <c r="R43" s="276"/>
      <c r="S43" s="276"/>
      <c r="T43" s="276"/>
      <c r="U43" s="276"/>
    </row>
    <row r="44" spans="3:21" x14ac:dyDescent="0.2">
      <c r="C44" s="276"/>
      <c r="D44" s="276"/>
      <c r="E44" s="276"/>
      <c r="F44" s="276"/>
      <c r="G44" s="276"/>
      <c r="H44" s="276"/>
      <c r="I44" s="276"/>
      <c r="J44" s="276"/>
      <c r="K44" s="276"/>
      <c r="L44" s="276"/>
      <c r="M44" s="276"/>
      <c r="N44" s="276"/>
      <c r="O44" s="276"/>
      <c r="P44" s="276"/>
      <c r="Q44" s="276"/>
      <c r="R44" s="276"/>
      <c r="S44" s="276"/>
      <c r="T44" s="276"/>
      <c r="U44" s="276"/>
    </row>
    <row r="45" spans="3:21" x14ac:dyDescent="0.2">
      <c r="C45" s="276"/>
      <c r="D45" s="276"/>
      <c r="E45" s="276"/>
      <c r="F45" s="276"/>
      <c r="G45" s="276"/>
      <c r="H45" s="276"/>
      <c r="I45" s="276"/>
      <c r="J45" s="276"/>
      <c r="K45" s="276"/>
      <c r="L45" s="276"/>
      <c r="M45" s="276"/>
      <c r="N45" s="276"/>
      <c r="O45" s="276"/>
      <c r="P45" s="276"/>
      <c r="Q45" s="276"/>
      <c r="R45" s="276"/>
      <c r="S45" s="276"/>
      <c r="T45" s="276"/>
      <c r="U45" s="276"/>
    </row>
    <row r="46" spans="3:21" x14ac:dyDescent="0.2">
      <c r="C46" s="276"/>
      <c r="D46" s="276"/>
      <c r="E46" s="276"/>
      <c r="F46" s="276"/>
      <c r="G46" s="276"/>
      <c r="H46" s="276"/>
      <c r="I46" s="276"/>
      <c r="J46" s="276"/>
      <c r="K46" s="276"/>
      <c r="L46" s="276"/>
      <c r="M46" s="276"/>
      <c r="N46" s="276"/>
      <c r="O46" s="276"/>
      <c r="P46" s="276"/>
      <c r="Q46" s="276"/>
      <c r="R46" s="276"/>
      <c r="S46" s="276"/>
      <c r="T46" s="276"/>
      <c r="U46" s="276"/>
    </row>
    <row r="47" spans="3:21" x14ac:dyDescent="0.2">
      <c r="C47" s="276"/>
      <c r="D47" s="276"/>
      <c r="E47" s="276"/>
      <c r="F47" s="276"/>
      <c r="G47" s="276"/>
      <c r="H47" s="276"/>
      <c r="I47" s="276"/>
      <c r="J47" s="276"/>
      <c r="K47" s="276"/>
      <c r="L47" s="276"/>
      <c r="M47" s="276"/>
      <c r="N47" s="276"/>
      <c r="O47" s="276"/>
      <c r="P47" s="276"/>
      <c r="Q47" s="276"/>
      <c r="R47" s="276"/>
      <c r="S47" s="276"/>
      <c r="T47" s="276"/>
      <c r="U47" s="276"/>
    </row>
    <row r="48" spans="3:21" x14ac:dyDescent="0.2">
      <c r="C48" s="276"/>
      <c r="D48" s="276"/>
      <c r="E48" s="276"/>
      <c r="F48" s="276"/>
      <c r="G48" s="276"/>
      <c r="H48" s="276"/>
      <c r="I48" s="276"/>
      <c r="J48" s="276"/>
      <c r="K48" s="276"/>
      <c r="L48" s="276"/>
      <c r="M48" s="276"/>
      <c r="N48" s="276"/>
      <c r="O48" s="276"/>
      <c r="P48" s="276"/>
      <c r="Q48" s="276"/>
      <c r="R48" s="276"/>
      <c r="S48" s="276"/>
      <c r="T48" s="276"/>
      <c r="U48" s="276"/>
    </row>
    <row r="49" spans="3:21" x14ac:dyDescent="0.2">
      <c r="C49" s="276"/>
      <c r="D49" s="276"/>
      <c r="E49" s="276"/>
      <c r="F49" s="276"/>
      <c r="G49" s="276"/>
      <c r="H49" s="276"/>
      <c r="I49" s="276"/>
      <c r="J49" s="276"/>
      <c r="K49" s="276"/>
      <c r="L49" s="276"/>
      <c r="M49" s="276"/>
      <c r="N49" s="276"/>
      <c r="O49" s="276"/>
      <c r="P49" s="276"/>
      <c r="Q49" s="276"/>
      <c r="R49" s="276"/>
      <c r="S49" s="276"/>
      <c r="T49" s="276"/>
      <c r="U49" s="276"/>
    </row>
    <row r="50" spans="3:21" x14ac:dyDescent="0.2">
      <c r="C50" s="276"/>
      <c r="D50" s="276"/>
      <c r="E50" s="276"/>
      <c r="F50" s="276"/>
      <c r="G50" s="276"/>
      <c r="H50" s="276"/>
      <c r="I50" s="276"/>
      <c r="J50" s="276"/>
      <c r="K50" s="276"/>
      <c r="L50" s="276"/>
      <c r="M50" s="276"/>
      <c r="N50" s="276"/>
      <c r="O50" s="276"/>
      <c r="P50" s="276"/>
      <c r="Q50" s="276"/>
      <c r="R50" s="276"/>
      <c r="S50" s="276"/>
      <c r="T50" s="276"/>
      <c r="U50" s="276"/>
    </row>
    <row r="51" spans="3:21" x14ac:dyDescent="0.2">
      <c r="C51" s="276"/>
      <c r="D51" s="276"/>
      <c r="E51" s="276"/>
      <c r="F51" s="276"/>
      <c r="G51" s="276"/>
      <c r="H51" s="276"/>
      <c r="I51" s="276"/>
      <c r="J51" s="276"/>
      <c r="K51" s="276"/>
      <c r="L51" s="276"/>
      <c r="M51" s="276"/>
      <c r="N51" s="276"/>
      <c r="O51" s="276"/>
      <c r="P51" s="276"/>
      <c r="Q51" s="276"/>
      <c r="R51" s="276"/>
      <c r="S51" s="276"/>
      <c r="T51" s="276"/>
      <c r="U51" s="276"/>
    </row>
    <row r="52" spans="3:21" x14ac:dyDescent="0.2">
      <c r="C52" s="276"/>
      <c r="D52" s="276"/>
      <c r="E52" s="276"/>
      <c r="F52" s="276"/>
      <c r="G52" s="276"/>
      <c r="H52" s="276"/>
      <c r="I52" s="276"/>
      <c r="J52" s="276"/>
      <c r="K52" s="276"/>
      <c r="L52" s="276"/>
      <c r="M52" s="276"/>
      <c r="N52" s="276"/>
      <c r="O52" s="276"/>
      <c r="P52" s="276"/>
      <c r="Q52" s="276"/>
      <c r="R52" s="276"/>
      <c r="S52" s="276"/>
      <c r="T52" s="276"/>
      <c r="U52" s="276"/>
    </row>
    <row r="53" spans="3:21" x14ac:dyDescent="0.2">
      <c r="C53" s="276"/>
      <c r="D53" s="276"/>
      <c r="E53" s="276"/>
      <c r="F53" s="276"/>
      <c r="G53" s="276"/>
      <c r="H53" s="276"/>
      <c r="I53" s="276"/>
      <c r="J53" s="276"/>
      <c r="K53" s="276"/>
      <c r="L53" s="276"/>
      <c r="M53" s="276"/>
      <c r="N53" s="276"/>
      <c r="O53" s="276"/>
      <c r="P53" s="276"/>
      <c r="Q53" s="276"/>
      <c r="R53" s="276"/>
      <c r="S53" s="276"/>
      <c r="T53" s="276"/>
      <c r="U53" s="276"/>
    </row>
    <row r="54" spans="3:21" x14ac:dyDescent="0.2">
      <c r="C54" s="276"/>
      <c r="D54" s="276"/>
      <c r="E54" s="276"/>
      <c r="F54" s="276"/>
      <c r="G54" s="276"/>
      <c r="H54" s="276"/>
      <c r="I54" s="276"/>
      <c r="J54" s="276"/>
      <c r="K54" s="276"/>
      <c r="L54" s="276"/>
      <c r="M54" s="276"/>
      <c r="N54" s="276"/>
      <c r="O54" s="276"/>
      <c r="P54" s="276"/>
      <c r="Q54" s="276"/>
      <c r="R54" s="276"/>
      <c r="S54" s="276"/>
      <c r="T54" s="276"/>
      <c r="U54" s="276"/>
    </row>
  </sheetData>
  <mergeCells count="24">
    <mergeCell ref="G11:N12"/>
    <mergeCell ref="O11:U12"/>
    <mergeCell ref="G18:N19"/>
    <mergeCell ref="O18:U19"/>
    <mergeCell ref="G13:N15"/>
    <mergeCell ref="O13:U15"/>
    <mergeCell ref="G16:N17"/>
    <mergeCell ref="O16:U17"/>
    <mergeCell ref="G25:N26"/>
    <mergeCell ref="O25:U26"/>
    <mergeCell ref="O20:U20"/>
    <mergeCell ref="O21:U24"/>
    <mergeCell ref="G20:N24"/>
    <mergeCell ref="G10:N10"/>
    <mergeCell ref="O10:U10"/>
    <mergeCell ref="D4:F4"/>
    <mergeCell ref="L4:M4"/>
    <mergeCell ref="N4:R4"/>
    <mergeCell ref="G6:N6"/>
    <mergeCell ref="O6:U6"/>
    <mergeCell ref="E7:U7"/>
    <mergeCell ref="G8:N8"/>
    <mergeCell ref="O8:U8"/>
    <mergeCell ref="E9:U9"/>
  </mergeCells>
  <phoneticPr fontId="2"/>
  <pageMargins left="0.82677165354330717" right="0.19685039370078741" top="0.59055118110236227" bottom="0.23622047244094491" header="0.39370078740157483" footer="0.19685039370078741"/>
  <pageSetup paperSize="9" scale="77" orientation="landscape" r:id="rId1"/>
  <headerFooter alignWithMargins="0">
    <oddHeader>&amp;R&amp;"ＭＳ Ｐゴシック,太字"【別紙－５】</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48129" r:id="rId4" name="Check Box 1">
              <controlPr defaultSize="0" autoFill="0" autoLine="0" autoPict="0">
                <anchor moveWithCells="1">
                  <from>
                    <xdr:col>4</xdr:col>
                    <xdr:colOff>76200</xdr:colOff>
                    <xdr:row>23</xdr:row>
                    <xdr:rowOff>127000</xdr:rowOff>
                  </from>
                  <to>
                    <xdr:col>5</xdr:col>
                    <xdr:colOff>38100</xdr:colOff>
                    <xdr:row>24</xdr:row>
                    <xdr:rowOff>101600</xdr:rowOff>
                  </to>
                </anchor>
              </controlPr>
            </control>
          </mc:Choice>
        </mc:AlternateContent>
        <mc:AlternateContent xmlns:mc="http://schemas.openxmlformats.org/markup-compatibility/2006">
          <mc:Choice Requires="x14">
            <control shapeId="48130" r:id="rId5" name="Check Box 2">
              <controlPr defaultSize="0" autoFill="0" autoLine="0" autoPict="0">
                <anchor moveWithCells="1">
                  <from>
                    <xdr:col>4</xdr:col>
                    <xdr:colOff>63500</xdr:colOff>
                    <xdr:row>9</xdr:row>
                    <xdr:rowOff>50800</xdr:rowOff>
                  </from>
                  <to>
                    <xdr:col>5</xdr:col>
                    <xdr:colOff>25400</xdr:colOff>
                    <xdr:row>10</xdr:row>
                    <xdr:rowOff>12700</xdr:rowOff>
                  </to>
                </anchor>
              </controlPr>
            </control>
          </mc:Choice>
        </mc:AlternateContent>
        <mc:AlternateContent xmlns:mc="http://schemas.openxmlformats.org/markup-compatibility/2006">
          <mc:Choice Requires="x14">
            <control shapeId="48131" r:id="rId6" name="Check Box 3">
              <controlPr defaultSize="0" autoFill="0" autoLine="0" autoPict="0">
                <anchor moveWithCells="1">
                  <from>
                    <xdr:col>4</xdr:col>
                    <xdr:colOff>63500</xdr:colOff>
                    <xdr:row>10</xdr:row>
                    <xdr:rowOff>44450</xdr:rowOff>
                  </from>
                  <to>
                    <xdr:col>5</xdr:col>
                    <xdr:colOff>25400</xdr:colOff>
                    <xdr:row>11</xdr:row>
                    <xdr:rowOff>12700</xdr:rowOff>
                  </to>
                </anchor>
              </controlPr>
            </control>
          </mc:Choice>
        </mc:AlternateContent>
        <mc:AlternateContent xmlns:mc="http://schemas.openxmlformats.org/markup-compatibility/2006">
          <mc:Choice Requires="x14">
            <control shapeId="48133" r:id="rId7" name="Check Box 5">
              <controlPr defaultSize="0" autoFill="0" autoLine="0" autoPict="0">
                <anchor moveWithCells="1">
                  <from>
                    <xdr:col>4</xdr:col>
                    <xdr:colOff>69850</xdr:colOff>
                    <xdr:row>12</xdr:row>
                    <xdr:rowOff>25400</xdr:rowOff>
                  </from>
                  <to>
                    <xdr:col>5</xdr:col>
                    <xdr:colOff>31750</xdr:colOff>
                    <xdr:row>12</xdr:row>
                    <xdr:rowOff>190500</xdr:rowOff>
                  </to>
                </anchor>
              </controlPr>
            </control>
          </mc:Choice>
        </mc:AlternateContent>
        <mc:AlternateContent xmlns:mc="http://schemas.openxmlformats.org/markup-compatibility/2006">
          <mc:Choice Requires="x14">
            <control shapeId="48137" r:id="rId8" name="Check Box 9">
              <controlPr defaultSize="0" autoFill="0" autoLine="0" autoPict="0">
                <anchor moveWithCells="1">
                  <from>
                    <xdr:col>4</xdr:col>
                    <xdr:colOff>76200</xdr:colOff>
                    <xdr:row>18</xdr:row>
                    <xdr:rowOff>165100</xdr:rowOff>
                  </from>
                  <to>
                    <xdr:col>5</xdr:col>
                    <xdr:colOff>38100</xdr:colOff>
                    <xdr:row>19</xdr:row>
                    <xdr:rowOff>139700</xdr:rowOff>
                  </to>
                </anchor>
              </controlPr>
            </control>
          </mc:Choice>
        </mc:AlternateContent>
        <mc:AlternateContent xmlns:mc="http://schemas.openxmlformats.org/markup-compatibility/2006">
          <mc:Choice Requires="x14">
            <control shapeId="48142" r:id="rId9" name="Check Box 14">
              <controlPr defaultSize="0" autoFill="0" autoLine="0" autoPict="0">
                <anchor moveWithCells="1">
                  <from>
                    <xdr:col>4</xdr:col>
                    <xdr:colOff>76200</xdr:colOff>
                    <xdr:row>16</xdr:row>
                    <xdr:rowOff>184150</xdr:rowOff>
                  </from>
                  <to>
                    <xdr:col>5</xdr:col>
                    <xdr:colOff>38100</xdr:colOff>
                    <xdr:row>17</xdr:row>
                    <xdr:rowOff>152400</xdr:rowOff>
                  </to>
                </anchor>
              </controlPr>
            </control>
          </mc:Choice>
        </mc:AlternateContent>
        <mc:AlternateContent xmlns:mc="http://schemas.openxmlformats.org/markup-compatibility/2006">
          <mc:Choice Requires="x14">
            <control shapeId="48147" r:id="rId10" name="Check Box 19">
              <controlPr defaultSize="0" autoFill="0" autoLine="0" autoPict="0">
                <anchor moveWithCells="1">
                  <from>
                    <xdr:col>4</xdr:col>
                    <xdr:colOff>76200</xdr:colOff>
                    <xdr:row>15</xdr:row>
                    <xdr:rowOff>0</xdr:rowOff>
                  </from>
                  <to>
                    <xdr:col>5</xdr:col>
                    <xdr:colOff>38100</xdr:colOff>
                    <xdr:row>15</xdr:row>
                    <xdr:rowOff>158750</xdr:rowOff>
                  </to>
                </anchor>
              </controlPr>
            </control>
          </mc:Choice>
        </mc:AlternateContent>
        <mc:AlternateContent xmlns:mc="http://schemas.openxmlformats.org/markup-compatibility/2006">
          <mc:Choice Requires="x14">
            <control shapeId="48148" r:id="rId11" name="Check Box 20">
              <controlPr defaultSize="0" autoFill="0" autoLine="0" autoPict="0">
                <anchor moveWithCells="1">
                  <from>
                    <xdr:col>4</xdr:col>
                    <xdr:colOff>38100</xdr:colOff>
                    <xdr:row>7</xdr:row>
                    <xdr:rowOff>6350</xdr:rowOff>
                  </from>
                  <to>
                    <xdr:col>4</xdr:col>
                    <xdr:colOff>298450</xdr:colOff>
                    <xdr:row>7</xdr:row>
                    <xdr:rowOff>18415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74D5B8E-CC8F-4974-9751-5F4B6E8C0624}">
  <dimension ref="A1"/>
  <sheetViews>
    <sheetView view="pageBreakPreview" zoomScaleNormal="100" zoomScaleSheetLayoutView="100" workbookViewId="0">
      <selection activeCell="O47" sqref="O47"/>
    </sheetView>
  </sheetViews>
  <sheetFormatPr defaultRowHeight="13" x14ac:dyDescent="0.2"/>
  <cols>
    <col min="15" max="15" width="10.36328125" customWidth="1"/>
  </cols>
  <sheetData/>
  <phoneticPr fontId="2"/>
  <pageMargins left="0.43307086614173229" right="0.23622047244094491" top="0.55118110236220474" bottom="0.35433070866141736" header="0.31496062992125984" footer="0.31496062992125984"/>
  <pageSetup paperSize="9" scale="99" orientation="landscape"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B3FA193-5EFB-4B76-9829-EA9493214390}">
  <dimension ref="A1"/>
  <sheetViews>
    <sheetView workbookViewId="0">
      <selection activeCell="S10" sqref="S10"/>
    </sheetView>
  </sheetViews>
  <sheetFormatPr defaultRowHeight="13" x14ac:dyDescent="0.2"/>
  <cols>
    <col min="15" max="15" width="10.36328125" customWidth="1"/>
  </cols>
  <sheetData/>
  <phoneticPr fontId="2"/>
  <pageMargins left="0.31496062992125984" right="0.31496062992125984" top="0.55118110236220474" bottom="0.35433070866141736" header="0.31496062992125984" footer="0.31496062992125984"/>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5</vt:i4>
      </vt:variant>
      <vt:variant>
        <vt:lpstr>名前付き一覧</vt:lpstr>
      </vt:variant>
      <vt:variant>
        <vt:i4>12</vt:i4>
      </vt:variant>
    </vt:vector>
  </HeadingPairs>
  <TitlesOfParts>
    <vt:vector size="27" baseType="lpstr">
      <vt:lpstr>別紙－１施工体制台帳（写）提出時のチェックリスト </vt:lpstr>
      <vt:lpstr>別紙－１ー②元請業者が行うこと</vt:lpstr>
      <vt:lpstr>別紙－１ー③チェックリスト (つづき）</vt:lpstr>
      <vt:lpstr>別紙－２下請負契約書記載事項のチェックリスト</vt:lpstr>
      <vt:lpstr>別紙－３再下請負通知書チェックリスト</vt:lpstr>
      <vt:lpstr>別紙－４作業員名簿等チェックリスト </vt:lpstr>
      <vt:lpstr>別紙－５特定専門工事の合意内容チェックリスト</vt:lpstr>
      <vt:lpstr>（参考）発注者に提出する書類（事例1～3）</vt:lpstr>
      <vt:lpstr>（参考）発注者に提出する書類（事例4）</vt:lpstr>
      <vt:lpstr>様式12_施工体制台帳</vt:lpstr>
      <vt:lpstr>様式13_再下請通知書</vt:lpstr>
      <vt:lpstr>様式14_施工体系図</vt:lpstr>
      <vt:lpstr>様式15工事担当技術者台帳</vt:lpstr>
      <vt:lpstr>作業員名簿（新規　国交省建設業課Ver）</vt:lpstr>
      <vt:lpstr>作業員名簿（新規　建設ｷｬﾘｱｱｯﾌﾟｼｽﾃﾑVer）</vt:lpstr>
      <vt:lpstr>'作業員名簿（新規　建設ｷｬﾘｱｱｯﾌﾟｼｽﾃﾑVer）'!Print_Area</vt:lpstr>
      <vt:lpstr>'作業員名簿（新規　国交省建設業課Ver）'!Print_Area</vt:lpstr>
      <vt:lpstr>'別紙－１ー②元請業者が行うこと'!Print_Area</vt:lpstr>
      <vt:lpstr>'別紙－１ー③チェックリスト (つづき）'!Print_Area</vt:lpstr>
      <vt:lpstr>'別紙－１施工体制台帳（写）提出時のチェックリスト '!Print_Area</vt:lpstr>
      <vt:lpstr>'別紙－２下請負契約書記載事項のチェックリスト'!Print_Area</vt:lpstr>
      <vt:lpstr>'別紙－３再下請負通知書チェックリスト'!Print_Area</vt:lpstr>
      <vt:lpstr>'別紙－４作業員名簿等チェックリスト '!Print_Area</vt:lpstr>
      <vt:lpstr>'別紙－５特定専門工事の合意内容チェックリスト'!Print_Area</vt:lpstr>
      <vt:lpstr>様式12_施工体制台帳!Print_Area</vt:lpstr>
      <vt:lpstr>様式13_再下請通知書!Print_Area</vt:lpstr>
      <vt:lpstr>様式15工事担当技術者台帳!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amamoto</dc:creator>
  <cp:lastModifiedBy>和田 悟志</cp:lastModifiedBy>
  <cp:lastPrinted>2024-10-28T06:36:19Z</cp:lastPrinted>
  <dcterms:created xsi:type="dcterms:W3CDTF">2004-05-12T00:47:37Z</dcterms:created>
  <dcterms:modified xsi:type="dcterms:W3CDTF">2026-01-06T05:31:56Z</dcterms:modified>
</cp:coreProperties>
</file>